
<file path=[Content_Types].xml><?xml version="1.0" encoding="utf-8"?>
<Types xmlns="http://schemas.openxmlformats.org/package/2006/content-types">
  <Default Extension="png" ContentType="image/png"/>
  <Default Extension="svg" ContentType="image/svg+xml"/>
  <Default Extension="jpeg" ContentType="image/jpeg"/>
  <Default Extension="rels" ContentType="application/vnd.openxmlformats-package.relationships+xml"/>
  <Default Extension="xml" ContentType="application/xml"/>
  <Default Extension="gif" ContentType="image/gif"/>
  <Default Extension="mp4" ContentType="video/mp4"/>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Masters/slideMaster9.xml" ContentType="application/vnd.openxmlformats-officedocument.presentationml.slideMaster+xml"/>
  <Override PartName="/ppt/slideMasters/slideMaster10.xml" ContentType="application/vnd.openxmlformats-officedocument.presentationml.slideMaster+xml"/>
  <Override PartName="/ppt/slideMasters/slideMaster11.xml" ContentType="application/vnd.openxmlformats-officedocument.presentationml.slideMaster+xml"/>
  <Override PartName="/ppt/slideMasters/slideMaster1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tags/tag1.xml" ContentType="application/vnd.openxmlformats-officedocument.presentationml.tags+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theme/theme2.xml" ContentType="application/vnd.openxmlformats-officedocument.theme+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theme/theme3.xml" ContentType="application/vnd.openxmlformats-officedocument.theme+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theme/theme4.xml" ContentType="application/vnd.openxmlformats-officedocument.theme+xml"/>
  <Override PartName="/ppt/tags/tag2.xml" ContentType="application/vnd.openxmlformats-officedocument.presentationml.tags+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theme/theme5.xml" ContentType="application/vnd.openxmlformats-officedocument.theme+xml"/>
  <Override PartName="/ppt/slideLayouts/slideLayout29.xml" ContentType="application/vnd.openxmlformats-officedocument.presentationml.slideLayout+xml"/>
  <Override PartName="/ppt/theme/theme6.xml" ContentType="application/vnd.openxmlformats-officedocument.theme+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theme/theme7.xml" ContentType="application/vnd.openxmlformats-officedocument.theme+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theme/theme8.xml" ContentType="application/vnd.openxmlformats-officedocument.theme+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theme/theme9.xml" ContentType="application/vnd.openxmlformats-officedocument.theme+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theme/theme10.xml" ContentType="application/vnd.openxmlformats-officedocument.theme+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slideLayouts/slideLayout79.xml" ContentType="application/vnd.openxmlformats-officedocument.presentationml.slideLayout+xml"/>
  <Override PartName="/ppt/slideLayouts/slideLayout80.xml" ContentType="application/vnd.openxmlformats-officedocument.presentationml.slideLayout+xml"/>
  <Override PartName="/ppt/slideLayouts/slideLayout81.xml" ContentType="application/vnd.openxmlformats-officedocument.presentationml.slideLayout+xml"/>
  <Override PartName="/ppt/slideLayouts/slideLayout82.xml" ContentType="application/vnd.openxmlformats-officedocument.presentationml.slideLayout+xml"/>
  <Override PartName="/ppt/slideLayouts/slideLayout83.xml" ContentType="application/vnd.openxmlformats-officedocument.presentationml.slideLayout+xml"/>
  <Override PartName="/ppt/theme/theme11.xml" ContentType="application/vnd.openxmlformats-officedocument.theme+xml"/>
  <Override PartName="/ppt/slideLayouts/slideLayout84.xml" ContentType="application/vnd.openxmlformats-officedocument.presentationml.slideLayout+xml"/>
  <Override PartName="/ppt/slideLayouts/slideLayout85.xml" ContentType="application/vnd.openxmlformats-officedocument.presentationml.slideLayout+xml"/>
  <Override PartName="/ppt/slideLayouts/slideLayout86.xml" ContentType="application/vnd.openxmlformats-officedocument.presentationml.slideLayout+xml"/>
  <Override PartName="/ppt/slideLayouts/slideLayout87.xml" ContentType="application/vnd.openxmlformats-officedocument.presentationml.slideLayout+xml"/>
  <Override PartName="/ppt/slideLayouts/slideLayout88.xml" ContentType="application/vnd.openxmlformats-officedocument.presentationml.slideLayout+xml"/>
  <Override PartName="/ppt/slideLayouts/slideLayout89.xml" ContentType="application/vnd.openxmlformats-officedocument.presentationml.slideLayout+xml"/>
  <Override PartName="/ppt/slideLayouts/slideLayout90.xml" ContentType="application/vnd.openxmlformats-officedocument.presentationml.slideLayout+xml"/>
  <Override PartName="/ppt/slideLayouts/slideLayout91.xml" ContentType="application/vnd.openxmlformats-officedocument.presentationml.slideLayout+xml"/>
  <Override PartName="/ppt/slideLayouts/slideLayout92.xml" ContentType="application/vnd.openxmlformats-officedocument.presentationml.slideLayout+xml"/>
  <Override PartName="/ppt/slideLayouts/slideLayout93.xml" ContentType="application/vnd.openxmlformats-officedocument.presentationml.slideLayout+xml"/>
  <Override PartName="/ppt/slideLayouts/slideLayout94.xml" ContentType="application/vnd.openxmlformats-officedocument.presentationml.slideLayout+xml"/>
  <Override PartName="/ppt/slideLayouts/slideLayout95.xml" ContentType="application/vnd.openxmlformats-officedocument.presentationml.slideLayout+xml"/>
  <Override PartName="/ppt/slideLayouts/slideLayout96.xml" ContentType="application/vnd.openxmlformats-officedocument.presentationml.slideLayout+xml"/>
  <Override PartName="/ppt/slideLayouts/slideLayout97.xml" ContentType="application/vnd.openxmlformats-officedocument.presentationml.slideLayout+xml"/>
  <Override PartName="/ppt/slideLayouts/slideLayout98.xml" ContentType="application/vnd.openxmlformats-officedocument.presentationml.slideLayout+xml"/>
  <Override PartName="/ppt/slideLayouts/slideLayout99.xml" ContentType="application/vnd.openxmlformats-officedocument.presentationml.slideLayout+xml"/>
  <Override PartName="/ppt/slideLayouts/slideLayout100.xml" ContentType="application/vnd.openxmlformats-officedocument.presentationml.slideLayout+xml"/>
  <Override PartName="/ppt/slideLayouts/slideLayout101.xml" ContentType="application/vnd.openxmlformats-officedocument.presentationml.slideLayout+xml"/>
  <Override PartName="/ppt/slideLayouts/slideLayout102.xml" ContentType="application/vnd.openxmlformats-officedocument.presentationml.slideLayout+xml"/>
  <Override PartName="/ppt/slideLayouts/slideLayout103.xml" ContentType="application/vnd.openxmlformats-officedocument.presentationml.slideLayout+xml"/>
  <Override PartName="/ppt/slideLayouts/slideLayout104.xml" ContentType="application/vnd.openxmlformats-officedocument.presentationml.slideLayout+xml"/>
  <Override PartName="/ppt/slideLayouts/slideLayout105.xml" ContentType="application/vnd.openxmlformats-officedocument.presentationml.slideLayout+xml"/>
  <Override PartName="/ppt/slideLayouts/slideLayout106.xml" ContentType="application/vnd.openxmlformats-officedocument.presentationml.slideLayout+xml"/>
  <Override PartName="/ppt/slideLayouts/slideLayout107.xml" ContentType="application/vnd.openxmlformats-officedocument.presentationml.slideLayout+xml"/>
  <Override PartName="/ppt/slideLayouts/slideLayout108.xml" ContentType="application/vnd.openxmlformats-officedocument.presentationml.slideLayout+xml"/>
  <Override PartName="/ppt/slideLayouts/slideLayout109.xml" ContentType="application/vnd.openxmlformats-officedocument.presentationml.slideLayout+xml"/>
  <Override PartName="/ppt/slideLayouts/slideLayout110.xml" ContentType="application/vnd.openxmlformats-officedocument.presentationml.slideLayout+xml"/>
  <Override PartName="/ppt/slideLayouts/slideLayout111.xml" ContentType="application/vnd.openxmlformats-officedocument.presentationml.slideLayout+xml"/>
  <Override PartName="/ppt/slideLayouts/slideLayout112.xml" ContentType="application/vnd.openxmlformats-officedocument.presentationml.slideLayout+xml"/>
  <Override PartName="/ppt/slideLayouts/slideLayout113.xml" ContentType="application/vnd.openxmlformats-officedocument.presentationml.slideLayout+xml"/>
  <Override PartName="/ppt/slideLayouts/slideLayout114.xml" ContentType="application/vnd.openxmlformats-officedocument.presentationml.slideLayout+xml"/>
  <Override PartName="/ppt/slideLayouts/slideLayout115.xml" ContentType="application/vnd.openxmlformats-officedocument.presentationml.slideLayout+xml"/>
  <Override PartName="/ppt/slideLayouts/slideLayout116.xml" ContentType="application/vnd.openxmlformats-officedocument.presentationml.slideLayout+xml"/>
  <Override PartName="/ppt/slideLayouts/slideLayout117.xml" ContentType="application/vnd.openxmlformats-officedocument.presentationml.slideLayout+xml"/>
  <Override PartName="/ppt/slideLayouts/slideLayout118.xml" ContentType="application/vnd.openxmlformats-officedocument.presentationml.slideLayout+xml"/>
  <Override PartName="/ppt/slideLayouts/slideLayout119.xml" ContentType="application/vnd.openxmlformats-officedocument.presentationml.slideLayout+xml"/>
  <Override PartName="/ppt/slideLayouts/slideLayout120.xml" ContentType="application/vnd.openxmlformats-officedocument.presentationml.slideLayout+xml"/>
  <Override PartName="/ppt/theme/theme12.xml" ContentType="application/vnd.openxmlformats-officedocument.theme+xml"/>
  <Override PartName="/ppt/theme/theme13.xml" ContentType="application/vnd.openxmlformats-officedocument.theme+xml"/>
  <Override PartName="/ppt/theme/theme14.xml" ContentType="application/vnd.openxmlformats-officedocument.theme+xml"/>
  <Override PartName="/ppt/notesSlides/notesSlide1.xml" ContentType="application/vnd.openxmlformats-officedocument.presentationml.notesSlide+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notesSlides/notesSlide2.xml" ContentType="application/vnd.openxmlformats-officedocument.presentationml.notesSlide+xml"/>
  <Override PartName="/ppt/tags/tag71.xml" ContentType="application/vnd.openxmlformats-officedocument.presentationml.tags+xml"/>
  <Override PartName="/ppt/notesSlides/notesSlide3.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ppt/authors.xml" ContentType="application/vnd.ms-powerpoint.authors+xml"/>
  <Override PartName="/ppt/revisionInfo.xml" ContentType="application/vnd.ms-powerpoint.revisioninfo+xml"/>
  <Override PartName="/ppt/changesInfos/changesInfo1.xml" ContentType="application/vnd.ms-powerpoint.changesinfo+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4135" r:id="rId1"/>
    <p:sldMasterId id="2147484108" r:id="rId2"/>
    <p:sldMasterId id="2147484138" r:id="rId3"/>
    <p:sldMasterId id="2147484123" r:id="rId4"/>
    <p:sldMasterId id="2147484127" r:id="rId5"/>
    <p:sldMasterId id="2147484136" r:id="rId6"/>
    <p:sldMasterId id="2147484129" r:id="rId7"/>
    <p:sldMasterId id="2147484233" r:id="rId8"/>
    <p:sldMasterId id="2147484270" r:id="rId9"/>
    <p:sldMasterId id="2147484282" r:id="rId10"/>
    <p:sldMasterId id="2147484295" r:id="rId11"/>
    <p:sldMasterId id="2147484311" r:id="rId12"/>
  </p:sldMasterIdLst>
  <p:notesMasterIdLst>
    <p:notesMasterId r:id="rId28"/>
  </p:notesMasterIdLst>
  <p:handoutMasterIdLst>
    <p:handoutMasterId r:id="rId29"/>
  </p:handoutMasterIdLst>
  <p:sldIdLst>
    <p:sldId id="1219" r:id="rId13"/>
    <p:sldId id="1214" r:id="rId14"/>
    <p:sldId id="894" r:id="rId15"/>
    <p:sldId id="880" r:id="rId16"/>
    <p:sldId id="884" r:id="rId17"/>
    <p:sldId id="1216" r:id="rId18"/>
    <p:sldId id="1217" r:id="rId19"/>
    <p:sldId id="885" r:id="rId20"/>
    <p:sldId id="1215" r:id="rId21"/>
    <p:sldId id="887" r:id="rId22"/>
    <p:sldId id="348" r:id="rId23"/>
    <p:sldId id="335" r:id="rId24"/>
    <p:sldId id="892" r:id="rId25"/>
    <p:sldId id="1212" r:id="rId26"/>
    <p:sldId id="881" r:id="rId27"/>
  </p:sldIdLst>
  <p:sldSz cx="20320000" cy="11430000"/>
  <p:notesSz cx="6858000" cy="9144000"/>
  <p:defaultTextStyle>
    <a:defPPr>
      <a:defRPr lang="en-GB"/>
    </a:defPPr>
    <a:lvl1pPr algn="l" defTabSz="1370013" rtl="0" eaLnBrk="0" fontAlgn="base" hangingPunct="0">
      <a:spcBef>
        <a:spcPct val="0"/>
      </a:spcBef>
      <a:spcAft>
        <a:spcPct val="0"/>
      </a:spcAft>
      <a:defRPr sz="2700" kern="1200">
        <a:solidFill>
          <a:schemeClr val="tx1"/>
        </a:solidFill>
        <a:latin typeface="Calibri" panose="020F0502020204030204" pitchFamily="34" charset="0"/>
        <a:ea typeface="+mn-ea"/>
        <a:cs typeface="+mn-cs"/>
      </a:defRPr>
    </a:lvl1pPr>
    <a:lvl2pPr marL="684213" indent="-227013" algn="l" defTabSz="1370013" rtl="0" eaLnBrk="0" fontAlgn="base" hangingPunct="0">
      <a:spcBef>
        <a:spcPct val="0"/>
      </a:spcBef>
      <a:spcAft>
        <a:spcPct val="0"/>
      </a:spcAft>
      <a:defRPr sz="2700" kern="1200">
        <a:solidFill>
          <a:schemeClr val="tx1"/>
        </a:solidFill>
        <a:latin typeface="Calibri" panose="020F0502020204030204" pitchFamily="34" charset="0"/>
        <a:ea typeface="+mn-ea"/>
        <a:cs typeface="+mn-cs"/>
      </a:defRPr>
    </a:lvl2pPr>
    <a:lvl3pPr marL="1370013" indent="-455613" algn="l" defTabSz="1370013" rtl="0" eaLnBrk="0" fontAlgn="base" hangingPunct="0">
      <a:spcBef>
        <a:spcPct val="0"/>
      </a:spcBef>
      <a:spcAft>
        <a:spcPct val="0"/>
      </a:spcAft>
      <a:defRPr sz="2700" kern="1200">
        <a:solidFill>
          <a:schemeClr val="tx1"/>
        </a:solidFill>
        <a:latin typeface="Calibri" panose="020F0502020204030204" pitchFamily="34" charset="0"/>
        <a:ea typeface="+mn-ea"/>
        <a:cs typeface="+mn-cs"/>
      </a:defRPr>
    </a:lvl3pPr>
    <a:lvl4pPr marL="2055813" indent="-684213" algn="l" defTabSz="1370013" rtl="0" eaLnBrk="0" fontAlgn="base" hangingPunct="0">
      <a:spcBef>
        <a:spcPct val="0"/>
      </a:spcBef>
      <a:spcAft>
        <a:spcPct val="0"/>
      </a:spcAft>
      <a:defRPr sz="2700" kern="1200">
        <a:solidFill>
          <a:schemeClr val="tx1"/>
        </a:solidFill>
        <a:latin typeface="Calibri" panose="020F0502020204030204" pitchFamily="34" charset="0"/>
        <a:ea typeface="+mn-ea"/>
        <a:cs typeface="+mn-cs"/>
      </a:defRPr>
    </a:lvl4pPr>
    <a:lvl5pPr marL="2741613" indent="-912813" algn="l" defTabSz="1370013" rtl="0" eaLnBrk="0" fontAlgn="base" hangingPunct="0">
      <a:spcBef>
        <a:spcPct val="0"/>
      </a:spcBef>
      <a:spcAft>
        <a:spcPct val="0"/>
      </a:spcAft>
      <a:defRPr sz="2700" kern="1200">
        <a:solidFill>
          <a:schemeClr val="tx1"/>
        </a:solidFill>
        <a:latin typeface="Calibri" panose="020F0502020204030204" pitchFamily="34" charset="0"/>
        <a:ea typeface="+mn-ea"/>
        <a:cs typeface="+mn-cs"/>
      </a:defRPr>
    </a:lvl5pPr>
    <a:lvl6pPr marL="2286000" algn="l" defTabSz="914400" rtl="0" eaLnBrk="1" latinLnBrk="0" hangingPunct="1">
      <a:defRPr sz="2700" kern="1200">
        <a:solidFill>
          <a:schemeClr val="tx1"/>
        </a:solidFill>
        <a:latin typeface="Calibri" panose="020F0502020204030204" pitchFamily="34" charset="0"/>
        <a:ea typeface="+mn-ea"/>
        <a:cs typeface="+mn-cs"/>
      </a:defRPr>
    </a:lvl6pPr>
    <a:lvl7pPr marL="2743200" algn="l" defTabSz="914400" rtl="0" eaLnBrk="1" latinLnBrk="0" hangingPunct="1">
      <a:defRPr sz="2700" kern="1200">
        <a:solidFill>
          <a:schemeClr val="tx1"/>
        </a:solidFill>
        <a:latin typeface="Calibri" panose="020F0502020204030204" pitchFamily="34" charset="0"/>
        <a:ea typeface="+mn-ea"/>
        <a:cs typeface="+mn-cs"/>
      </a:defRPr>
    </a:lvl7pPr>
    <a:lvl8pPr marL="3200400" algn="l" defTabSz="914400" rtl="0" eaLnBrk="1" latinLnBrk="0" hangingPunct="1">
      <a:defRPr sz="2700" kern="1200">
        <a:solidFill>
          <a:schemeClr val="tx1"/>
        </a:solidFill>
        <a:latin typeface="Calibri" panose="020F0502020204030204" pitchFamily="34" charset="0"/>
        <a:ea typeface="+mn-ea"/>
        <a:cs typeface="+mn-cs"/>
      </a:defRPr>
    </a:lvl8pPr>
    <a:lvl9pPr marL="3657600" algn="l" defTabSz="914400" rtl="0" eaLnBrk="1" latinLnBrk="0" hangingPunct="1">
      <a:defRPr sz="2700" kern="1200">
        <a:solidFill>
          <a:schemeClr val="tx1"/>
        </a:solidFill>
        <a:latin typeface="Calibri" panose="020F0502020204030204"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authors.xml><?xml version="1.0" encoding="utf-8"?>
<p188:authorLst xmlns:a="http://schemas.openxmlformats.org/drawingml/2006/main" xmlns:r="http://schemas.openxmlformats.org/officeDocument/2006/relationships" xmlns:p188="http://schemas.microsoft.com/office/powerpoint/2018/8/main">
  <p188:author id="{3285EA3A-DD62-E1A5-E698-8D0918248619}" name="Rob Hartley" initials="RH" userId="S::Rob.Hartley@davies-group.com::7e8bc34b-f414-482b-b3f5-7d6605c4898d" providerId="AD"/>
</p188:authorLst>
</file>

<file path=ppt/commentAuthors.xml><?xml version="1.0" encoding="utf-8"?>
<p:cmAuthorLst xmlns:a="http://schemas.openxmlformats.org/drawingml/2006/main" xmlns:r="http://schemas.openxmlformats.org/officeDocument/2006/relationships" xmlns:p="http://schemas.openxmlformats.org/presentationml/2006/main">
  <p:cmAuthor id="1" name="Sally Richmond" initials="SR" lastIdx="14" clrIdx="0">
    <p:extLst>
      <p:ext uri="{19B8F6BF-5375-455C-9EA6-DF929625EA0E}">
        <p15:presenceInfo xmlns:p15="http://schemas.microsoft.com/office/powerpoint/2012/main" userId="S-1-5-21-1935655697-573735546-839522115-62578"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5FC7C7"/>
    <a:srgbClr val="1C0303"/>
    <a:srgbClr val="F9D06B"/>
    <a:srgbClr val="F8E0BD"/>
    <a:srgbClr val="CC9900"/>
    <a:srgbClr val="FFCC00"/>
    <a:srgbClr val="114B5F"/>
    <a:srgbClr val="74B9B9"/>
    <a:srgbClr val="F76C6C"/>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96"/>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3ABB98E7-BA6D-0A4A-A3E1-07A81B871BC5}" v="82" dt="2024-07-17T13:54:18.645"/>
    <p1510:client id="{4D8E97F2-6781-40F1-B563-E55B58908C72}" v="13" dt="2024-07-16T20:05:43.664"/>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6622" autoAdjust="0"/>
    <p:restoredTop sz="95747" autoAdjust="0"/>
  </p:normalViewPr>
  <p:slideViewPr>
    <p:cSldViewPr snapToGrid="0">
      <p:cViewPr varScale="1">
        <p:scale>
          <a:sx n="37" d="100"/>
          <a:sy n="37" d="100"/>
        </p:scale>
        <p:origin x="8" y="278"/>
      </p:cViewPr>
      <p:guideLst/>
    </p:cSldViewPr>
  </p:slideViewPr>
  <p:notesTextViewPr>
    <p:cViewPr>
      <p:scale>
        <a:sx n="3" d="2"/>
        <a:sy n="3" d="2"/>
      </p:scale>
      <p:origin x="0" y="0"/>
    </p:cViewPr>
  </p:notesTextViewPr>
  <p:notesViewPr>
    <p:cSldViewPr snapToGrid="0">
      <p:cViewPr varScale="1">
        <p:scale>
          <a:sx n="76" d="100"/>
          <a:sy n="76" d="100"/>
        </p:scale>
        <p:origin x="2286" y="90"/>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Master" Target="slideMasters/slideMaster8.xml"/><Relationship Id="rId13" Type="http://schemas.openxmlformats.org/officeDocument/2006/relationships/slide" Target="slides/slide1.xml"/><Relationship Id="rId18" Type="http://schemas.openxmlformats.org/officeDocument/2006/relationships/slide" Target="slides/slide6.xml"/><Relationship Id="rId26" Type="http://schemas.openxmlformats.org/officeDocument/2006/relationships/slide" Target="slides/slide14.xml"/><Relationship Id="rId3" Type="http://schemas.openxmlformats.org/officeDocument/2006/relationships/slideMaster" Target="slideMasters/slideMaster3.xml"/><Relationship Id="rId21" Type="http://schemas.openxmlformats.org/officeDocument/2006/relationships/slide" Target="slides/slide9.xml"/><Relationship Id="rId34" Type="http://schemas.openxmlformats.org/officeDocument/2006/relationships/tableStyles" Target="tableStyles.xml"/><Relationship Id="rId7" Type="http://schemas.openxmlformats.org/officeDocument/2006/relationships/slideMaster" Target="slideMasters/slideMaster7.xml"/><Relationship Id="rId12" Type="http://schemas.openxmlformats.org/officeDocument/2006/relationships/slideMaster" Target="slideMasters/slideMaster12.xml"/><Relationship Id="rId17" Type="http://schemas.openxmlformats.org/officeDocument/2006/relationships/slide" Target="slides/slide5.xml"/><Relationship Id="rId25" Type="http://schemas.openxmlformats.org/officeDocument/2006/relationships/slide" Target="slides/slide13.xml"/><Relationship Id="rId33" Type="http://schemas.openxmlformats.org/officeDocument/2006/relationships/theme" Target="theme/theme1.xml"/><Relationship Id="rId2" Type="http://schemas.openxmlformats.org/officeDocument/2006/relationships/slideMaster" Target="slideMasters/slideMaster2.xml"/><Relationship Id="rId16" Type="http://schemas.openxmlformats.org/officeDocument/2006/relationships/slide" Target="slides/slide4.xml"/><Relationship Id="rId20" Type="http://schemas.openxmlformats.org/officeDocument/2006/relationships/slide" Target="slides/slide8.xml"/><Relationship Id="rId29" Type="http://schemas.openxmlformats.org/officeDocument/2006/relationships/handoutMaster" Target="handoutMasters/handoutMaster1.xml"/><Relationship Id="rId1" Type="http://schemas.openxmlformats.org/officeDocument/2006/relationships/slideMaster" Target="slideMasters/slideMaster1.xml"/><Relationship Id="rId6" Type="http://schemas.openxmlformats.org/officeDocument/2006/relationships/slideMaster" Target="slideMasters/slideMaster6.xml"/><Relationship Id="rId11" Type="http://schemas.openxmlformats.org/officeDocument/2006/relationships/slideMaster" Target="slideMasters/slideMaster11.xml"/><Relationship Id="rId24" Type="http://schemas.openxmlformats.org/officeDocument/2006/relationships/slide" Target="slides/slide12.xml"/><Relationship Id="rId32" Type="http://schemas.openxmlformats.org/officeDocument/2006/relationships/viewProps" Target="viewProps.xml"/><Relationship Id="rId37" Type="http://schemas.microsoft.com/office/2018/10/relationships/authors" Target="authors.xml"/><Relationship Id="rId5" Type="http://schemas.openxmlformats.org/officeDocument/2006/relationships/slideMaster" Target="slideMasters/slideMaster5.xml"/><Relationship Id="rId15" Type="http://schemas.openxmlformats.org/officeDocument/2006/relationships/slide" Target="slides/slide3.xml"/><Relationship Id="rId23" Type="http://schemas.openxmlformats.org/officeDocument/2006/relationships/slide" Target="slides/slide11.xml"/><Relationship Id="rId28" Type="http://schemas.openxmlformats.org/officeDocument/2006/relationships/notesMaster" Target="notesMasters/notesMaster1.xml"/><Relationship Id="rId36" Type="http://schemas.microsoft.com/office/2015/10/relationships/revisionInfo" Target="revisionInfo.xml"/><Relationship Id="rId10" Type="http://schemas.openxmlformats.org/officeDocument/2006/relationships/slideMaster" Target="slideMasters/slideMaster10.xml"/><Relationship Id="rId19" Type="http://schemas.openxmlformats.org/officeDocument/2006/relationships/slide" Target="slides/slide7.xml"/><Relationship Id="rId31" Type="http://schemas.openxmlformats.org/officeDocument/2006/relationships/presProps" Target="presProps.xml"/><Relationship Id="rId4" Type="http://schemas.openxmlformats.org/officeDocument/2006/relationships/slideMaster" Target="slideMasters/slideMaster4.xml"/><Relationship Id="rId9" Type="http://schemas.openxmlformats.org/officeDocument/2006/relationships/slideMaster" Target="slideMasters/slideMaster9.xml"/><Relationship Id="rId14" Type="http://schemas.openxmlformats.org/officeDocument/2006/relationships/slide" Target="slides/slide2.xml"/><Relationship Id="rId22" Type="http://schemas.openxmlformats.org/officeDocument/2006/relationships/slide" Target="slides/slide10.xml"/><Relationship Id="rId27" Type="http://schemas.openxmlformats.org/officeDocument/2006/relationships/slide" Target="slides/slide15.xml"/><Relationship Id="rId30" Type="http://schemas.openxmlformats.org/officeDocument/2006/relationships/commentAuthors" Target="commentAuthors.xml"/><Relationship Id="rId35" Type="http://schemas.microsoft.com/office/2016/11/relationships/changesInfo" Target="changesInfos/changesInfo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Valeria Moreno" userId="72f8ecb8-c22a-435e-88af-9d55b3270360" providerId="ADAL" clId="{4D8E97F2-6781-40F1-B563-E55B58908C72}"/>
    <pc:docChg chg="undo custSel modSld sldOrd">
      <pc:chgData name="Valeria Moreno" userId="72f8ecb8-c22a-435e-88af-9d55b3270360" providerId="ADAL" clId="{4D8E97F2-6781-40F1-B563-E55B58908C72}" dt="2024-07-17T16:31:09.107" v="30"/>
      <pc:docMkLst>
        <pc:docMk/>
      </pc:docMkLst>
      <pc:sldChg chg="addSp delSp modSp mod modTransition">
        <pc:chgData name="Valeria Moreno" userId="72f8ecb8-c22a-435e-88af-9d55b3270360" providerId="ADAL" clId="{4D8E97F2-6781-40F1-B563-E55B58908C72}" dt="2024-07-16T20:05:03.584" v="25"/>
        <pc:sldMkLst>
          <pc:docMk/>
          <pc:sldMk cId="1842776271" sldId="881"/>
        </pc:sldMkLst>
        <pc:spChg chg="mod">
          <ac:chgData name="Valeria Moreno" userId="72f8ecb8-c22a-435e-88af-9d55b3270360" providerId="ADAL" clId="{4D8E97F2-6781-40F1-B563-E55B58908C72}" dt="2024-06-28T20:42:58.071" v="3"/>
          <ac:spMkLst>
            <pc:docMk/>
            <pc:sldMk cId="1842776271" sldId="881"/>
            <ac:spMk id="3" creationId="{67CC7956-EA38-2BFC-D881-6A5342431BEC}"/>
          </ac:spMkLst>
        </pc:spChg>
        <pc:spChg chg="mod">
          <ac:chgData name="Valeria Moreno" userId="72f8ecb8-c22a-435e-88af-9d55b3270360" providerId="ADAL" clId="{4D8E97F2-6781-40F1-B563-E55B58908C72}" dt="2024-06-28T20:42:58.071" v="3"/>
          <ac:spMkLst>
            <pc:docMk/>
            <pc:sldMk cId="1842776271" sldId="881"/>
            <ac:spMk id="4" creationId="{E528BA62-4AAA-30BE-E61C-AF423F13CC4B}"/>
          </ac:spMkLst>
        </pc:spChg>
        <pc:spChg chg="mod">
          <ac:chgData name="Valeria Moreno" userId="72f8ecb8-c22a-435e-88af-9d55b3270360" providerId="ADAL" clId="{4D8E97F2-6781-40F1-B563-E55B58908C72}" dt="2024-06-28T20:43:02.254" v="4"/>
          <ac:spMkLst>
            <pc:docMk/>
            <pc:sldMk cId="1842776271" sldId="881"/>
            <ac:spMk id="6" creationId="{8D3D942A-5D09-565B-637F-9966B3692D57}"/>
          </ac:spMkLst>
        </pc:spChg>
        <pc:spChg chg="mod">
          <ac:chgData name="Valeria Moreno" userId="72f8ecb8-c22a-435e-88af-9d55b3270360" providerId="ADAL" clId="{4D8E97F2-6781-40F1-B563-E55B58908C72}" dt="2024-06-28T20:43:02.254" v="4"/>
          <ac:spMkLst>
            <pc:docMk/>
            <pc:sldMk cId="1842776271" sldId="881"/>
            <ac:spMk id="7" creationId="{B4D22B34-ECA8-BA94-B498-11AAD6DF316E}"/>
          </ac:spMkLst>
        </pc:spChg>
        <pc:spChg chg="add mod">
          <ac:chgData name="Valeria Moreno" userId="72f8ecb8-c22a-435e-88af-9d55b3270360" providerId="ADAL" clId="{4D8E97F2-6781-40F1-B563-E55B58908C72}" dt="2024-06-28T20:43:29.612" v="13"/>
          <ac:spMkLst>
            <pc:docMk/>
            <pc:sldMk cId="1842776271" sldId="881"/>
            <ac:spMk id="8" creationId="{268281B9-5B48-0ECB-AACF-7C7B660FBEAA}"/>
          </ac:spMkLst>
        </pc:spChg>
        <pc:spChg chg="add mod ord">
          <ac:chgData name="Valeria Moreno" userId="72f8ecb8-c22a-435e-88af-9d55b3270360" providerId="ADAL" clId="{4D8E97F2-6781-40F1-B563-E55B58908C72}" dt="2024-06-28T20:45:48.250" v="18" actId="14100"/>
          <ac:spMkLst>
            <pc:docMk/>
            <pc:sldMk cId="1842776271" sldId="881"/>
            <ac:spMk id="9" creationId="{5731D6AD-11E4-02A2-6191-013374A470B9}"/>
          </ac:spMkLst>
        </pc:spChg>
        <pc:spChg chg="mod">
          <ac:chgData name="Valeria Moreno" userId="72f8ecb8-c22a-435e-88af-9d55b3270360" providerId="ADAL" clId="{4D8E97F2-6781-40F1-B563-E55B58908C72}" dt="2024-06-28T20:43:05.964" v="6" actId="1076"/>
          <ac:spMkLst>
            <pc:docMk/>
            <pc:sldMk cId="1842776271" sldId="881"/>
            <ac:spMk id="11" creationId="{FD14DDDD-9492-7C6B-CCB8-96E8D29BC573}"/>
          </ac:spMkLst>
        </pc:spChg>
        <pc:grpChg chg="add mod">
          <ac:chgData name="Valeria Moreno" userId="72f8ecb8-c22a-435e-88af-9d55b3270360" providerId="ADAL" clId="{4D8E97F2-6781-40F1-B563-E55B58908C72}" dt="2024-06-28T20:42:58.071" v="3"/>
          <ac:grpSpMkLst>
            <pc:docMk/>
            <pc:sldMk cId="1842776271" sldId="881"/>
            <ac:grpSpMk id="2" creationId="{6D9034A4-5356-B604-DBD3-6F0CC339EFF6}"/>
          </ac:grpSpMkLst>
        </pc:grpChg>
        <pc:grpChg chg="add mod">
          <ac:chgData name="Valeria Moreno" userId="72f8ecb8-c22a-435e-88af-9d55b3270360" providerId="ADAL" clId="{4D8E97F2-6781-40F1-B563-E55B58908C72}" dt="2024-06-28T20:43:16.106" v="11" actId="1076"/>
          <ac:grpSpMkLst>
            <pc:docMk/>
            <pc:sldMk cId="1842776271" sldId="881"/>
            <ac:grpSpMk id="5" creationId="{76EE6A89-35B8-0133-025E-B685BBA9A43E}"/>
          </ac:grpSpMkLst>
        </pc:grpChg>
        <pc:grpChg chg="del">
          <ac:chgData name="Valeria Moreno" userId="72f8ecb8-c22a-435e-88af-9d55b3270360" providerId="ADAL" clId="{4D8E97F2-6781-40F1-B563-E55B58908C72}" dt="2024-06-28T20:42:53.965" v="2" actId="478"/>
          <ac:grpSpMkLst>
            <pc:docMk/>
            <pc:sldMk cId="1842776271" sldId="881"/>
            <ac:grpSpMk id="145" creationId="{6FFAA439-CE16-1BF2-3544-23B484487D52}"/>
          </ac:grpSpMkLst>
        </pc:grpChg>
      </pc:sldChg>
      <pc:sldChg chg="modSp mod ord">
        <pc:chgData name="Valeria Moreno" userId="72f8ecb8-c22a-435e-88af-9d55b3270360" providerId="ADAL" clId="{4D8E97F2-6781-40F1-B563-E55B58908C72}" dt="2024-07-17T16:31:09.107" v="30"/>
        <pc:sldMkLst>
          <pc:docMk/>
          <pc:sldMk cId="661616513" sldId="884"/>
        </pc:sldMkLst>
        <pc:spChg chg="mod">
          <ac:chgData name="Valeria Moreno" userId="72f8ecb8-c22a-435e-88af-9d55b3270360" providerId="ADAL" clId="{4D8E97F2-6781-40F1-B563-E55B58908C72}" dt="2024-06-28T23:14:52.567" v="19" actId="207"/>
          <ac:spMkLst>
            <pc:docMk/>
            <pc:sldMk cId="661616513" sldId="884"/>
            <ac:spMk id="18" creationId="{A9790052-96AF-6813-2332-3D3FFB06DD07}"/>
          </ac:spMkLst>
        </pc:spChg>
        <pc:spChg chg="mod">
          <ac:chgData name="Valeria Moreno" userId="72f8ecb8-c22a-435e-88af-9d55b3270360" providerId="ADAL" clId="{4D8E97F2-6781-40F1-B563-E55B58908C72}" dt="2024-06-28T23:15:00.986" v="20" actId="207"/>
          <ac:spMkLst>
            <pc:docMk/>
            <pc:sldMk cId="661616513" sldId="884"/>
            <ac:spMk id="19" creationId="{0A929EBC-9074-11E3-A9FD-B3B15B8DDD7D}"/>
          </ac:spMkLst>
        </pc:spChg>
      </pc:sldChg>
      <pc:sldChg chg="modSp">
        <pc:chgData name="Valeria Moreno" userId="72f8ecb8-c22a-435e-88af-9d55b3270360" providerId="ADAL" clId="{4D8E97F2-6781-40F1-B563-E55B58908C72}" dt="2024-07-16T20:05:43.663" v="26" actId="20577"/>
        <pc:sldMkLst>
          <pc:docMk/>
          <pc:sldMk cId="1137523408" sldId="894"/>
        </pc:sldMkLst>
        <pc:spChg chg="mod">
          <ac:chgData name="Valeria Moreno" userId="72f8ecb8-c22a-435e-88af-9d55b3270360" providerId="ADAL" clId="{4D8E97F2-6781-40F1-B563-E55B58908C72}" dt="2024-07-16T20:05:43.663" v="26" actId="20577"/>
          <ac:spMkLst>
            <pc:docMk/>
            <pc:sldMk cId="1137523408" sldId="894"/>
            <ac:spMk id="7" creationId="{7A61C126-0BEA-EECE-1CDB-EE004ACED9B7}"/>
          </ac:spMkLst>
        </pc:spChg>
      </pc:sldChg>
      <pc:sldChg chg="delSp modSp mod modAnim">
        <pc:chgData name="Valeria Moreno" userId="72f8ecb8-c22a-435e-88af-9d55b3270360" providerId="ADAL" clId="{4D8E97F2-6781-40F1-B563-E55B58908C72}" dt="2024-07-16T20:01:44.175" v="24"/>
        <pc:sldMkLst>
          <pc:docMk/>
          <pc:sldMk cId="0" sldId="1219"/>
        </pc:sldMkLst>
        <pc:spChg chg="mod">
          <ac:chgData name="Valeria Moreno" userId="72f8ecb8-c22a-435e-88af-9d55b3270360" providerId="ADAL" clId="{4D8E97F2-6781-40F1-B563-E55B58908C72}" dt="2024-06-28T20:31:57.475" v="1" actId="1076"/>
          <ac:spMkLst>
            <pc:docMk/>
            <pc:sldMk cId="0" sldId="1219"/>
            <ac:spMk id="17" creationId="{4B71C38D-09F0-A6B3-192F-4DD980F3F90A}"/>
          </ac:spMkLst>
        </pc:spChg>
        <pc:spChg chg="mod">
          <ac:chgData name="Valeria Moreno" userId="72f8ecb8-c22a-435e-88af-9d55b3270360" providerId="ADAL" clId="{4D8E97F2-6781-40F1-B563-E55B58908C72}" dt="2024-06-28T20:31:57.475" v="1" actId="1076"/>
          <ac:spMkLst>
            <pc:docMk/>
            <pc:sldMk cId="0" sldId="1219"/>
            <ac:spMk id="18" creationId="{C303C5BA-BCD9-279D-5452-8ED5BFE3DCF8}"/>
          </ac:spMkLst>
        </pc:spChg>
        <pc:spChg chg="mod">
          <ac:chgData name="Valeria Moreno" userId="72f8ecb8-c22a-435e-88af-9d55b3270360" providerId="ADAL" clId="{4D8E97F2-6781-40F1-B563-E55B58908C72}" dt="2024-06-28T20:31:57.475" v="1" actId="1076"/>
          <ac:spMkLst>
            <pc:docMk/>
            <pc:sldMk cId="0" sldId="1219"/>
            <ac:spMk id="19" creationId="{7FDF9A0E-21E4-B76C-D879-C5826BB3B799}"/>
          </ac:spMkLst>
        </pc:spChg>
        <pc:spChg chg="mod">
          <ac:chgData name="Valeria Moreno" userId="72f8ecb8-c22a-435e-88af-9d55b3270360" providerId="ADAL" clId="{4D8E97F2-6781-40F1-B563-E55B58908C72}" dt="2024-06-28T20:31:57.475" v="1" actId="1076"/>
          <ac:spMkLst>
            <pc:docMk/>
            <pc:sldMk cId="0" sldId="1219"/>
            <ac:spMk id="20" creationId="{F1B62544-271A-7CFA-E74A-B9703A44E09F}"/>
          </ac:spMkLst>
        </pc:spChg>
        <pc:spChg chg="mod">
          <ac:chgData name="Valeria Moreno" userId="72f8ecb8-c22a-435e-88af-9d55b3270360" providerId="ADAL" clId="{4D8E97F2-6781-40F1-B563-E55B58908C72}" dt="2024-06-28T20:31:57.475" v="1" actId="1076"/>
          <ac:spMkLst>
            <pc:docMk/>
            <pc:sldMk cId="0" sldId="1219"/>
            <ac:spMk id="609" creationId="{1EE61953-D226-6AC9-C8D0-13C136B88668}"/>
          </ac:spMkLst>
        </pc:spChg>
        <pc:spChg chg="mod topLvl">
          <ac:chgData name="Valeria Moreno" userId="72f8ecb8-c22a-435e-88af-9d55b3270360" providerId="ADAL" clId="{4D8E97F2-6781-40F1-B563-E55B58908C72}" dt="2024-06-28T20:43:23.762" v="12" actId="165"/>
          <ac:spMkLst>
            <pc:docMk/>
            <pc:sldMk cId="0" sldId="1219"/>
            <ac:spMk id="640" creationId="{00000000-0000-0000-0000-000000000000}"/>
          </ac:spMkLst>
        </pc:spChg>
        <pc:spChg chg="mod topLvl">
          <ac:chgData name="Valeria Moreno" userId="72f8ecb8-c22a-435e-88af-9d55b3270360" providerId="ADAL" clId="{4D8E97F2-6781-40F1-B563-E55B58908C72}" dt="2024-06-28T20:43:23.762" v="12" actId="165"/>
          <ac:spMkLst>
            <pc:docMk/>
            <pc:sldMk cId="0" sldId="1219"/>
            <ac:spMk id="641" creationId="{00000000-0000-0000-0000-000000000000}"/>
          </ac:spMkLst>
        </pc:spChg>
        <pc:spChg chg="mod topLvl">
          <ac:chgData name="Valeria Moreno" userId="72f8ecb8-c22a-435e-88af-9d55b3270360" providerId="ADAL" clId="{4D8E97F2-6781-40F1-B563-E55B58908C72}" dt="2024-06-28T20:43:23.762" v="12" actId="165"/>
          <ac:spMkLst>
            <pc:docMk/>
            <pc:sldMk cId="0" sldId="1219"/>
            <ac:spMk id="642" creationId="{00000000-0000-0000-0000-000000000000}"/>
          </ac:spMkLst>
        </pc:spChg>
        <pc:grpChg chg="mod">
          <ac:chgData name="Valeria Moreno" userId="72f8ecb8-c22a-435e-88af-9d55b3270360" providerId="ADAL" clId="{4D8E97F2-6781-40F1-B563-E55B58908C72}" dt="2024-06-28T20:31:57.475" v="1" actId="1076"/>
          <ac:grpSpMkLst>
            <pc:docMk/>
            <pc:sldMk cId="0" sldId="1219"/>
            <ac:grpSpMk id="14" creationId="{560B0DB0-81DF-56CF-3F9E-0531C12228DE}"/>
          </ac:grpSpMkLst>
        </pc:grpChg>
        <pc:grpChg chg="mod">
          <ac:chgData name="Valeria Moreno" userId="72f8ecb8-c22a-435e-88af-9d55b3270360" providerId="ADAL" clId="{4D8E97F2-6781-40F1-B563-E55B58908C72}" dt="2024-06-28T20:31:57.475" v="1" actId="1076"/>
          <ac:grpSpMkLst>
            <pc:docMk/>
            <pc:sldMk cId="0" sldId="1219"/>
            <ac:grpSpMk id="22" creationId="{A381AE23-C5D6-3022-A2DE-AF95E9219197}"/>
          </ac:grpSpMkLst>
        </pc:grpChg>
        <pc:grpChg chg="mod">
          <ac:chgData name="Valeria Moreno" userId="72f8ecb8-c22a-435e-88af-9d55b3270360" providerId="ADAL" clId="{4D8E97F2-6781-40F1-B563-E55B58908C72}" dt="2024-06-28T20:31:57.475" v="1" actId="1076"/>
          <ac:grpSpMkLst>
            <pc:docMk/>
            <pc:sldMk cId="0" sldId="1219"/>
            <ac:grpSpMk id="26" creationId="{34E086D3-ED88-EDCA-FA0A-292C9CD61691}"/>
          </ac:grpSpMkLst>
        </pc:grpChg>
        <pc:grpChg chg="mod">
          <ac:chgData name="Valeria Moreno" userId="72f8ecb8-c22a-435e-88af-9d55b3270360" providerId="ADAL" clId="{4D8E97F2-6781-40F1-B563-E55B58908C72}" dt="2024-06-28T20:31:57.475" v="1" actId="1076"/>
          <ac:grpSpMkLst>
            <pc:docMk/>
            <pc:sldMk cId="0" sldId="1219"/>
            <ac:grpSpMk id="29" creationId="{7F1FFFCD-284D-F4E0-0B45-260E4D51372A}"/>
          </ac:grpSpMkLst>
        </pc:grpChg>
        <pc:grpChg chg="del">
          <ac:chgData name="Valeria Moreno" userId="72f8ecb8-c22a-435e-88af-9d55b3270360" providerId="ADAL" clId="{4D8E97F2-6781-40F1-B563-E55B58908C72}" dt="2024-06-28T20:43:23.762" v="12" actId="165"/>
          <ac:grpSpMkLst>
            <pc:docMk/>
            <pc:sldMk cId="0" sldId="1219"/>
            <ac:grpSpMk id="639" creationId="{00000000-0000-0000-0000-000000000000}"/>
          </ac:grpSpMkLst>
        </pc:grpChg>
        <pc:picChg chg="mod">
          <ac:chgData name="Valeria Moreno" userId="72f8ecb8-c22a-435e-88af-9d55b3270360" providerId="ADAL" clId="{4D8E97F2-6781-40F1-B563-E55B58908C72}" dt="2024-06-28T20:31:57.475" v="1" actId="1076"/>
          <ac:picMkLst>
            <pc:docMk/>
            <pc:sldMk cId="0" sldId="1219"/>
            <ac:picMk id="21" creationId="{AF0B6B2B-D2BA-4125-D0BD-EA4BA1C94114}"/>
          </ac:picMkLst>
        </pc:picChg>
        <pc:picChg chg="mod">
          <ac:chgData name="Valeria Moreno" userId="72f8ecb8-c22a-435e-88af-9d55b3270360" providerId="ADAL" clId="{4D8E97F2-6781-40F1-B563-E55B58908C72}" dt="2024-06-28T20:31:57.475" v="1" actId="1076"/>
          <ac:picMkLst>
            <pc:docMk/>
            <pc:sldMk cId="0" sldId="1219"/>
            <ac:picMk id="25" creationId="{1E3EFCB7-396D-93B0-7251-2CC4FAAA53AD}"/>
          </ac:picMkLst>
        </pc:picChg>
        <pc:picChg chg="mod">
          <ac:chgData name="Valeria Moreno" userId="72f8ecb8-c22a-435e-88af-9d55b3270360" providerId="ADAL" clId="{4D8E97F2-6781-40F1-B563-E55B58908C72}" dt="2024-06-28T20:31:57.475" v="1" actId="1076"/>
          <ac:picMkLst>
            <pc:docMk/>
            <pc:sldMk cId="0" sldId="1219"/>
            <ac:picMk id="608" creationId="{7F3D1676-3E74-C5D2-2993-1301F7A1097E}"/>
          </ac:picMkLst>
        </pc:picChg>
      </pc:sldChg>
    </pc:docChg>
  </pc:docChgLst>
  <pc:docChgLst>
    <pc:chgData name="Guest User" userId="S::urn:spo:anon#c13225e58f252ab7eadf03d2a034f52c7a8b89cd350adb7b2c1ba017e3584cbd::" providerId="AD" clId="Web-{3ABB98E7-BA6D-0A4A-A3E1-07A81B871BC5}"/>
    <pc:docChg chg="addSld delSld modSld sldOrd">
      <pc:chgData name="Guest User" userId="S::urn:spo:anon#c13225e58f252ab7eadf03d2a034f52c7a8b89cd350adb7b2c1ba017e3584cbd::" providerId="AD" clId="Web-{3ABB98E7-BA6D-0A4A-A3E1-07A81B871BC5}" dt="2024-07-17T13:54:18.645" v="81"/>
      <pc:docMkLst>
        <pc:docMk/>
      </pc:docMkLst>
      <pc:sldChg chg="addSp modSp add">
        <pc:chgData name="Guest User" userId="S::urn:spo:anon#c13225e58f252ab7eadf03d2a034f52c7a8b89cd350adb7b2c1ba017e3584cbd::" providerId="AD" clId="Web-{3ABB98E7-BA6D-0A4A-A3E1-07A81B871BC5}" dt="2024-07-17T13:53:02.720" v="79"/>
        <pc:sldMkLst>
          <pc:docMk/>
          <pc:sldMk cId="127671164" sldId="335"/>
        </pc:sldMkLst>
        <pc:spChg chg="add mod">
          <ac:chgData name="Guest User" userId="S::urn:spo:anon#c13225e58f252ab7eadf03d2a034f52c7a8b89cd350adb7b2c1ba017e3584cbd::" providerId="AD" clId="Web-{3ABB98E7-BA6D-0A4A-A3E1-07A81B871BC5}" dt="2024-07-17T13:53:02.720" v="79"/>
          <ac:spMkLst>
            <pc:docMk/>
            <pc:sldMk cId="127671164" sldId="335"/>
            <ac:spMk id="2" creationId="{24AB4B4A-A333-0514-0496-055C7A31BE37}"/>
          </ac:spMkLst>
        </pc:spChg>
        <pc:spChg chg="mod">
          <ac:chgData name="Guest User" userId="S::urn:spo:anon#c13225e58f252ab7eadf03d2a034f52c7a8b89cd350adb7b2c1ba017e3584cbd::" providerId="AD" clId="Web-{3ABB98E7-BA6D-0A4A-A3E1-07A81B871BC5}" dt="2024-07-17T13:50:29.652" v="70"/>
          <ac:spMkLst>
            <pc:docMk/>
            <pc:sldMk cId="127671164" sldId="335"/>
            <ac:spMk id="3" creationId="{827D46E5-8093-8C2D-3E2B-496B84C20360}"/>
          </ac:spMkLst>
        </pc:spChg>
        <pc:spChg chg="mod">
          <ac:chgData name="Guest User" userId="S::urn:spo:anon#c13225e58f252ab7eadf03d2a034f52c7a8b89cd350adb7b2c1ba017e3584cbd::" providerId="AD" clId="Web-{3ABB98E7-BA6D-0A4A-A3E1-07A81B871BC5}" dt="2024-07-17T13:44:38.686" v="32" actId="1076"/>
          <ac:spMkLst>
            <pc:docMk/>
            <pc:sldMk cId="127671164" sldId="335"/>
            <ac:spMk id="6" creationId="{00000000-0000-0000-0000-000000000000}"/>
          </ac:spMkLst>
        </pc:spChg>
        <pc:spChg chg="mod">
          <ac:chgData name="Guest User" userId="S::urn:spo:anon#c13225e58f252ab7eadf03d2a034f52c7a8b89cd350adb7b2c1ba017e3584cbd::" providerId="AD" clId="Web-{3ABB98E7-BA6D-0A4A-A3E1-07A81B871BC5}" dt="2024-07-17T13:44:49.140" v="43" actId="14100"/>
          <ac:spMkLst>
            <pc:docMk/>
            <pc:sldMk cId="127671164" sldId="335"/>
            <ac:spMk id="129" creationId="{00000000-0000-0000-0000-000000000000}"/>
          </ac:spMkLst>
        </pc:spChg>
        <pc:spChg chg="mod">
          <ac:chgData name="Guest User" userId="S::urn:spo:anon#c13225e58f252ab7eadf03d2a034f52c7a8b89cd350adb7b2c1ba017e3584cbd::" providerId="AD" clId="Web-{3ABB98E7-BA6D-0A4A-A3E1-07A81B871BC5}" dt="2024-07-17T13:44:38.874" v="36" actId="1076"/>
          <ac:spMkLst>
            <pc:docMk/>
            <pc:sldMk cId="127671164" sldId="335"/>
            <ac:spMk id="133" creationId="{00000000-0000-0000-0000-000000000000}"/>
          </ac:spMkLst>
        </pc:spChg>
        <pc:spChg chg="mod">
          <ac:chgData name="Guest User" userId="S::urn:spo:anon#c13225e58f252ab7eadf03d2a034f52c7a8b89cd350adb7b2c1ba017e3584cbd::" providerId="AD" clId="Web-{3ABB98E7-BA6D-0A4A-A3E1-07A81B871BC5}" dt="2024-07-17T13:44:39.577" v="42" actId="1076"/>
          <ac:spMkLst>
            <pc:docMk/>
            <pc:sldMk cId="127671164" sldId="335"/>
            <ac:spMk id="138" creationId="{25633857-B41D-4336-9D91-9BA5D9D9332B}"/>
          </ac:spMkLst>
        </pc:spChg>
        <pc:spChg chg="mod">
          <ac:chgData name="Guest User" userId="S::urn:spo:anon#c13225e58f252ab7eadf03d2a034f52c7a8b89cd350adb7b2c1ba017e3584cbd::" providerId="AD" clId="Web-{3ABB98E7-BA6D-0A4A-A3E1-07A81B871BC5}" dt="2024-07-17T13:44:38.796" v="34" actId="1076"/>
          <ac:spMkLst>
            <pc:docMk/>
            <pc:sldMk cId="127671164" sldId="335"/>
            <ac:spMk id="168" creationId="{2FE4B3F6-793C-F71B-384C-59068C5867B3}"/>
          </ac:spMkLst>
        </pc:spChg>
        <pc:spChg chg="mod">
          <ac:chgData name="Guest User" userId="S::urn:spo:anon#c13225e58f252ab7eadf03d2a034f52c7a8b89cd350adb7b2c1ba017e3584cbd::" providerId="AD" clId="Web-{3ABB98E7-BA6D-0A4A-A3E1-07A81B871BC5}" dt="2024-07-17T13:44:38.421" v="26" actId="1076"/>
          <ac:spMkLst>
            <pc:docMk/>
            <pc:sldMk cId="127671164" sldId="335"/>
            <ac:spMk id="252" creationId="{A49531A0-0097-6748-F3D9-98646EECDF37}"/>
          </ac:spMkLst>
        </pc:spChg>
        <pc:spChg chg="mod">
          <ac:chgData name="Guest User" userId="S::urn:spo:anon#c13225e58f252ab7eadf03d2a034f52c7a8b89cd350adb7b2c1ba017e3584cbd::" providerId="AD" clId="Web-{3ABB98E7-BA6D-0A4A-A3E1-07A81B871BC5}" dt="2024-07-17T13:44:38.468" v="27" actId="1076"/>
          <ac:spMkLst>
            <pc:docMk/>
            <pc:sldMk cId="127671164" sldId="335"/>
            <ac:spMk id="253" creationId="{88D3F44F-6638-6267-6464-683301673824}"/>
          </ac:spMkLst>
        </pc:spChg>
        <pc:spChg chg="mod">
          <ac:chgData name="Guest User" userId="S::urn:spo:anon#c13225e58f252ab7eadf03d2a034f52c7a8b89cd350adb7b2c1ba017e3584cbd::" providerId="AD" clId="Web-{3ABB98E7-BA6D-0A4A-A3E1-07A81B871BC5}" dt="2024-07-17T13:44:38.515" v="28" actId="1076"/>
          <ac:spMkLst>
            <pc:docMk/>
            <pc:sldMk cId="127671164" sldId="335"/>
            <ac:spMk id="254" creationId="{CF862482-4EC1-AA62-DFBF-ADE1C7A6F237}"/>
          </ac:spMkLst>
        </pc:spChg>
        <pc:spChg chg="mod">
          <ac:chgData name="Guest User" userId="S::urn:spo:anon#c13225e58f252ab7eadf03d2a034f52c7a8b89cd350adb7b2c1ba017e3584cbd::" providerId="AD" clId="Web-{3ABB98E7-BA6D-0A4A-A3E1-07A81B871BC5}" dt="2024-07-17T13:44:38.546" v="29" actId="1076"/>
          <ac:spMkLst>
            <pc:docMk/>
            <pc:sldMk cId="127671164" sldId="335"/>
            <ac:spMk id="255" creationId="{C3B4A0A8-6443-34B1-CBAC-2D4562A48B6B}"/>
          </ac:spMkLst>
        </pc:spChg>
        <pc:spChg chg="mod">
          <ac:chgData name="Guest User" userId="S::urn:spo:anon#c13225e58f252ab7eadf03d2a034f52c7a8b89cd350adb7b2c1ba017e3584cbd::" providerId="AD" clId="Web-{3ABB98E7-BA6D-0A4A-A3E1-07A81B871BC5}" dt="2024-07-17T13:44:38.280" v="22" actId="1076"/>
          <ac:spMkLst>
            <pc:docMk/>
            <pc:sldMk cId="127671164" sldId="335"/>
            <ac:spMk id="261" creationId="{2349E296-8FC5-E27F-2A23-CF3AFC551F3F}"/>
          </ac:spMkLst>
        </pc:spChg>
        <pc:spChg chg="mod">
          <ac:chgData name="Guest User" userId="S::urn:spo:anon#c13225e58f252ab7eadf03d2a034f52c7a8b89cd350adb7b2c1ba017e3584cbd::" providerId="AD" clId="Web-{3ABB98E7-BA6D-0A4A-A3E1-07A81B871BC5}" dt="2024-07-17T13:44:38.311" v="23" actId="1076"/>
          <ac:spMkLst>
            <pc:docMk/>
            <pc:sldMk cId="127671164" sldId="335"/>
            <ac:spMk id="262" creationId="{6B08B6F6-063C-9DF4-0D0B-2BBFB208C592}"/>
          </ac:spMkLst>
        </pc:spChg>
        <pc:spChg chg="mod">
          <ac:chgData name="Guest User" userId="S::urn:spo:anon#c13225e58f252ab7eadf03d2a034f52c7a8b89cd350adb7b2c1ba017e3584cbd::" providerId="AD" clId="Web-{3ABB98E7-BA6D-0A4A-A3E1-07A81B871BC5}" dt="2024-07-17T13:44:38.343" v="24" actId="1076"/>
          <ac:spMkLst>
            <pc:docMk/>
            <pc:sldMk cId="127671164" sldId="335"/>
            <ac:spMk id="263" creationId="{C5620E86-A784-6799-52AD-87EF85599DD9}"/>
          </ac:spMkLst>
        </pc:spChg>
        <pc:spChg chg="mod">
          <ac:chgData name="Guest User" userId="S::urn:spo:anon#c13225e58f252ab7eadf03d2a034f52c7a8b89cd350adb7b2c1ba017e3584cbd::" providerId="AD" clId="Web-{3ABB98E7-BA6D-0A4A-A3E1-07A81B871BC5}" dt="2024-07-17T13:44:38.374" v="25" actId="1076"/>
          <ac:spMkLst>
            <pc:docMk/>
            <pc:sldMk cId="127671164" sldId="335"/>
            <ac:spMk id="264" creationId="{C2AFFE32-C491-FCE0-6E64-FB77C1E32ECF}"/>
          </ac:spMkLst>
        </pc:spChg>
        <pc:spChg chg="mod">
          <ac:chgData name="Guest User" userId="S::urn:spo:anon#c13225e58f252ab7eadf03d2a034f52c7a8b89cd350adb7b2c1ba017e3584cbd::" providerId="AD" clId="Web-{3ABB98E7-BA6D-0A4A-A3E1-07A81B871BC5}" dt="2024-07-17T13:44:38.827" v="35" actId="1076"/>
          <ac:spMkLst>
            <pc:docMk/>
            <pc:sldMk cId="127671164" sldId="335"/>
            <ac:spMk id="454" creationId="{FB7D16BD-41C9-C8E7-8C49-AFF57A73773A}"/>
          </ac:spMkLst>
        </pc:spChg>
        <pc:grpChg chg="mod">
          <ac:chgData name="Guest User" userId="S::urn:spo:anon#c13225e58f252ab7eadf03d2a034f52c7a8b89cd350adb7b2c1ba017e3584cbd::" providerId="AD" clId="Web-{3ABB98E7-BA6D-0A4A-A3E1-07A81B871BC5}" dt="2024-07-17T13:44:38.765" v="33" actId="1076"/>
          <ac:grpSpMkLst>
            <pc:docMk/>
            <pc:sldMk cId="127671164" sldId="335"/>
            <ac:grpSpMk id="5" creationId="{00000000-0000-0000-0000-000000000000}"/>
          </ac:grpSpMkLst>
        </pc:grpChg>
        <pc:grpChg chg="mod">
          <ac:chgData name="Guest User" userId="S::urn:spo:anon#c13225e58f252ab7eadf03d2a034f52c7a8b89cd350adb7b2c1ba017e3584cbd::" providerId="AD" clId="Web-{3ABB98E7-BA6D-0A4A-A3E1-07A81B871BC5}" dt="2024-07-17T13:44:38.655" v="31" actId="1076"/>
          <ac:grpSpMkLst>
            <pc:docMk/>
            <pc:sldMk cId="127671164" sldId="335"/>
            <ac:grpSpMk id="8" creationId="{00000000-0000-0000-0000-000000000000}"/>
          </ac:grpSpMkLst>
        </pc:grpChg>
        <pc:grpChg chg="mod">
          <ac:chgData name="Guest User" userId="S::urn:spo:anon#c13225e58f252ab7eadf03d2a034f52c7a8b89cd350adb7b2c1ba017e3584cbd::" providerId="AD" clId="Web-{3ABB98E7-BA6D-0A4A-A3E1-07A81B871BC5}" dt="2024-07-17T13:44:39.374" v="39" actId="1076"/>
          <ac:grpSpMkLst>
            <pc:docMk/>
            <pc:sldMk cId="127671164" sldId="335"/>
            <ac:grpSpMk id="10" creationId="{00000000-0000-0000-0000-000000000000}"/>
          </ac:grpSpMkLst>
        </pc:grpChg>
        <pc:grpChg chg="mod">
          <ac:chgData name="Guest User" userId="S::urn:spo:anon#c13225e58f252ab7eadf03d2a034f52c7a8b89cd350adb7b2c1ba017e3584cbd::" providerId="AD" clId="Web-{3ABB98E7-BA6D-0A4A-A3E1-07A81B871BC5}" dt="2024-07-17T13:44:39.030" v="38" actId="1076"/>
          <ac:grpSpMkLst>
            <pc:docMk/>
            <pc:sldMk cId="127671164" sldId="335"/>
            <ac:grpSpMk id="14" creationId="{00000000-0000-0000-0000-000000000000}"/>
          </ac:grpSpMkLst>
        </pc:grpChg>
        <pc:grpChg chg="mod">
          <ac:chgData name="Guest User" userId="S::urn:spo:anon#c13225e58f252ab7eadf03d2a034f52c7a8b89cd350adb7b2c1ba017e3584cbd::" providerId="AD" clId="Web-{3ABB98E7-BA6D-0A4A-A3E1-07A81B871BC5}" dt="2024-07-17T13:44:39.468" v="40" actId="1076"/>
          <ac:grpSpMkLst>
            <pc:docMk/>
            <pc:sldMk cId="127671164" sldId="335"/>
            <ac:grpSpMk id="194" creationId="{00000000-0000-0000-0000-000000000000}"/>
          </ac:grpSpMkLst>
        </pc:grpChg>
        <pc:grpChg chg="mod">
          <ac:chgData name="Guest User" userId="S::urn:spo:anon#c13225e58f252ab7eadf03d2a034f52c7a8b89cd350adb7b2c1ba017e3584cbd::" providerId="AD" clId="Web-{3ABB98E7-BA6D-0A4A-A3E1-07A81B871BC5}" dt="2024-07-17T13:44:39.530" v="41" actId="1076"/>
          <ac:grpSpMkLst>
            <pc:docMk/>
            <pc:sldMk cId="127671164" sldId="335"/>
            <ac:grpSpMk id="212" creationId="{00000000-0000-0000-0000-000000000000}"/>
          </ac:grpSpMkLst>
        </pc:grpChg>
        <pc:grpChg chg="mod">
          <ac:chgData name="Guest User" userId="S::urn:spo:anon#c13225e58f252ab7eadf03d2a034f52c7a8b89cd350adb7b2c1ba017e3584cbd::" providerId="AD" clId="Web-{3ABB98E7-BA6D-0A4A-A3E1-07A81B871BC5}" dt="2024-07-17T13:44:38.233" v="21" actId="1076"/>
          <ac:grpSpMkLst>
            <pc:docMk/>
            <pc:sldMk cId="127671164" sldId="335"/>
            <ac:grpSpMk id="256" creationId="{3FF0463E-EC0D-4B48-7753-39A4B4456F32}"/>
          </ac:grpSpMkLst>
        </pc:grpChg>
        <pc:cxnChg chg="mod">
          <ac:chgData name="Guest User" userId="S::urn:spo:anon#c13225e58f252ab7eadf03d2a034f52c7a8b89cd350adb7b2c1ba017e3584cbd::" providerId="AD" clId="Web-{3ABB98E7-BA6D-0A4A-A3E1-07A81B871BC5}" dt="2024-07-17T13:44:38.593" v="30" actId="1076"/>
          <ac:cxnSpMkLst>
            <pc:docMk/>
            <pc:sldMk cId="127671164" sldId="335"/>
            <ac:cxnSpMk id="352" creationId="{AABCC41F-9412-A0F9-68A5-38ECEAB1D0FC}"/>
          </ac:cxnSpMkLst>
        </pc:cxnChg>
      </pc:sldChg>
      <pc:sldChg chg="addSp delSp modSp add delCm">
        <pc:chgData name="Guest User" userId="S::urn:spo:anon#c13225e58f252ab7eadf03d2a034f52c7a8b89cd350adb7b2c1ba017e3584cbd::" providerId="AD" clId="Web-{3ABB98E7-BA6D-0A4A-A3E1-07A81B871BC5}" dt="2024-07-17T13:53:21.190" v="80"/>
        <pc:sldMkLst>
          <pc:docMk/>
          <pc:sldMk cId="3707825308" sldId="348"/>
        </pc:sldMkLst>
        <pc:spChg chg="mod">
          <ac:chgData name="Guest User" userId="S::urn:spo:anon#c13225e58f252ab7eadf03d2a034f52c7a8b89cd350adb7b2c1ba017e3584cbd::" providerId="AD" clId="Web-{3ABB98E7-BA6D-0A4A-A3E1-07A81B871BC5}" dt="2024-07-17T13:50:40.981" v="72"/>
          <ac:spMkLst>
            <pc:docMk/>
            <pc:sldMk cId="3707825308" sldId="348"/>
            <ac:spMk id="2" creationId="{CD1CA8F6-F398-2A59-A203-AB1CC65210DA}"/>
          </ac:spMkLst>
        </pc:spChg>
        <pc:spChg chg="add del mod">
          <ac:chgData name="Guest User" userId="S::urn:spo:anon#c13225e58f252ab7eadf03d2a034f52c7a8b89cd350adb7b2c1ba017e3584cbd::" providerId="AD" clId="Web-{3ABB98E7-BA6D-0A4A-A3E1-07A81B871BC5}" dt="2024-07-17T13:49:55.260" v="66"/>
          <ac:spMkLst>
            <pc:docMk/>
            <pc:sldMk cId="3707825308" sldId="348"/>
            <ac:spMk id="4" creationId="{2FE9792E-B53E-AAAA-2EAC-68EB90A9F6F2}"/>
          </ac:spMkLst>
        </pc:spChg>
        <pc:spChg chg="add">
          <ac:chgData name="Guest User" userId="S::urn:spo:anon#c13225e58f252ab7eadf03d2a034f52c7a8b89cd350adb7b2c1ba017e3584cbd::" providerId="AD" clId="Web-{3ABB98E7-BA6D-0A4A-A3E1-07A81B871BC5}" dt="2024-07-17T13:53:21.190" v="80"/>
          <ac:spMkLst>
            <pc:docMk/>
            <pc:sldMk cId="3707825308" sldId="348"/>
            <ac:spMk id="6" creationId="{3404CB77-CAEC-E14A-58F5-8710751799D2}"/>
          </ac:spMkLst>
        </pc:spChg>
        <pc:spChg chg="mod">
          <ac:chgData name="Guest User" userId="S::urn:spo:anon#c13225e58f252ab7eadf03d2a034f52c7a8b89cd350adb7b2c1ba017e3584cbd::" providerId="AD" clId="Web-{3ABB98E7-BA6D-0A4A-A3E1-07A81B871BC5}" dt="2024-07-17T13:42:48.370" v="18" actId="14100"/>
          <ac:spMkLst>
            <pc:docMk/>
            <pc:sldMk cId="3707825308" sldId="348"/>
            <ac:spMk id="126" creationId="{00000000-0000-0000-0000-000000000000}"/>
          </ac:spMkLst>
        </pc:spChg>
        <pc:spChg chg="mod">
          <ac:chgData name="Guest User" userId="S::urn:spo:anon#c13225e58f252ab7eadf03d2a034f52c7a8b89cd350adb7b2c1ba017e3584cbd::" providerId="AD" clId="Web-{3ABB98E7-BA6D-0A4A-A3E1-07A81B871BC5}" dt="2024-07-17T13:33:42.897" v="12" actId="1076"/>
          <ac:spMkLst>
            <pc:docMk/>
            <pc:sldMk cId="3707825308" sldId="348"/>
            <ac:spMk id="134" creationId="{00000000-0000-0000-0000-000000000000}"/>
          </ac:spMkLst>
        </pc:spChg>
        <pc:spChg chg="mod">
          <ac:chgData name="Guest User" userId="S::urn:spo:anon#c13225e58f252ab7eadf03d2a034f52c7a8b89cd350adb7b2c1ba017e3584cbd::" providerId="AD" clId="Web-{3ABB98E7-BA6D-0A4A-A3E1-07A81B871BC5}" dt="2024-07-17T13:33:36.631" v="11" actId="1076"/>
          <ac:spMkLst>
            <pc:docMk/>
            <pc:sldMk cId="3707825308" sldId="348"/>
            <ac:spMk id="135" creationId="{00000000-0000-0000-0000-000000000000}"/>
          </ac:spMkLst>
        </pc:spChg>
        <pc:spChg chg="mod">
          <ac:chgData name="Guest User" userId="S::urn:spo:anon#c13225e58f252ab7eadf03d2a034f52c7a8b89cd350adb7b2c1ba017e3584cbd::" providerId="AD" clId="Web-{3ABB98E7-BA6D-0A4A-A3E1-07A81B871BC5}" dt="2024-07-17T13:33:24.631" v="10" actId="1076"/>
          <ac:spMkLst>
            <pc:docMk/>
            <pc:sldMk cId="3707825308" sldId="348"/>
            <ac:spMk id="137" creationId="{00000000-0000-0000-0000-000000000000}"/>
          </ac:spMkLst>
        </pc:spChg>
        <pc:spChg chg="del">
          <ac:chgData name="Guest User" userId="S::urn:spo:anon#c13225e58f252ab7eadf03d2a034f52c7a8b89cd350adb7b2c1ba017e3584cbd::" providerId="AD" clId="Web-{3ABB98E7-BA6D-0A4A-A3E1-07A81B871BC5}" dt="2024-07-17T13:32:11.300" v="2"/>
          <ac:spMkLst>
            <pc:docMk/>
            <pc:sldMk cId="3707825308" sldId="348"/>
            <ac:spMk id="157" creationId="{00000000-0000-0000-0000-000000000000}"/>
          </ac:spMkLst>
        </pc:spChg>
        <pc:grpChg chg="mod">
          <ac:chgData name="Guest User" userId="S::urn:spo:anon#c13225e58f252ab7eadf03d2a034f52c7a8b89cd350adb7b2c1ba017e3584cbd::" providerId="AD" clId="Web-{3ABB98E7-BA6D-0A4A-A3E1-07A81B871BC5}" dt="2024-07-17T13:33:02.302" v="8" actId="14100"/>
          <ac:grpSpMkLst>
            <pc:docMk/>
            <pc:sldMk cId="3707825308" sldId="348"/>
            <ac:grpSpMk id="24" creationId="{00000000-0000-0000-0000-000000000000}"/>
          </ac:grpSpMkLst>
        </pc:grpChg>
        <pc:grpChg chg="mod">
          <ac:chgData name="Guest User" userId="S::urn:spo:anon#c13225e58f252ab7eadf03d2a034f52c7a8b89cd350adb7b2c1ba017e3584cbd::" providerId="AD" clId="Web-{3ABB98E7-BA6D-0A4A-A3E1-07A81B871BC5}" dt="2024-07-17T13:50:53.122" v="73" actId="14100"/>
          <ac:grpSpMkLst>
            <pc:docMk/>
            <pc:sldMk cId="3707825308" sldId="348"/>
            <ac:grpSpMk id="26" creationId="{00000000-0000-0000-0000-000000000000}"/>
          </ac:grpSpMkLst>
        </pc:grpChg>
        <pc:grpChg chg="mod">
          <ac:chgData name="Guest User" userId="S::urn:spo:anon#c13225e58f252ab7eadf03d2a034f52c7a8b89cd350adb7b2c1ba017e3584cbd::" providerId="AD" clId="Web-{3ABB98E7-BA6D-0A4A-A3E1-07A81B871BC5}" dt="2024-07-17T13:50:57.044" v="74" actId="14100"/>
          <ac:grpSpMkLst>
            <pc:docMk/>
            <pc:sldMk cId="3707825308" sldId="348"/>
            <ac:grpSpMk id="27" creationId="{00000000-0000-0000-0000-000000000000}"/>
          </ac:grpSpMkLst>
        </pc:grpChg>
        <pc:grpChg chg="mod">
          <ac:chgData name="Guest User" userId="S::urn:spo:anon#c13225e58f252ab7eadf03d2a034f52c7a8b89cd350adb7b2c1ba017e3584cbd::" providerId="AD" clId="Web-{3ABB98E7-BA6D-0A4A-A3E1-07A81B871BC5}" dt="2024-07-17T13:32:35.051" v="4" actId="14100"/>
          <ac:grpSpMkLst>
            <pc:docMk/>
            <pc:sldMk cId="3707825308" sldId="348"/>
            <ac:grpSpMk id="28" creationId="{00000000-0000-0000-0000-000000000000}"/>
          </ac:grpSpMkLst>
        </pc:grpChg>
        <pc:grpChg chg="mod">
          <ac:chgData name="Guest User" userId="S::urn:spo:anon#c13225e58f252ab7eadf03d2a034f52c7a8b89cd350adb7b2c1ba017e3584cbd::" providerId="AD" clId="Web-{3ABB98E7-BA6D-0A4A-A3E1-07A81B871BC5}" dt="2024-07-17T13:42:26.854" v="15" actId="14100"/>
          <ac:grpSpMkLst>
            <pc:docMk/>
            <pc:sldMk cId="3707825308" sldId="348"/>
            <ac:grpSpMk id="29" creationId="{00000000-0000-0000-0000-000000000000}"/>
          </ac:grpSpMkLst>
        </pc:grpChg>
        <pc:grpChg chg="mod">
          <ac:chgData name="Guest User" userId="S::urn:spo:anon#c13225e58f252ab7eadf03d2a034f52c7a8b89cd350adb7b2c1ba017e3584cbd::" providerId="AD" clId="Web-{3ABB98E7-BA6D-0A4A-A3E1-07A81B871BC5}" dt="2024-07-17T13:42:43.167" v="17" actId="14100"/>
          <ac:grpSpMkLst>
            <pc:docMk/>
            <pc:sldMk cId="3707825308" sldId="348"/>
            <ac:grpSpMk id="30" creationId="{00000000-0000-0000-0000-000000000000}"/>
          </ac:grpSpMkLst>
        </pc:grpChg>
        <pc:grpChg chg="mod">
          <ac:chgData name="Guest User" userId="S::urn:spo:anon#c13225e58f252ab7eadf03d2a034f52c7a8b89cd350adb7b2c1ba017e3584cbd::" providerId="AD" clId="Web-{3ABB98E7-BA6D-0A4A-A3E1-07A81B871BC5}" dt="2024-07-17T13:42:54.261" v="19" actId="14100"/>
          <ac:grpSpMkLst>
            <pc:docMk/>
            <pc:sldMk cId="3707825308" sldId="348"/>
            <ac:grpSpMk id="31" creationId="{00000000-0000-0000-0000-000000000000}"/>
          </ac:grpSpMkLst>
        </pc:grpChg>
        <pc:grpChg chg="mod">
          <ac:chgData name="Guest User" userId="S::urn:spo:anon#c13225e58f252ab7eadf03d2a034f52c7a8b89cd350adb7b2c1ba017e3584cbd::" providerId="AD" clId="Web-{3ABB98E7-BA6D-0A4A-A3E1-07A81B871BC5}" dt="2024-07-17T13:42:57.730" v="20" actId="14100"/>
          <ac:grpSpMkLst>
            <pc:docMk/>
            <pc:sldMk cId="3707825308" sldId="348"/>
            <ac:grpSpMk id="32" creationId="{00000000-0000-0000-0000-000000000000}"/>
          </ac:grpSpMkLst>
        </pc:grpChg>
        <pc:extLst>
          <p:ext xmlns:p="http://schemas.openxmlformats.org/presentationml/2006/main" uri="{D6D511B9-2390-475A-947B-AFAB55BFBCF1}">
            <pc226:cmChg xmlns:pc226="http://schemas.microsoft.com/office/powerpoint/2022/06/main/command" chg="del">
              <pc226:chgData name="Guest User" userId="S::urn:spo:anon#c13225e58f252ab7eadf03d2a034f52c7a8b89cd350adb7b2c1ba017e3584cbd::" providerId="AD" clId="Web-{3ABB98E7-BA6D-0A4A-A3E1-07A81B871BC5}" dt="2024-07-17T13:49:39.057" v="63"/>
              <pc2:cmMkLst xmlns:pc2="http://schemas.microsoft.com/office/powerpoint/2019/9/main/command">
                <pc:docMk/>
                <pc:sldMk cId="3707825308" sldId="348"/>
                <pc2:cmMk id="{5CD4F25A-569F-1A40-BA4D-02E2E5378F08}"/>
              </pc2:cmMkLst>
            </pc226:cmChg>
          </p:ext>
        </pc:extLst>
      </pc:sldChg>
      <pc:sldChg chg="del">
        <pc:chgData name="Guest User" userId="S::urn:spo:anon#c13225e58f252ab7eadf03d2a034f52c7a8b89cd350adb7b2c1ba017e3584cbd::" providerId="AD" clId="Web-{3ABB98E7-BA6D-0A4A-A3E1-07A81B871BC5}" dt="2024-07-17T13:48:07.100" v="53"/>
        <pc:sldMkLst>
          <pc:docMk/>
          <pc:sldMk cId="2599106554" sldId="890"/>
        </pc:sldMkLst>
      </pc:sldChg>
      <pc:sldChg chg="del">
        <pc:chgData name="Guest User" userId="S::urn:spo:anon#c13225e58f252ab7eadf03d2a034f52c7a8b89cd350adb7b2c1ba017e3584cbd::" providerId="AD" clId="Web-{3ABB98E7-BA6D-0A4A-A3E1-07A81B871BC5}" dt="2024-07-17T13:48:05.241" v="52"/>
        <pc:sldMkLst>
          <pc:docMk/>
          <pc:sldMk cId="3894628716" sldId="891"/>
        </pc:sldMkLst>
      </pc:sldChg>
      <pc:sldChg chg="modSp">
        <pc:chgData name="Guest User" userId="S::urn:spo:anon#c13225e58f252ab7eadf03d2a034f52c7a8b89cd350adb7b2c1ba017e3584cbd::" providerId="AD" clId="Web-{3ABB98E7-BA6D-0A4A-A3E1-07A81B871BC5}" dt="2024-07-17T13:50:19.824" v="68"/>
        <pc:sldMkLst>
          <pc:docMk/>
          <pc:sldMk cId="3596293180" sldId="892"/>
        </pc:sldMkLst>
        <pc:spChg chg="mod">
          <ac:chgData name="Guest User" userId="S::urn:spo:anon#c13225e58f252ab7eadf03d2a034f52c7a8b89cd350adb7b2c1ba017e3584cbd::" providerId="AD" clId="Web-{3ABB98E7-BA6D-0A4A-A3E1-07A81B871BC5}" dt="2024-07-17T13:50:19.824" v="68"/>
          <ac:spMkLst>
            <pc:docMk/>
            <pc:sldMk cId="3596293180" sldId="892"/>
            <ac:spMk id="11" creationId="{B3DEC9B6-6FC3-59F0-EFC0-A1CAB484F406}"/>
          </ac:spMkLst>
        </pc:spChg>
      </pc:sldChg>
      <pc:sldChg chg="ord">
        <pc:chgData name="Guest User" userId="S::urn:spo:anon#c13225e58f252ab7eadf03d2a034f52c7a8b89cd350adb7b2c1ba017e3584cbd::" providerId="AD" clId="Web-{3ABB98E7-BA6D-0A4A-A3E1-07A81B871BC5}" dt="2024-07-17T13:54:18.645" v="81"/>
        <pc:sldMkLst>
          <pc:docMk/>
          <pc:sldMk cId="3767125349" sldId="1216"/>
        </pc:sldMkLst>
      </pc:sldChg>
      <pc:sldMasterChg chg="addSldLayout">
        <pc:chgData name="Guest User" userId="S::urn:spo:anon#c13225e58f252ab7eadf03d2a034f52c7a8b89cd350adb7b2c1ba017e3584cbd::" providerId="AD" clId="Web-{3ABB98E7-BA6D-0A4A-A3E1-07A81B871BC5}" dt="2024-07-17T13:29:53.420" v="0"/>
        <pc:sldMasterMkLst>
          <pc:docMk/>
          <pc:sldMasterMk cId="286209823" sldId="2147484135"/>
        </pc:sldMasterMkLst>
        <pc:sldLayoutChg chg="add">
          <pc:chgData name="Guest User" userId="S::urn:spo:anon#c13225e58f252ab7eadf03d2a034f52c7a8b89cd350adb7b2c1ba017e3584cbd::" providerId="AD" clId="Web-{3ABB98E7-BA6D-0A4A-A3E1-07A81B871BC5}" dt="2024-07-17T13:29:53.420" v="0"/>
          <pc:sldLayoutMkLst>
            <pc:docMk/>
            <pc:sldMasterMk cId="286209823" sldId="2147484135"/>
            <pc:sldLayoutMk cId="3252006164" sldId="2147484310"/>
          </pc:sldLayoutMkLst>
        </pc:sldLayoutChg>
      </pc:sldMaster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1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defTabSz="1371545" eaLnBrk="1" fontAlgn="auto" hangingPunct="1">
              <a:spcBef>
                <a:spcPts val="0"/>
              </a:spcBef>
              <a:spcAft>
                <a:spcPts val="0"/>
              </a:spcAft>
              <a:defRPr sz="1200">
                <a:latin typeface="+mn-lt"/>
              </a:defRPr>
            </a:lvl1pPr>
          </a:lstStyle>
          <a:p>
            <a:pPr>
              <a:defRPr/>
            </a:pPr>
            <a:endParaRPr lang="en-US"/>
          </a:p>
        </p:txBody>
      </p:sp>
      <p:sp>
        <p:nvSpPr>
          <p:cNvPr id="3" name="Date Placeholder 2"/>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defTabSz="1371545" eaLnBrk="1" fontAlgn="auto" hangingPunct="1">
              <a:spcBef>
                <a:spcPts val="0"/>
              </a:spcBef>
              <a:spcAft>
                <a:spcPts val="0"/>
              </a:spcAft>
              <a:defRPr sz="1200" smtClean="0">
                <a:latin typeface="+mn-lt"/>
              </a:defRPr>
            </a:lvl1pPr>
          </a:lstStyle>
          <a:p>
            <a:pPr>
              <a:defRPr/>
            </a:pPr>
            <a:fld id="{6D970933-CCE9-4D5F-813B-0744C8B67B27}" type="datetimeFigureOut">
              <a:rPr lang="en-US"/>
              <a:pPr>
                <a:defRPr/>
              </a:pPr>
              <a:t>7/17/2024</a:t>
            </a:fld>
            <a:endParaRPr lang="en-US"/>
          </a:p>
        </p:txBody>
      </p:sp>
      <p:sp>
        <p:nvSpPr>
          <p:cNvPr id="4" name="Footer Placeholder 3"/>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defTabSz="1371545" eaLnBrk="1" fontAlgn="auto" hangingPunct="1">
              <a:spcBef>
                <a:spcPts val="0"/>
              </a:spcBef>
              <a:spcAft>
                <a:spcPts val="0"/>
              </a:spcAft>
              <a:defRPr sz="1200">
                <a:latin typeface="+mn-lt"/>
              </a:defRPr>
            </a:lvl1pPr>
          </a:lstStyle>
          <a:p>
            <a:pPr>
              <a:defRPr/>
            </a:pPr>
            <a:endParaRPr lang="en-US"/>
          </a:p>
        </p:txBody>
      </p:sp>
      <p:sp>
        <p:nvSpPr>
          <p:cNvPr id="5" name="Slide Number Placeholder 4"/>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defTabSz="1371545" eaLnBrk="1" fontAlgn="auto" hangingPunct="1">
              <a:spcBef>
                <a:spcPts val="0"/>
              </a:spcBef>
              <a:spcAft>
                <a:spcPts val="0"/>
              </a:spcAft>
              <a:defRPr sz="1200" smtClean="0">
                <a:latin typeface="+mn-lt"/>
              </a:defRPr>
            </a:lvl1pPr>
          </a:lstStyle>
          <a:p>
            <a:pPr>
              <a:defRPr/>
            </a:pPr>
            <a:fld id="{AB1023E0-0498-4782-8852-622FAF1FB65A}" type="slidenum">
              <a:rPr lang="en-US"/>
              <a:pPr>
                <a:defRPr/>
              </a:pPr>
              <a:t>‹#›</a:t>
            </a:fld>
            <a:endParaRPr lang="en-US"/>
          </a:p>
        </p:txBody>
      </p:sp>
    </p:spTree>
    <p:extLst>
      <p:ext uri="{BB962C8B-B14F-4D97-AF65-F5344CB8AC3E}">
        <p14:creationId xmlns:p14="http://schemas.microsoft.com/office/powerpoint/2010/main" val="24156396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1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defTabSz="1371545" eaLnBrk="1" fontAlgn="auto" hangingPunct="1">
              <a:spcBef>
                <a:spcPts val="0"/>
              </a:spcBef>
              <a:spcAft>
                <a:spcPts val="0"/>
              </a:spcAft>
              <a:defRPr sz="1200">
                <a:latin typeface="+mn-lt"/>
              </a:defRPr>
            </a:lvl1pPr>
          </a:lstStyle>
          <a:p>
            <a:pPr>
              <a:defRPr/>
            </a:pPr>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defTabSz="1371545" eaLnBrk="1" fontAlgn="auto" hangingPunct="1">
              <a:spcBef>
                <a:spcPts val="0"/>
              </a:spcBef>
              <a:spcAft>
                <a:spcPts val="0"/>
              </a:spcAft>
              <a:defRPr sz="1200" smtClean="0">
                <a:latin typeface="+mn-lt"/>
              </a:defRPr>
            </a:lvl1pPr>
          </a:lstStyle>
          <a:p>
            <a:pPr>
              <a:defRPr/>
            </a:pPr>
            <a:fld id="{3038A3E1-E6FB-43AB-AAB5-5E9534695A01}" type="datetimeFigureOut">
              <a:rPr lang="en-US"/>
              <a:pPr>
                <a:defRPr/>
              </a:pPr>
              <a:t>7/17/2024</a:t>
            </a:fld>
            <a:endParaRPr lang="en-US"/>
          </a:p>
        </p:txBody>
      </p:sp>
      <p:sp>
        <p:nvSpPr>
          <p:cNvPr id="4" name="Slide Image Placeholder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pPr lvl="0"/>
            <a:endParaRPr lang="en-US" noProof="0"/>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noProof="0"/>
              <a:t>Click to edit Master text styles</a:t>
            </a:r>
          </a:p>
          <a:p>
            <a:pPr lvl="1"/>
            <a:r>
              <a:rPr lang="en-US" noProof="0"/>
              <a:t>Second level</a:t>
            </a:r>
          </a:p>
          <a:p>
            <a:pPr lvl="2"/>
            <a:r>
              <a:rPr lang="en-US" noProof="0"/>
              <a:t>Third level</a:t>
            </a:r>
          </a:p>
          <a:p>
            <a:pPr lvl="3"/>
            <a:r>
              <a:rPr lang="en-US" noProof="0"/>
              <a:t>Fourth level</a:t>
            </a:r>
          </a:p>
          <a:p>
            <a:pPr lvl="4"/>
            <a:r>
              <a:rPr lang="en-US" noProof="0"/>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defTabSz="1371545" eaLnBrk="1" fontAlgn="auto" hangingPunct="1">
              <a:spcBef>
                <a:spcPts val="0"/>
              </a:spcBef>
              <a:spcAft>
                <a:spcPts val="0"/>
              </a:spcAft>
              <a:defRPr sz="1200">
                <a:latin typeface="+mn-lt"/>
              </a:defRPr>
            </a:lvl1pPr>
          </a:lstStyle>
          <a:p>
            <a:pPr>
              <a:defRPr/>
            </a:pPr>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defTabSz="1371545" eaLnBrk="1" fontAlgn="auto" hangingPunct="1">
              <a:spcBef>
                <a:spcPts val="0"/>
              </a:spcBef>
              <a:spcAft>
                <a:spcPts val="0"/>
              </a:spcAft>
              <a:defRPr sz="1200" smtClean="0">
                <a:latin typeface="+mn-lt"/>
              </a:defRPr>
            </a:lvl1pPr>
          </a:lstStyle>
          <a:p>
            <a:pPr>
              <a:defRPr/>
            </a:pPr>
            <a:fld id="{A770C426-BF2D-4450-A61D-AB7B1322E65E}" type="slidenum">
              <a:rPr lang="en-US"/>
              <a:pPr>
                <a:defRPr/>
              </a:pPr>
              <a:t>‹#›</a:t>
            </a:fld>
            <a:endParaRPr lang="en-US"/>
          </a:p>
        </p:txBody>
      </p:sp>
    </p:spTree>
    <p:extLst>
      <p:ext uri="{BB962C8B-B14F-4D97-AF65-F5344CB8AC3E}">
        <p14:creationId xmlns:p14="http://schemas.microsoft.com/office/powerpoint/2010/main" val="2804358305"/>
      </p:ext>
    </p:extLst>
  </p:cSld>
  <p:clrMap bg1="lt1" tx1="dk1" bg2="lt2" tx2="dk2" accent1="accent1" accent2="accent2" accent3="accent3" accent4="accent4" accent5="accent5" accent6="accent6" hlink="hlink" folHlink="folHlink"/>
  <p:notesStyle>
    <a:lvl1pPr algn="l" defTabSz="1370013" rtl="0" fontAlgn="base">
      <a:spcBef>
        <a:spcPct val="30000"/>
      </a:spcBef>
      <a:spcAft>
        <a:spcPct val="0"/>
      </a:spcAft>
      <a:defRPr kern="1200">
        <a:solidFill>
          <a:schemeClr val="tx1"/>
        </a:solidFill>
        <a:latin typeface="+mn-lt"/>
        <a:ea typeface="+mn-ea"/>
        <a:cs typeface="+mn-cs"/>
      </a:defRPr>
    </a:lvl1pPr>
    <a:lvl2pPr marL="684213" algn="l" defTabSz="1370013" rtl="0" fontAlgn="base">
      <a:spcBef>
        <a:spcPct val="30000"/>
      </a:spcBef>
      <a:spcAft>
        <a:spcPct val="0"/>
      </a:spcAft>
      <a:defRPr kern="1200">
        <a:solidFill>
          <a:schemeClr val="tx1"/>
        </a:solidFill>
        <a:latin typeface="+mn-lt"/>
        <a:ea typeface="+mn-ea"/>
        <a:cs typeface="+mn-cs"/>
      </a:defRPr>
    </a:lvl2pPr>
    <a:lvl3pPr marL="1370013" algn="l" defTabSz="1370013" rtl="0" fontAlgn="base">
      <a:spcBef>
        <a:spcPct val="30000"/>
      </a:spcBef>
      <a:spcAft>
        <a:spcPct val="0"/>
      </a:spcAft>
      <a:defRPr kern="1200">
        <a:solidFill>
          <a:schemeClr val="tx1"/>
        </a:solidFill>
        <a:latin typeface="+mn-lt"/>
        <a:ea typeface="+mn-ea"/>
        <a:cs typeface="+mn-cs"/>
      </a:defRPr>
    </a:lvl3pPr>
    <a:lvl4pPr marL="2055813" algn="l" defTabSz="1370013" rtl="0" fontAlgn="base">
      <a:spcBef>
        <a:spcPct val="30000"/>
      </a:spcBef>
      <a:spcAft>
        <a:spcPct val="0"/>
      </a:spcAft>
      <a:defRPr kern="1200">
        <a:solidFill>
          <a:schemeClr val="tx1"/>
        </a:solidFill>
        <a:latin typeface="+mn-lt"/>
        <a:ea typeface="+mn-ea"/>
        <a:cs typeface="+mn-cs"/>
      </a:defRPr>
    </a:lvl4pPr>
    <a:lvl5pPr marL="2741613" algn="l" defTabSz="1370013" rtl="0" fontAlgn="base">
      <a:spcBef>
        <a:spcPct val="30000"/>
      </a:spcBef>
      <a:spcAft>
        <a:spcPct val="0"/>
      </a:spcAft>
      <a:defRPr kern="1200">
        <a:solidFill>
          <a:schemeClr val="tx1"/>
        </a:solidFill>
        <a:latin typeface="+mn-lt"/>
        <a:ea typeface="+mn-ea"/>
        <a:cs typeface="+mn-cs"/>
      </a:defRPr>
    </a:lvl5pPr>
    <a:lvl6pPr marL="3428864" algn="l" defTabSz="1371545" rtl="0" eaLnBrk="1" latinLnBrk="0" hangingPunct="1">
      <a:defRPr sz="1800" kern="1200">
        <a:solidFill>
          <a:schemeClr val="tx1"/>
        </a:solidFill>
        <a:latin typeface="+mn-lt"/>
        <a:ea typeface="+mn-ea"/>
        <a:cs typeface="+mn-cs"/>
      </a:defRPr>
    </a:lvl6pPr>
    <a:lvl7pPr marL="4114635" algn="l" defTabSz="1371545" rtl="0" eaLnBrk="1" latinLnBrk="0" hangingPunct="1">
      <a:defRPr sz="1800" kern="1200">
        <a:solidFill>
          <a:schemeClr val="tx1"/>
        </a:solidFill>
        <a:latin typeface="+mn-lt"/>
        <a:ea typeface="+mn-ea"/>
        <a:cs typeface="+mn-cs"/>
      </a:defRPr>
    </a:lvl7pPr>
    <a:lvl8pPr marL="4800408" algn="l" defTabSz="1371545" rtl="0" eaLnBrk="1" latinLnBrk="0" hangingPunct="1">
      <a:defRPr sz="1800" kern="1200">
        <a:solidFill>
          <a:schemeClr val="tx1"/>
        </a:solidFill>
        <a:latin typeface="+mn-lt"/>
        <a:ea typeface="+mn-ea"/>
        <a:cs typeface="+mn-cs"/>
      </a:defRPr>
    </a:lvl8pPr>
    <a:lvl9pPr marL="5486181" algn="l" defTabSz="1371545" rtl="0" eaLnBrk="1" latinLnBrk="0" hangingPunct="1">
      <a:defRPr sz="18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633"/>
        <p:cNvGrpSpPr/>
        <p:nvPr/>
      </p:nvGrpSpPr>
      <p:grpSpPr>
        <a:xfrm>
          <a:off x="0" y="0"/>
          <a:ext cx="0" cy="0"/>
          <a:chOff x="0" y="0"/>
          <a:chExt cx="0" cy="0"/>
        </a:xfrm>
      </p:grpSpPr>
      <p:sp>
        <p:nvSpPr>
          <p:cNvPr id="634" name="Google Shape;634;g4dfce81f19_0_45:notes"/>
          <p:cNvSpPr>
            <a:spLocks noGrp="1" noRot="1" noChangeAspect="1"/>
          </p:cNvSpPr>
          <p:nvPr>
            <p:ph type="sldImg" idx="2"/>
          </p:nvPr>
        </p:nvSpPr>
        <p:spPr>
          <a:xfrm>
            <a:off x="381000" y="685800"/>
            <a:ext cx="6096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635" name="Google Shape;635;g4dfce81f19_0_45: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endParaRPr/>
          </a:p>
        </p:txBody>
      </p:sp>
    </p:spTree>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Sandip &amp; Brian</a:t>
            </a:r>
          </a:p>
        </p:txBody>
      </p:sp>
      <p:sp>
        <p:nvSpPr>
          <p:cNvPr id="4" name="Slide Number Placeholder 3"/>
          <p:cNvSpPr>
            <a:spLocks noGrp="1"/>
          </p:cNvSpPr>
          <p:nvPr>
            <p:ph type="sldNum" sz="quarter" idx="10"/>
          </p:nvPr>
        </p:nvSpPr>
        <p:spPr/>
        <p:txBody>
          <a:bodyPr/>
          <a:lstStyle/>
          <a:p>
            <a:fld id="{2D639227-2BE2-B74C-84C0-B4BCC144ECA4}" type="slidenum">
              <a:rPr lang="en-US" smtClean="0"/>
              <a:t>11</a:t>
            </a:fld>
            <a:endParaRPr lang="en-US"/>
          </a:p>
        </p:txBody>
      </p:sp>
    </p:spTree>
    <p:extLst>
      <p:ext uri="{BB962C8B-B14F-4D97-AF65-F5344CB8AC3E}">
        <p14:creationId xmlns:p14="http://schemas.microsoft.com/office/powerpoint/2010/main" val="127802703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228600" indent="-228600">
              <a:buAutoNum type="arabicParenR"/>
            </a:pPr>
            <a:r>
              <a:rPr lang="en-US">
                <a:cs typeface="Calibri"/>
              </a:rPr>
              <a:t>MR introduced the GL as a major innovation in the comp space 25 yrs ago. The approach for many years was "everything is low risk" until it hits GL then risk increases linearly with utilization. </a:t>
            </a:r>
          </a:p>
          <a:p>
            <a:pPr marL="228600" indent="-228600">
              <a:buAutoNum type="arabicParenR"/>
            </a:pPr>
            <a:r>
              <a:rPr lang="en-US">
                <a:cs typeface="Calibri"/>
              </a:rPr>
              <a:t>The next phase represents what we started moving towards 5 years ago. This is generally where most managed care sits. Still start with a baseline of low risk but be skeptical that something could escalate, so check in earlier. </a:t>
            </a:r>
          </a:p>
          <a:p>
            <a:pPr marL="228600" indent="-228600">
              <a:buAutoNum type="arabicParenR"/>
            </a:pPr>
            <a:r>
              <a:rPr lang="en-US">
                <a:cs typeface="Calibri"/>
              </a:rPr>
              <a:t>For the past year, we have been evaluating risk upfront and predicting. The critical part here is re-assessing the risk based on the data. Copious data points. </a:t>
            </a:r>
          </a:p>
          <a:p>
            <a:r>
              <a:rPr lang="en-US">
                <a:cs typeface="Calibri"/>
              </a:rPr>
              <a:t>Each PT note contains dozens of data points. Pain, mobility, subjective reports, strength, function, how long wear they there? What did they do? How did they respond?</a:t>
            </a:r>
          </a:p>
          <a:p>
            <a:r>
              <a:rPr lang="en-US">
                <a:cs typeface="Calibri"/>
              </a:rPr>
              <a:t>It would be tough to look at every data point for every patient on every visit. Plausible though. What is not plausible is to triangulate all that data. </a:t>
            </a:r>
          </a:p>
          <a:p>
            <a:r>
              <a:rPr lang="en-US">
                <a:cs typeface="Calibri"/>
              </a:rPr>
              <a:t>When I first came to MedRisk everyone wanted to talk about active and passive treatment. That's easy- every thing a PT can build is active, passive or neither. We can tell you if the treatment is more active than passive and if the therapist is more passive than their peers. That does tell the story. What is important is not whether its active or passive, its whether it is the right thing to do and even more important, "is it working?" An acute grade 3 ankle sprain needs passive care, it just does. Not forever. Perhaps, for as long as its swollen.  So I don't want to discourage passive care. I want to look at the volumetric measurements of the ankle and as long as its swollen, it makes sense. It makes more sense on a 60 year old ankle than a 20 year old ankle. It also makes more sense for someone returning to desk work andp sitting all day. So the data points get more meaningful the more you cluster them. This is clinical intuition. I can teach it to a student, now I can I can teach it to a computer. What we are doing here is translating it into risk. What is our level of concern that that recovery will be delayed. </a:t>
            </a:r>
          </a:p>
          <a:p>
            <a:r>
              <a:rPr lang="en-US">
                <a:cs typeface="Calibri"/>
              </a:rPr>
              <a:t>80% of the cases we manage complete care within guidelines. 20% go over. Of that 20% half were for a non-modifiable reason and half someone could have done something about. We are trying to insight into this 20% but we are really trying to find the 10% as early as possible. Monitor them closely and as objectively as possible, use the risk to trigger action, communication and collaboration.  </a:t>
            </a:r>
          </a:p>
          <a:p>
            <a:r>
              <a:rPr lang="en-US">
                <a:cs typeface="Calibri"/>
              </a:rPr>
              <a:t>Predicting risk upfront. At every point, our goal is to use whatever is available to us. Upfront tend to have metrics like age, Dx, pre-injury job, surgical status and chronicity. These are all highly predictive of recovery velocity. Upfront, clinical metrics like mobility or function are not available. So lets walk through a case, 56 y/o female s/p RCR as show how insight drive risk assessment and interventions. </a:t>
            </a:r>
          </a:p>
          <a:p>
            <a:endParaRPr lang="en-US">
              <a:cs typeface="Calibri"/>
            </a:endParaRPr>
          </a:p>
          <a:p>
            <a:endParaRPr lang="en-US">
              <a:cs typeface="Calibri"/>
            </a:endParaRPr>
          </a:p>
        </p:txBody>
      </p:sp>
      <p:sp>
        <p:nvSpPr>
          <p:cNvPr id="4" name="Slide Number Placeholder 3"/>
          <p:cNvSpPr>
            <a:spLocks noGrp="1"/>
          </p:cNvSpPr>
          <p:nvPr>
            <p:ph type="sldNum" sz="quarter" idx="10"/>
          </p:nvPr>
        </p:nvSpPr>
        <p:spPr/>
        <p:txBody>
          <a:bodyPr/>
          <a:lstStyle/>
          <a:p>
            <a:fld id="{2D639227-2BE2-B74C-84C0-B4BCC144ECA4}" type="slidenum">
              <a:rPr lang="en-US" smtClean="0"/>
              <a:t>12</a:t>
            </a:fld>
            <a:endParaRPr lang="en-US"/>
          </a:p>
        </p:txBody>
      </p:sp>
    </p:spTree>
    <p:extLst>
      <p:ext uri="{BB962C8B-B14F-4D97-AF65-F5344CB8AC3E}">
        <p14:creationId xmlns:p14="http://schemas.microsoft.com/office/powerpoint/2010/main" val="3704515240"/>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slideMaster" Target="../slideMasters/slideMaster1.xml"/><Relationship Id="rId1" Type="http://schemas.openxmlformats.org/officeDocument/2006/relationships/tags" Target="../tags/tag1.xml"/><Relationship Id="rId4" Type="http://schemas.openxmlformats.org/officeDocument/2006/relationships/image" Target="../media/image2.svg"/></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0.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101.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102.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103.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104.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105.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106.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107.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108.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109.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10.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111.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112.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113.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114.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115.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116.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117.xml.rels><?xml version="1.0" encoding="UTF-8" standalone="yes"?>
<Relationships xmlns="http://schemas.openxmlformats.org/package/2006/relationships"><Relationship Id="rId3" Type="http://schemas.openxmlformats.org/officeDocument/2006/relationships/hyperlink" Target="https://bit.ly/3A1uf1Q" TargetMode="External"/><Relationship Id="rId2" Type="http://schemas.openxmlformats.org/officeDocument/2006/relationships/image" Target="../media/image34.png"/><Relationship Id="rId1" Type="http://schemas.openxmlformats.org/officeDocument/2006/relationships/slideMaster" Target="../slideMasters/slideMaster12.xml"/><Relationship Id="rId5" Type="http://schemas.openxmlformats.org/officeDocument/2006/relationships/hyperlink" Target="http://bit.ly/2TtBDfr" TargetMode="External"/><Relationship Id="rId4" Type="http://schemas.openxmlformats.org/officeDocument/2006/relationships/hyperlink" Target="http://bit.ly/2TyoMsr" TargetMode="External"/></Relationships>
</file>

<file path=ppt/slideLayouts/_rels/slideLayout118.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119.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120.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3.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3.xml"/><Relationship Id="rId4" Type="http://schemas.openxmlformats.org/officeDocument/2006/relationships/image" Target="../media/image5.png"/></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Master" Target="../slideMasters/slideMaster3.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jpeg"/><Relationship Id="rId1" Type="http://schemas.openxmlformats.org/officeDocument/2006/relationships/slideMaster" Target="../slideMasters/slideMaster4.xml"/><Relationship Id="rId6" Type="http://schemas.openxmlformats.org/officeDocument/2006/relationships/image" Target="../media/image15.svg"/><Relationship Id="rId5" Type="http://schemas.openxmlformats.org/officeDocument/2006/relationships/image" Target="../media/image13.png"/><Relationship Id="rId4" Type="http://schemas.openxmlformats.org/officeDocument/2006/relationships/image" Target="../media/image12.png"/></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14.jpeg"/><Relationship Id="rId1" Type="http://schemas.openxmlformats.org/officeDocument/2006/relationships/slideMaster" Target="../slideMasters/slideMaster4.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15.jpeg"/><Relationship Id="rId1" Type="http://schemas.openxmlformats.org/officeDocument/2006/relationships/slideMaster" Target="../slideMasters/slideMaster4.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image" Target="../media/image16.jpeg"/><Relationship Id="rId1" Type="http://schemas.openxmlformats.org/officeDocument/2006/relationships/slideMaster" Target="../slideMasters/slideMaster4.xml"/></Relationships>
</file>

<file path=ppt/slideLayouts/_rels/slideLayout25.xml.rels><?xml version="1.0" encoding="UTF-8" standalone="yes"?>
<Relationships xmlns="http://schemas.openxmlformats.org/package/2006/relationships"><Relationship Id="rId2" Type="http://schemas.openxmlformats.org/officeDocument/2006/relationships/slideMaster" Target="../slideMasters/slideMaster4.xml"/><Relationship Id="rId1" Type="http://schemas.openxmlformats.org/officeDocument/2006/relationships/tags" Target="../tags/tag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15.jpeg"/><Relationship Id="rId1" Type="http://schemas.openxmlformats.org/officeDocument/2006/relationships/slideMaster" Target="../slideMasters/slideMaster5.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1.xml.rels><?xml version="1.0" encoding="UTF-8" standalone="yes"?>
<Relationships xmlns="http://schemas.openxmlformats.org/package/2006/relationships"><Relationship Id="rId2" Type="http://schemas.openxmlformats.org/officeDocument/2006/relationships/image" Target="../media/image15.jpeg"/><Relationship Id="rId1" Type="http://schemas.openxmlformats.org/officeDocument/2006/relationships/slideMaster" Target="../slideMasters/slideMaster7.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5.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8.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38.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8.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8.xml"/><Relationship Id="rId4" Type="http://schemas.openxmlformats.org/officeDocument/2006/relationships/image" Target="../media/image5.png"/></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image" Target="../media/image22.png"/><Relationship Id="rId1" Type="http://schemas.openxmlformats.org/officeDocument/2006/relationships/slideMaster" Target="../slideMasters/slideMaster8.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24.png"/><Relationship Id="rId1" Type="http://schemas.openxmlformats.org/officeDocument/2006/relationships/slideMaster" Target="../slideMasters/slideMaster8.xml"/></Relationships>
</file>

<file path=ppt/slideLayouts/_rels/slideLayout43.xml.rels><?xml version="1.0" encoding="UTF-8" standalone="yes"?>
<Relationships xmlns="http://schemas.openxmlformats.org/package/2006/relationships"><Relationship Id="rId3" Type="http://schemas.openxmlformats.org/officeDocument/2006/relationships/slideMaster" Target="../slideMasters/slideMaster8.xml"/><Relationship Id="rId2" Type="http://schemas.openxmlformats.org/officeDocument/2006/relationships/tags" Target="../tags/tag4.xml"/><Relationship Id="rId1" Type="http://schemas.openxmlformats.org/officeDocument/2006/relationships/tags" Target="../tags/tag3.xml"/><Relationship Id="rId4" Type="http://schemas.openxmlformats.org/officeDocument/2006/relationships/image" Target="../media/image21.png"/></Relationships>
</file>

<file path=ppt/slideLayouts/_rels/slideLayout44.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25.png"/><Relationship Id="rId1" Type="http://schemas.openxmlformats.org/officeDocument/2006/relationships/slideMaster" Target="../slideMasters/slideMaster8.xml"/></Relationships>
</file>

<file path=ppt/slideLayouts/_rels/slideLayout45.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slideMaster" Target="../slideMasters/slideMaster8.xml"/><Relationship Id="rId1" Type="http://schemas.openxmlformats.org/officeDocument/2006/relationships/tags" Target="../tags/tag5.xml"/></Relationships>
</file>

<file path=ppt/slideLayouts/_rels/slideLayout46.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slideMaster" Target="../slideMasters/slideMaster8.xml"/><Relationship Id="rId1" Type="http://schemas.openxmlformats.org/officeDocument/2006/relationships/tags" Target="../tags/tag6.xml"/></Relationships>
</file>

<file path=ppt/slideLayouts/_rels/slideLayout47.xml.rels><?xml version="1.0" encoding="UTF-8" standalone="yes"?>
<Relationships xmlns="http://schemas.openxmlformats.org/package/2006/relationships"><Relationship Id="rId3" Type="http://schemas.openxmlformats.org/officeDocument/2006/relationships/slideMaster" Target="../slideMasters/slideMaster8.xml"/><Relationship Id="rId2" Type="http://schemas.openxmlformats.org/officeDocument/2006/relationships/tags" Target="../tags/tag8.xml"/><Relationship Id="rId1" Type="http://schemas.openxmlformats.org/officeDocument/2006/relationships/tags" Target="../tags/tag7.xml"/><Relationship Id="rId4" Type="http://schemas.openxmlformats.org/officeDocument/2006/relationships/image" Target="../media/image21.png"/></Relationships>
</file>

<file path=ppt/slideLayouts/_rels/slideLayout48.xml.rels><?xml version="1.0" encoding="UTF-8" standalone="yes"?>
<Relationships xmlns="http://schemas.openxmlformats.org/package/2006/relationships"><Relationship Id="rId3" Type="http://schemas.openxmlformats.org/officeDocument/2006/relationships/slideMaster" Target="../slideMasters/slideMaster8.xml"/><Relationship Id="rId2" Type="http://schemas.openxmlformats.org/officeDocument/2006/relationships/tags" Target="../tags/tag10.xml"/><Relationship Id="rId1" Type="http://schemas.openxmlformats.org/officeDocument/2006/relationships/tags" Target="../tags/tag9.xml"/><Relationship Id="rId5" Type="http://schemas.openxmlformats.org/officeDocument/2006/relationships/image" Target="../media/image26.png"/><Relationship Id="rId4" Type="http://schemas.openxmlformats.org/officeDocument/2006/relationships/image" Target="../media/image21.png"/></Relationships>
</file>

<file path=ppt/slideLayouts/_rels/slideLayout49.xml.rels><?xml version="1.0" encoding="UTF-8" standalone="yes"?>
<Relationships xmlns="http://schemas.openxmlformats.org/package/2006/relationships"><Relationship Id="rId3" Type="http://schemas.openxmlformats.org/officeDocument/2006/relationships/slideMaster" Target="../slideMasters/slideMaster8.xml"/><Relationship Id="rId2" Type="http://schemas.openxmlformats.org/officeDocument/2006/relationships/tags" Target="../tags/tag12.xml"/><Relationship Id="rId1" Type="http://schemas.openxmlformats.org/officeDocument/2006/relationships/tags" Target="../tags/tag11.xml"/><Relationship Id="rId4" Type="http://schemas.openxmlformats.org/officeDocument/2006/relationships/image" Target="../media/image21.png"/></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0.xml.rels><?xml version="1.0" encoding="UTF-8" standalone="yes"?>
<Relationships xmlns="http://schemas.openxmlformats.org/package/2006/relationships"><Relationship Id="rId3" Type="http://schemas.openxmlformats.org/officeDocument/2006/relationships/slideMaster" Target="../slideMasters/slideMaster8.xml"/><Relationship Id="rId2" Type="http://schemas.openxmlformats.org/officeDocument/2006/relationships/tags" Target="../tags/tag14.xml"/><Relationship Id="rId1" Type="http://schemas.openxmlformats.org/officeDocument/2006/relationships/tags" Target="../tags/tag13.xml"/><Relationship Id="rId4" Type="http://schemas.openxmlformats.org/officeDocument/2006/relationships/image" Target="../media/image21.png"/></Relationships>
</file>

<file path=ppt/slideLayouts/_rels/slideLayout51.xml.rels><?xml version="1.0" encoding="UTF-8" standalone="yes"?>
<Relationships xmlns="http://schemas.openxmlformats.org/package/2006/relationships"><Relationship Id="rId3" Type="http://schemas.openxmlformats.org/officeDocument/2006/relationships/slideMaster" Target="../slideMasters/slideMaster8.xml"/><Relationship Id="rId2" Type="http://schemas.openxmlformats.org/officeDocument/2006/relationships/tags" Target="../tags/tag16.xml"/><Relationship Id="rId1" Type="http://schemas.openxmlformats.org/officeDocument/2006/relationships/tags" Target="../tags/tag15.xml"/><Relationship Id="rId5" Type="http://schemas.openxmlformats.org/officeDocument/2006/relationships/image" Target="../media/image21.png"/><Relationship Id="rId4" Type="http://schemas.openxmlformats.org/officeDocument/2006/relationships/image" Target="../media/image26.png"/></Relationships>
</file>

<file path=ppt/slideLayouts/_rels/slideLayout52.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image" Target="../media/image27.png"/><Relationship Id="rId1" Type="http://schemas.openxmlformats.org/officeDocument/2006/relationships/slideMaster" Target="../slideMasters/slideMaster8.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66.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0.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69.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0.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0.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10.xml"/><Relationship Id="rId4" Type="http://schemas.openxmlformats.org/officeDocument/2006/relationships/image" Target="../media/image5.png"/></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72.xml.rels><?xml version="1.0" encoding="UTF-8" standalone="yes"?>
<Relationships xmlns="http://schemas.openxmlformats.org/package/2006/relationships"><Relationship Id="rId3" Type="http://schemas.openxmlformats.org/officeDocument/2006/relationships/slideMaster" Target="../slideMasters/slideMaster10.xml"/><Relationship Id="rId2" Type="http://schemas.openxmlformats.org/officeDocument/2006/relationships/video" Target="../media/media1.mp4"/><Relationship Id="rId1" Type="http://schemas.microsoft.com/office/2007/relationships/media" Target="../media/media1.mp4"/><Relationship Id="rId4" Type="http://schemas.openxmlformats.org/officeDocument/2006/relationships/image" Target="../media/image31.png"/></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77.xml.rels><?xml version="1.0" encoding="UTF-8" standalone="yes"?>
<Relationships xmlns="http://schemas.openxmlformats.org/package/2006/relationships"><Relationship Id="rId2" Type="http://schemas.openxmlformats.org/officeDocument/2006/relationships/image" Target="../media/image7.png"/><Relationship Id="rId1" Type="http://schemas.openxmlformats.org/officeDocument/2006/relationships/slideMaster" Target="../slideMasters/slideMaster11.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79.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0.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11.xml"/></Relationships>
</file>

<file path=ppt/slideLayouts/_rels/slideLayout81.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82.xml.rels><?xml version="1.0" encoding="UTF-8" standalone="yes"?>
<Relationships xmlns="http://schemas.openxmlformats.org/package/2006/relationships"><Relationship Id="rId1" Type="http://schemas.openxmlformats.org/officeDocument/2006/relationships/slideMaster" Target="../slideMasters/slideMaster11.xml"/></Relationships>
</file>

<file path=ppt/slideLayouts/_rels/slideLayout83.xml.rels><?xml version="1.0" encoding="UTF-8" standalone="yes"?>
<Relationships xmlns="http://schemas.openxmlformats.org/package/2006/relationships"><Relationship Id="rId3" Type="http://schemas.openxmlformats.org/officeDocument/2006/relationships/slideMaster" Target="../slideMasters/slideMaster11.xml"/><Relationship Id="rId2" Type="http://schemas.openxmlformats.org/officeDocument/2006/relationships/video" Target="../media/media2.mp4"/><Relationship Id="rId1" Type="http://schemas.microsoft.com/office/2007/relationships/media" Target="../media/media2.mp4"/><Relationship Id="rId4" Type="http://schemas.openxmlformats.org/officeDocument/2006/relationships/image" Target="../media/image33.png"/></Relationships>
</file>

<file path=ppt/slideLayouts/_rels/slideLayout84.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85.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86.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87.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88.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89.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0.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91.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92.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93.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94.xml.rels><?xml version="1.0" encoding="UTF-8" standalone="yes"?>
<Relationships xmlns="http://schemas.openxmlformats.org/package/2006/relationships"><Relationship Id="rId1" Type="http://schemas.openxmlformats.org/officeDocument/2006/relationships/slideMaster" Target="../slideMasters/slideMaster12.xml"/></Relationships>
</file>

<file path=ppt/slideLayouts/_rels/slideLayout95.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96.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97.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98.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_rels/slideLayout99.xml.rels><?xml version="1.0" encoding="UTF-8" standalone="yes"?>
<Relationships xmlns="http://schemas.openxmlformats.org/package/2006/relationships"><Relationship Id="rId2" Type="http://schemas.openxmlformats.org/officeDocument/2006/relationships/image" Target="../media/image34.png"/><Relationship Id="rId1" Type="http://schemas.openxmlformats.org/officeDocument/2006/relationships/slideMaster" Target="../slideMasters/slideMaster12.xml"/></Relationships>
</file>

<file path=ppt/slideLayouts/slideLayout1.xml><?xml version="1.0" encoding="utf-8"?>
<p:sldLayout xmlns:a="http://schemas.openxmlformats.org/drawingml/2006/main" xmlns:r="http://schemas.openxmlformats.org/officeDocument/2006/relationships" xmlns:p="http://schemas.openxmlformats.org/presentationml/2006/main" userDrawn="1">
  <p:cSld name="Three Content">
    <p:spTree>
      <p:nvGrpSpPr>
        <p:cNvPr id="1" name=""/>
        <p:cNvGrpSpPr/>
        <p:nvPr/>
      </p:nvGrpSpPr>
      <p:grpSpPr>
        <a:xfrm>
          <a:off x="0" y="0"/>
          <a:ext cx="0" cy="0"/>
          <a:chOff x="0" y="0"/>
          <a:chExt cx="0" cy="0"/>
        </a:xfrm>
      </p:grpSpPr>
      <p:sp>
        <p:nvSpPr>
          <p:cNvPr id="8" name="Guides" hidden="1">
            <a:extLst>
              <a:ext uri="{FF2B5EF4-FFF2-40B4-BE49-F238E27FC236}">
                <a16:creationId xmlns:a16="http://schemas.microsoft.com/office/drawing/2014/main" id="{1CCC1DA6-3109-44AB-859A-3A8651415C8D}"/>
              </a:ext>
            </a:extLst>
          </p:cNvPr>
          <p:cNvSpPr/>
          <p:nvPr userDrawn="1">
            <p:custDataLst>
              <p:tags r:id="rId1"/>
            </p:custDataLst>
          </p:nvPr>
        </p:nvSpPr>
        <p:spPr>
          <a:xfrm>
            <a:off x="0" y="0"/>
            <a:ext cx="1058333" cy="423333"/>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167">
              <a:solidFill>
                <a:srgbClr val="FFFFFF"/>
              </a:solidFill>
            </a:endParaRPr>
          </a:p>
        </p:txBody>
      </p:sp>
      <p:sp>
        <p:nvSpPr>
          <p:cNvPr id="18" name="Rectangle 17"/>
          <p:cNvSpPr>
            <a:spLocks noGrp="1" noRot="1" noMove="1" noResize="1" noEditPoints="1" noAdjustHandles="1" noChangeArrowheads="1" noChangeShapeType="1"/>
          </p:cNvSpPr>
          <p:nvPr userDrawn="1"/>
        </p:nvSpPr>
        <p:spPr>
          <a:xfrm>
            <a:off x="18532470" y="0"/>
            <a:ext cx="645867" cy="11430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latin typeface="Arial" panose="020B0604020202020204" pitchFamily="34" charset="0"/>
              <a:cs typeface="Arial" panose="020B0604020202020204" pitchFamily="34" charset="0"/>
            </a:endParaRPr>
          </a:p>
        </p:txBody>
      </p:sp>
      <p:sp>
        <p:nvSpPr>
          <p:cNvPr id="19" name="Rectangle 18"/>
          <p:cNvSpPr>
            <a:spLocks noGrp="1" noRot="1" noMove="1" noResize="1" noEditPoints="1" noAdjustHandles="1" noChangeArrowheads="1" noChangeShapeType="1"/>
          </p:cNvSpPr>
          <p:nvPr userDrawn="1"/>
        </p:nvSpPr>
        <p:spPr>
          <a:xfrm>
            <a:off x="9691" y="0"/>
            <a:ext cx="645867" cy="11430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latin typeface="Arial" panose="020B0604020202020204" pitchFamily="34" charset="0"/>
              <a:cs typeface="Arial" panose="020B0604020202020204" pitchFamily="34" charset="0"/>
            </a:endParaRPr>
          </a:p>
        </p:txBody>
      </p:sp>
      <p:sp>
        <p:nvSpPr>
          <p:cNvPr id="20" name="Rectangle 19"/>
          <p:cNvSpPr>
            <a:spLocks noGrp="1" noRot="1" noMove="1" noResize="1" noEditPoints="1" noAdjustHandles="1" noChangeArrowheads="1" noChangeShapeType="1"/>
          </p:cNvSpPr>
          <p:nvPr userDrawn="1"/>
        </p:nvSpPr>
        <p:spPr>
          <a:xfrm rot="5400000">
            <a:off x="9006419" y="1777715"/>
            <a:ext cx="645867" cy="18658705"/>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latin typeface="Arial" panose="020B0604020202020204" pitchFamily="34" charset="0"/>
              <a:cs typeface="Arial" panose="020B0604020202020204" pitchFamily="34" charset="0"/>
            </a:endParaRPr>
          </a:p>
        </p:txBody>
      </p:sp>
      <p:pic>
        <p:nvPicPr>
          <p:cNvPr id="7" name="Graphic 6">
            <a:extLst>
              <a:ext uri="{FF2B5EF4-FFF2-40B4-BE49-F238E27FC236}">
                <a16:creationId xmlns:a16="http://schemas.microsoft.com/office/drawing/2014/main" id="{4D9CEBFA-BA05-229A-45E7-8D6C15970A74}"/>
              </a:ext>
            </a:extLst>
          </p:cNvPr>
          <p:cNvPicPr>
            <a:picLocks noChangeAspect="1"/>
          </p:cNvPicPr>
          <p:nvPr/>
        </p:nvPicPr>
        <p:blipFill>
          <a:blip r:embed="rId3">
            <a:extLst>
              <a:ext uri="{96DAC541-7B7A-43D3-8B79-37D633B846F1}">
                <asvg:svgBlip xmlns:asvg="http://schemas.microsoft.com/office/drawing/2016/SVG/main" xmlns="" r:embed="rId4"/>
              </a:ext>
            </a:extLst>
          </a:blip>
          <a:stretch>
            <a:fillRect/>
          </a:stretch>
        </p:blipFill>
        <p:spPr>
          <a:xfrm rot="5400000">
            <a:off x="19076047" y="9345983"/>
            <a:ext cx="1292080" cy="282144"/>
          </a:xfrm>
          <a:prstGeom prst="rect">
            <a:avLst/>
          </a:prstGeom>
        </p:spPr>
      </p:pic>
    </p:spTree>
    <p:extLst>
      <p:ext uri="{BB962C8B-B14F-4D97-AF65-F5344CB8AC3E}">
        <p14:creationId xmlns:p14="http://schemas.microsoft.com/office/powerpoint/2010/main" val="4163357670"/>
      </p:ext>
    </p:extLst>
  </p:cSld>
  <p:clrMapOvr>
    <a:masterClrMapping/>
  </p:clrMapOvr>
  <p:extLst>
    <p:ext uri="{DCECCB84-F9BA-43D5-87BE-67443E8EF086}">
      <p15:sldGuideLst xmlns:p15="http://schemas.microsoft.com/office/powerpoint/2012/main">
        <p15:guide id="4" orient="horz" pos="6775" userDrawn="1">
          <p15:clr>
            <a:srgbClr val="FF96FF"/>
          </p15:clr>
        </p15:guide>
        <p15:guide id="5" pos="413" userDrawn="1">
          <p15:clr>
            <a:srgbClr val="FF96FF"/>
          </p15:clr>
        </p15:guide>
        <p15:guide id="8" pos="11662" userDrawn="1">
          <p15:clr>
            <a:srgbClr val="FF96FF"/>
          </p15:clr>
        </p15:guide>
        <p15:guide id="10" orient="horz" pos="402" userDrawn="1">
          <p15:clr>
            <a:srgbClr val="FBAE40"/>
          </p15:clr>
        </p15:guide>
        <p15:guide id="11" orient="horz" pos="1309" userDrawn="1">
          <p15:clr>
            <a:srgbClr val="FBAE40"/>
          </p15:clr>
        </p15:guide>
      </p15:sldGuideLst>
    </p:ext>
  </p:extLst>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1_Custom Layout">
    <p:spTree>
      <p:nvGrpSpPr>
        <p:cNvPr id="1" name=""/>
        <p:cNvGrpSpPr/>
        <p:nvPr/>
      </p:nvGrpSpPr>
      <p:grpSpPr>
        <a:xfrm>
          <a:off x="0" y="0"/>
          <a:ext cx="0" cy="0"/>
          <a:chOff x="0" y="0"/>
          <a:chExt cx="0" cy="0"/>
        </a:xfrm>
      </p:grpSpPr>
      <p:sp>
        <p:nvSpPr>
          <p:cNvPr id="4" name="Text Placeholder 3"/>
          <p:cNvSpPr>
            <a:spLocks noGrp="1"/>
          </p:cNvSpPr>
          <p:nvPr>
            <p:ph type="body" sz="quarter" idx="14"/>
          </p:nvPr>
        </p:nvSpPr>
        <p:spPr>
          <a:xfrm>
            <a:off x="13820341" y="2037870"/>
            <a:ext cx="1369249" cy="1387529"/>
          </a:xfrm>
          <a:prstGeom prst="rect">
            <a:avLst/>
          </a:prstGeom>
        </p:spPr>
        <p:txBody>
          <a:bodyPr/>
          <a:lstStyle>
            <a:lvl1pPr marL="0" indent="0">
              <a:buFontTx/>
              <a:buNone/>
              <a:defRPr sz="8000" b="1">
                <a:solidFill>
                  <a:srgbClr val="F76C6C"/>
                </a:solidFill>
              </a:defRPr>
            </a:lvl1pPr>
            <a:lvl2pPr marL="685793" indent="0">
              <a:buNone/>
              <a:defRPr/>
            </a:lvl2pPr>
          </a:lstStyle>
          <a:p>
            <a:pPr lvl="0"/>
            <a:r>
              <a:rPr lang="en-US"/>
              <a:t>Edit Master text styles</a:t>
            </a:r>
          </a:p>
        </p:txBody>
      </p:sp>
      <p:sp>
        <p:nvSpPr>
          <p:cNvPr id="5" name="Text Placeholder 3"/>
          <p:cNvSpPr>
            <a:spLocks noGrp="1"/>
          </p:cNvSpPr>
          <p:nvPr>
            <p:ph type="body" sz="quarter" idx="12"/>
          </p:nvPr>
        </p:nvSpPr>
        <p:spPr>
          <a:xfrm>
            <a:off x="7725964" y="2037870"/>
            <a:ext cx="1369249" cy="1387529"/>
          </a:xfrm>
          <a:prstGeom prst="rect">
            <a:avLst/>
          </a:prstGeom>
        </p:spPr>
        <p:txBody>
          <a:bodyPr/>
          <a:lstStyle>
            <a:lvl1pPr marL="0" indent="0">
              <a:buFontTx/>
              <a:buNone/>
              <a:defRPr sz="8000" b="1">
                <a:solidFill>
                  <a:srgbClr val="F76C6C"/>
                </a:solidFill>
              </a:defRPr>
            </a:lvl1pPr>
            <a:lvl2pPr marL="685793" indent="0">
              <a:buNone/>
              <a:defRPr/>
            </a:lvl2pPr>
          </a:lstStyle>
          <a:p>
            <a:pPr lvl="0"/>
            <a:r>
              <a:rPr lang="en-US"/>
              <a:t>Edit Master text styles</a:t>
            </a:r>
          </a:p>
        </p:txBody>
      </p:sp>
      <p:sp>
        <p:nvSpPr>
          <p:cNvPr id="6" name="Text Placeholder 5"/>
          <p:cNvSpPr>
            <a:spLocks noGrp="1"/>
          </p:cNvSpPr>
          <p:nvPr>
            <p:ph type="body" sz="quarter" idx="13"/>
          </p:nvPr>
        </p:nvSpPr>
        <p:spPr>
          <a:xfrm>
            <a:off x="8476198" y="2205922"/>
            <a:ext cx="4515842" cy="5546725"/>
          </a:xfrm>
          <a:prstGeom prst="rect">
            <a:avLst/>
          </a:prstGeom>
        </p:spPr>
        <p:txBody>
          <a:bodyPr>
            <a:noAutofit/>
          </a:bodyPr>
          <a:lstStyle>
            <a:lvl1pPr marL="0" indent="0">
              <a:buFontTx/>
              <a:buNone/>
              <a:defRPr sz="2400" b="1">
                <a:solidFill>
                  <a:srgbClr val="54565A"/>
                </a:solidFill>
              </a:defRPr>
            </a:lvl1pPr>
            <a:lvl2pPr marL="268286" indent="-268286">
              <a:buClr>
                <a:srgbClr val="F76C6C"/>
              </a:buClr>
              <a:buFont typeface="Wingdings" panose="05000000000000000000" pitchFamily="2" charset="2"/>
              <a:buChar char="§"/>
              <a:defRPr sz="2400">
                <a:solidFill>
                  <a:srgbClr val="54565A"/>
                </a:solidFill>
              </a:defRPr>
            </a:lvl2pPr>
            <a:lvl3pPr marL="268286" indent="-268286">
              <a:buClr>
                <a:srgbClr val="F76C6C"/>
              </a:buClr>
              <a:buFont typeface="Wingdings" panose="05000000000000000000" pitchFamily="2" charset="2"/>
              <a:buChar char="§"/>
              <a:defRPr sz="2400">
                <a:solidFill>
                  <a:srgbClr val="54565A"/>
                </a:solidFill>
              </a:defRPr>
            </a:lvl3pPr>
            <a:lvl4pPr marL="268286" indent="-268286">
              <a:buClr>
                <a:srgbClr val="F76C6C"/>
              </a:buClr>
              <a:buFont typeface="Wingdings" panose="05000000000000000000" pitchFamily="2" charset="2"/>
              <a:buChar char="§"/>
              <a:defRPr sz="2400">
                <a:solidFill>
                  <a:srgbClr val="54565A"/>
                </a:solidFill>
              </a:defRPr>
            </a:lvl4pPr>
            <a:lvl5pPr marL="0" indent="0">
              <a:buNone/>
              <a:defRPr>
                <a:solidFill>
                  <a:srgbClr val="54565A"/>
                </a:solidFill>
              </a:defRPr>
            </a:lvl5pPr>
          </a:lstStyle>
          <a:p>
            <a:pPr lvl="0"/>
            <a:r>
              <a:rPr lang="en-US" dirty="0"/>
              <a:t>Edit Master text styles</a:t>
            </a:r>
          </a:p>
          <a:p>
            <a:pPr lvl="2"/>
            <a:r>
              <a:rPr lang="en-US" noProof="0" dirty="0"/>
              <a:t>Third level</a:t>
            </a:r>
          </a:p>
        </p:txBody>
      </p:sp>
      <p:sp>
        <p:nvSpPr>
          <p:cNvPr id="7" name="Text Placeholder 3"/>
          <p:cNvSpPr>
            <a:spLocks noGrp="1"/>
          </p:cNvSpPr>
          <p:nvPr>
            <p:ph type="body" sz="quarter" idx="10"/>
          </p:nvPr>
        </p:nvSpPr>
        <p:spPr>
          <a:xfrm>
            <a:off x="1500259" y="1978513"/>
            <a:ext cx="1369249" cy="1387529"/>
          </a:xfrm>
          <a:prstGeom prst="rect">
            <a:avLst/>
          </a:prstGeom>
        </p:spPr>
        <p:txBody>
          <a:bodyPr/>
          <a:lstStyle>
            <a:lvl1pPr marL="0" indent="0">
              <a:buFontTx/>
              <a:buNone/>
              <a:defRPr sz="8000" b="1">
                <a:solidFill>
                  <a:srgbClr val="F76C6C"/>
                </a:solidFill>
              </a:defRPr>
            </a:lvl1pPr>
            <a:lvl2pPr marL="685793" indent="0">
              <a:buNone/>
              <a:defRPr/>
            </a:lvl2pPr>
          </a:lstStyle>
          <a:p>
            <a:pPr lvl="0"/>
            <a:r>
              <a:rPr lang="en-US" dirty="0"/>
              <a:t>Edit Master text styles</a:t>
            </a:r>
          </a:p>
        </p:txBody>
      </p:sp>
      <p:sp>
        <p:nvSpPr>
          <p:cNvPr id="9" name="Text Placeholder 5"/>
          <p:cNvSpPr>
            <a:spLocks noGrp="1"/>
          </p:cNvSpPr>
          <p:nvPr>
            <p:ph type="body" sz="quarter" idx="11"/>
          </p:nvPr>
        </p:nvSpPr>
        <p:spPr>
          <a:xfrm>
            <a:off x="2250490" y="2146564"/>
            <a:ext cx="4515842" cy="5546725"/>
          </a:xfrm>
          <a:prstGeom prst="rect">
            <a:avLst/>
          </a:prstGeom>
        </p:spPr>
        <p:txBody>
          <a:bodyPr>
            <a:noAutofit/>
          </a:bodyPr>
          <a:lstStyle>
            <a:lvl1pPr marL="0" indent="0">
              <a:buFontTx/>
              <a:buNone/>
              <a:defRPr sz="3200" b="1">
                <a:solidFill>
                  <a:srgbClr val="54565A"/>
                </a:solidFill>
              </a:defRPr>
            </a:lvl1pPr>
            <a:lvl2pPr marL="268286" indent="-268286">
              <a:buClr>
                <a:srgbClr val="F76C6C"/>
              </a:buClr>
              <a:buFont typeface="Wingdings" panose="05000000000000000000" pitchFamily="2" charset="2"/>
              <a:buChar char="§"/>
              <a:defRPr sz="2400">
                <a:solidFill>
                  <a:srgbClr val="54565A"/>
                </a:solidFill>
              </a:defRPr>
            </a:lvl2pPr>
            <a:lvl3pPr marL="268286" indent="-268286">
              <a:buClr>
                <a:srgbClr val="F76C6C"/>
              </a:buClr>
              <a:buFont typeface="Wingdings" panose="05000000000000000000" pitchFamily="2" charset="2"/>
              <a:buChar char="§"/>
              <a:defRPr sz="2400">
                <a:solidFill>
                  <a:srgbClr val="54565A"/>
                </a:solidFill>
              </a:defRPr>
            </a:lvl3pPr>
            <a:lvl4pPr marL="268286" indent="-268286">
              <a:buClr>
                <a:srgbClr val="F76C6C"/>
              </a:buClr>
              <a:buFont typeface="Wingdings" panose="05000000000000000000" pitchFamily="2" charset="2"/>
              <a:buChar char="§"/>
              <a:defRPr sz="2400">
                <a:solidFill>
                  <a:srgbClr val="54565A"/>
                </a:solidFill>
              </a:defRPr>
            </a:lvl4pPr>
            <a:lvl5pPr marL="268286" indent="-268286">
              <a:defRPr>
                <a:solidFill>
                  <a:srgbClr val="54565A"/>
                </a:solidFill>
              </a:defRPr>
            </a:lvl5pPr>
          </a:lstStyle>
          <a:p>
            <a:pPr lvl="0"/>
            <a:r>
              <a:rPr lang="en-US" dirty="0"/>
              <a:t>Edit Master text styles</a:t>
            </a:r>
          </a:p>
          <a:p>
            <a:pPr lvl="2"/>
            <a:r>
              <a:rPr lang="en-US" noProof="0" dirty="0"/>
              <a:t>Third level</a:t>
            </a:r>
          </a:p>
        </p:txBody>
      </p:sp>
      <p:sp>
        <p:nvSpPr>
          <p:cNvPr id="10" name="Text Placeholder 5"/>
          <p:cNvSpPr>
            <a:spLocks noGrp="1"/>
          </p:cNvSpPr>
          <p:nvPr>
            <p:ph type="body" sz="quarter" idx="15"/>
          </p:nvPr>
        </p:nvSpPr>
        <p:spPr>
          <a:xfrm>
            <a:off x="14570573" y="2205922"/>
            <a:ext cx="4515842" cy="5546725"/>
          </a:xfrm>
          <a:prstGeom prst="rect">
            <a:avLst/>
          </a:prstGeom>
        </p:spPr>
        <p:txBody>
          <a:bodyPr>
            <a:noAutofit/>
          </a:bodyPr>
          <a:lstStyle>
            <a:lvl1pPr marL="0" indent="0">
              <a:buFontTx/>
              <a:buNone/>
              <a:defRPr sz="2400" b="1">
                <a:solidFill>
                  <a:srgbClr val="54565A"/>
                </a:solidFill>
              </a:defRPr>
            </a:lvl1pPr>
            <a:lvl2pPr marL="268286" indent="-268286">
              <a:buClr>
                <a:srgbClr val="F76C6C"/>
              </a:buClr>
              <a:buFont typeface="Wingdings" panose="05000000000000000000" pitchFamily="2" charset="2"/>
              <a:buChar char="§"/>
              <a:defRPr sz="2400">
                <a:solidFill>
                  <a:srgbClr val="54565A"/>
                </a:solidFill>
              </a:defRPr>
            </a:lvl2pPr>
            <a:lvl3pPr marL="268286" indent="-268286">
              <a:buClr>
                <a:srgbClr val="F76C6C"/>
              </a:buClr>
              <a:buFont typeface="Wingdings" panose="05000000000000000000" pitchFamily="2" charset="2"/>
              <a:buChar char="§"/>
              <a:defRPr sz="2400">
                <a:solidFill>
                  <a:srgbClr val="54565A"/>
                </a:solidFill>
              </a:defRPr>
            </a:lvl3pPr>
            <a:lvl4pPr marL="268286" indent="-268286">
              <a:buClr>
                <a:srgbClr val="F76C6C"/>
              </a:buClr>
              <a:buFont typeface="Wingdings" panose="05000000000000000000" pitchFamily="2" charset="2"/>
              <a:buChar char="§"/>
              <a:defRPr sz="2400">
                <a:solidFill>
                  <a:srgbClr val="54565A"/>
                </a:solidFill>
              </a:defRPr>
            </a:lvl4pPr>
            <a:lvl5pPr marL="268286" indent="-268286">
              <a:defRPr>
                <a:solidFill>
                  <a:srgbClr val="54565A"/>
                </a:solidFill>
              </a:defRPr>
            </a:lvl5pPr>
          </a:lstStyle>
          <a:p>
            <a:pPr lvl="0"/>
            <a:r>
              <a:rPr lang="en-US" dirty="0"/>
              <a:t>Edit Master text styles</a:t>
            </a:r>
          </a:p>
          <a:p>
            <a:pPr lvl="2"/>
            <a:r>
              <a:rPr lang="en-US" noProof="0" dirty="0"/>
              <a:t>Third level</a:t>
            </a:r>
          </a:p>
        </p:txBody>
      </p:sp>
      <p:cxnSp>
        <p:nvCxnSpPr>
          <p:cNvPr id="14" name="Straight Connector 13"/>
          <p:cNvCxnSpPr/>
          <p:nvPr userDrawn="1"/>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sp>
        <p:nvSpPr>
          <p:cNvPr id="11" name="Title 4"/>
          <p:cNvSpPr>
            <a:spLocks noGrp="1"/>
          </p:cNvSpPr>
          <p:nvPr>
            <p:ph type="title"/>
          </p:nvPr>
        </p:nvSpPr>
        <p:spPr>
          <a:xfrm>
            <a:off x="842674" y="794960"/>
            <a:ext cx="17793001" cy="984304"/>
          </a:xfrm>
          <a:prstGeom prst="rect">
            <a:avLst/>
          </a:prstGeom>
        </p:spPr>
        <p:txBody>
          <a:bodyPr anchor="t" anchorCtr="0"/>
          <a:lstStyle>
            <a:lvl1pPr>
              <a:defRPr sz="4800">
                <a:solidFill>
                  <a:srgbClr val="114B5F"/>
                </a:solidFill>
              </a:defRPr>
            </a:lvl1pPr>
          </a:lstStyle>
          <a:p>
            <a:r>
              <a:rPr lang="en-US" dirty="0"/>
              <a:t>Click to edit Master title style</a:t>
            </a:r>
            <a:endParaRPr lang="en-GB" dirty="0"/>
          </a:p>
        </p:txBody>
      </p:sp>
    </p:spTree>
    <p:extLst>
      <p:ext uri="{BB962C8B-B14F-4D97-AF65-F5344CB8AC3E}">
        <p14:creationId xmlns:p14="http://schemas.microsoft.com/office/powerpoint/2010/main" val="1329987692"/>
      </p:ext>
    </p:extLst>
  </p:cSld>
  <p:clrMapOvr>
    <a:masterClrMapping/>
  </p:clrMapOvr>
  <p:hf hdr="0" ftr="0" dt="0"/>
</p:sldLayout>
</file>

<file path=ppt/slideLayouts/slideLayout100.xml><?xml version="1.0" encoding="utf-8"?>
<p:sldLayout xmlns:a="http://schemas.openxmlformats.org/drawingml/2006/main" xmlns:r="http://schemas.openxmlformats.org/officeDocument/2006/relationships" xmlns:p="http://schemas.openxmlformats.org/presentationml/2006/main" matchingName="Title only 2">
  <p:cSld name="Title only 2">
    <p:spTree>
      <p:nvGrpSpPr>
        <p:cNvPr id="1" name="Shape 247"/>
        <p:cNvGrpSpPr/>
        <p:nvPr/>
      </p:nvGrpSpPr>
      <p:grpSpPr>
        <a:xfrm>
          <a:off x="0" y="0"/>
          <a:ext cx="0" cy="0"/>
          <a:chOff x="0" y="0"/>
          <a:chExt cx="0" cy="0"/>
        </a:xfrm>
      </p:grpSpPr>
      <p:pic>
        <p:nvPicPr>
          <p:cNvPr id="248" name="Google Shape;248;p18"/>
          <p:cNvPicPr preferRelativeResize="0"/>
          <p:nvPr/>
        </p:nvPicPr>
        <p:blipFill rotWithShape="1">
          <a:blip r:embed="rId2">
            <a:alphaModFix amt="58999"/>
          </a:blip>
          <a:srcRect/>
          <a:stretch/>
        </p:blipFill>
        <p:spPr>
          <a:xfrm>
            <a:off x="0" y="0"/>
            <a:ext cx="20320000" cy="11430000"/>
          </a:xfrm>
          <a:prstGeom prst="rect">
            <a:avLst/>
          </a:prstGeom>
          <a:noFill/>
          <a:ln>
            <a:noFill/>
          </a:ln>
        </p:spPr>
      </p:pic>
      <p:grpSp>
        <p:nvGrpSpPr>
          <p:cNvPr id="249" name="Google Shape;249;p18"/>
          <p:cNvGrpSpPr/>
          <p:nvPr/>
        </p:nvGrpSpPr>
        <p:grpSpPr>
          <a:xfrm>
            <a:off x="921445" y="681333"/>
            <a:ext cx="18477111" cy="481333"/>
            <a:chOff x="414650" y="306600"/>
            <a:chExt cx="8314700" cy="216600"/>
          </a:xfrm>
        </p:grpSpPr>
        <p:grpSp>
          <p:nvGrpSpPr>
            <p:cNvPr id="250" name="Google Shape;250;p18"/>
            <p:cNvGrpSpPr/>
            <p:nvPr/>
          </p:nvGrpSpPr>
          <p:grpSpPr>
            <a:xfrm>
              <a:off x="713281" y="389286"/>
              <a:ext cx="7717437" cy="51251"/>
              <a:chOff x="450050" y="465475"/>
              <a:chExt cx="8367600" cy="51241"/>
            </a:xfrm>
          </p:grpSpPr>
          <p:cxnSp>
            <p:nvCxnSpPr>
              <p:cNvPr id="251" name="Google Shape;251;p18"/>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252" name="Google Shape;252;p18"/>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253" name="Google Shape;253;p18"/>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254" name="Google Shape;254;p18"/>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255" name="Google Shape;255;p18"/>
          <p:cNvSpPr txBox="1">
            <a:spLocks noGrp="1"/>
          </p:cNvSpPr>
          <p:nvPr>
            <p:ph type="title"/>
          </p:nvPr>
        </p:nvSpPr>
        <p:spPr>
          <a:xfrm>
            <a:off x="1600000" y="1158278"/>
            <a:ext cx="17120000" cy="1272667"/>
          </a:xfrm>
          <a:prstGeom prst="rect">
            <a:avLst/>
          </a:prstGeom>
        </p:spPr>
        <p:txBody>
          <a:bodyPr spcFirstLastPara="1" wrap="square" lIns="91425" tIns="91425" rIns="91425" bIns="91425" anchor="t" anchorCtr="0">
            <a:noAutofit/>
          </a:bodyPr>
          <a:lstStyle>
            <a:lvl1pPr lvl="0" rtl="0">
              <a:spcBef>
                <a:spcPts val="0"/>
              </a:spcBef>
              <a:spcAft>
                <a:spcPts val="0"/>
              </a:spcAft>
              <a:buSzPts val="3500"/>
              <a:buNone/>
              <a:defRPr/>
            </a:lvl1pPr>
            <a:lvl2pPr lvl="1" rtl="0">
              <a:spcBef>
                <a:spcPts val="0"/>
              </a:spcBef>
              <a:spcAft>
                <a:spcPts val="0"/>
              </a:spcAft>
              <a:buSzPts val="3500"/>
              <a:buNone/>
              <a:defRPr/>
            </a:lvl2pPr>
            <a:lvl3pPr lvl="2" rtl="0">
              <a:spcBef>
                <a:spcPts val="0"/>
              </a:spcBef>
              <a:spcAft>
                <a:spcPts val="0"/>
              </a:spcAft>
              <a:buSzPts val="3500"/>
              <a:buNone/>
              <a:defRPr/>
            </a:lvl3pPr>
            <a:lvl4pPr lvl="3" rtl="0">
              <a:spcBef>
                <a:spcPts val="0"/>
              </a:spcBef>
              <a:spcAft>
                <a:spcPts val="0"/>
              </a:spcAft>
              <a:buSzPts val="3500"/>
              <a:buNone/>
              <a:defRPr/>
            </a:lvl4pPr>
            <a:lvl5pPr lvl="4" rtl="0">
              <a:spcBef>
                <a:spcPts val="0"/>
              </a:spcBef>
              <a:spcAft>
                <a:spcPts val="0"/>
              </a:spcAft>
              <a:buSzPts val="3500"/>
              <a:buNone/>
              <a:defRPr/>
            </a:lvl5pPr>
            <a:lvl6pPr lvl="5" rtl="0">
              <a:spcBef>
                <a:spcPts val="0"/>
              </a:spcBef>
              <a:spcAft>
                <a:spcPts val="0"/>
              </a:spcAft>
              <a:buSzPts val="3500"/>
              <a:buNone/>
              <a:defRPr/>
            </a:lvl6pPr>
            <a:lvl7pPr lvl="6" rtl="0">
              <a:spcBef>
                <a:spcPts val="0"/>
              </a:spcBef>
              <a:spcAft>
                <a:spcPts val="0"/>
              </a:spcAft>
              <a:buSzPts val="3500"/>
              <a:buNone/>
              <a:defRPr/>
            </a:lvl7pPr>
            <a:lvl8pPr lvl="7" rtl="0">
              <a:spcBef>
                <a:spcPts val="0"/>
              </a:spcBef>
              <a:spcAft>
                <a:spcPts val="0"/>
              </a:spcAft>
              <a:buSzPts val="3500"/>
              <a:buNone/>
              <a:defRPr/>
            </a:lvl8pPr>
            <a:lvl9pPr lvl="8" rtl="0">
              <a:spcBef>
                <a:spcPts val="0"/>
              </a:spcBef>
              <a:spcAft>
                <a:spcPts val="0"/>
              </a:spcAft>
              <a:buSzPts val="3500"/>
              <a:buNone/>
              <a:defRPr/>
            </a:lvl9pPr>
          </a:lstStyle>
          <a:p>
            <a:endParaRPr/>
          </a:p>
        </p:txBody>
      </p:sp>
      <p:grpSp>
        <p:nvGrpSpPr>
          <p:cNvPr id="256" name="Google Shape;256;p18"/>
          <p:cNvGrpSpPr/>
          <p:nvPr/>
        </p:nvGrpSpPr>
        <p:grpSpPr>
          <a:xfrm flipH="1">
            <a:off x="0" y="10472101"/>
            <a:ext cx="20320000" cy="1172691"/>
            <a:chOff x="-37" y="4170349"/>
            <a:chExt cx="9144000" cy="937485"/>
          </a:xfrm>
        </p:grpSpPr>
        <p:sp>
          <p:nvSpPr>
            <p:cNvPr id="257" name="Google Shape;257;p18"/>
            <p:cNvSpPr/>
            <p:nvPr/>
          </p:nvSpPr>
          <p:spPr>
            <a:xfrm>
              <a:off x="-37" y="4170349"/>
              <a:ext cx="9144000" cy="937485"/>
            </a:xfrm>
            <a:custGeom>
              <a:avLst/>
              <a:gdLst/>
              <a:ahLst/>
              <a:cxnLst/>
              <a:rect l="l" t="t" r="r" b="b"/>
              <a:pathLst>
                <a:path w="285750" h="81326" extrusionOk="0">
                  <a:moveTo>
                    <a:pt x="84150" y="1"/>
                  </a:moveTo>
                  <a:lnTo>
                    <a:pt x="83270" y="47"/>
                  </a:lnTo>
                  <a:lnTo>
                    <a:pt x="82437" y="186"/>
                  </a:lnTo>
                  <a:lnTo>
                    <a:pt x="80723" y="464"/>
                  </a:lnTo>
                  <a:lnTo>
                    <a:pt x="78917" y="835"/>
                  </a:lnTo>
                  <a:lnTo>
                    <a:pt x="77111" y="1205"/>
                  </a:lnTo>
                  <a:lnTo>
                    <a:pt x="75258" y="1668"/>
                  </a:lnTo>
                  <a:lnTo>
                    <a:pt x="73359" y="2178"/>
                  </a:lnTo>
                  <a:lnTo>
                    <a:pt x="71414" y="2687"/>
                  </a:lnTo>
                  <a:lnTo>
                    <a:pt x="67478" y="3845"/>
                  </a:lnTo>
                  <a:lnTo>
                    <a:pt x="63402" y="5095"/>
                  </a:lnTo>
                  <a:lnTo>
                    <a:pt x="59280" y="6438"/>
                  </a:lnTo>
                  <a:lnTo>
                    <a:pt x="51037" y="9217"/>
                  </a:lnTo>
                  <a:lnTo>
                    <a:pt x="46961" y="10606"/>
                  </a:lnTo>
                  <a:lnTo>
                    <a:pt x="42932" y="11950"/>
                  </a:lnTo>
                  <a:lnTo>
                    <a:pt x="39042" y="13154"/>
                  </a:lnTo>
                  <a:lnTo>
                    <a:pt x="35290" y="14265"/>
                  </a:lnTo>
                  <a:lnTo>
                    <a:pt x="33484" y="14775"/>
                  </a:lnTo>
                  <a:lnTo>
                    <a:pt x="31724" y="15238"/>
                  </a:lnTo>
                  <a:lnTo>
                    <a:pt x="30011" y="15655"/>
                  </a:lnTo>
                  <a:lnTo>
                    <a:pt x="28390" y="16025"/>
                  </a:lnTo>
                  <a:lnTo>
                    <a:pt x="26815" y="16349"/>
                  </a:lnTo>
                  <a:lnTo>
                    <a:pt x="25287" y="16627"/>
                  </a:lnTo>
                  <a:lnTo>
                    <a:pt x="23851" y="16812"/>
                  </a:lnTo>
                  <a:lnTo>
                    <a:pt x="22462" y="16951"/>
                  </a:lnTo>
                  <a:lnTo>
                    <a:pt x="19868" y="17183"/>
                  </a:lnTo>
                  <a:lnTo>
                    <a:pt x="17414" y="17368"/>
                  </a:lnTo>
                  <a:lnTo>
                    <a:pt x="15098" y="17646"/>
                  </a:lnTo>
                  <a:lnTo>
                    <a:pt x="12921" y="17878"/>
                  </a:lnTo>
                  <a:lnTo>
                    <a:pt x="9077" y="18433"/>
                  </a:lnTo>
                  <a:lnTo>
                    <a:pt x="5882" y="18896"/>
                  </a:lnTo>
                  <a:lnTo>
                    <a:pt x="3335" y="19360"/>
                  </a:lnTo>
                  <a:lnTo>
                    <a:pt x="1528" y="19730"/>
                  </a:lnTo>
                  <a:lnTo>
                    <a:pt x="0" y="20101"/>
                  </a:lnTo>
                  <a:lnTo>
                    <a:pt x="0" y="81325"/>
                  </a:lnTo>
                  <a:lnTo>
                    <a:pt x="285750" y="81325"/>
                  </a:lnTo>
                  <a:lnTo>
                    <a:pt x="285750" y="16951"/>
                  </a:lnTo>
                  <a:lnTo>
                    <a:pt x="281906" y="16396"/>
                  </a:lnTo>
                  <a:lnTo>
                    <a:pt x="277460" y="15793"/>
                  </a:lnTo>
                  <a:lnTo>
                    <a:pt x="271578" y="15006"/>
                  </a:lnTo>
                  <a:lnTo>
                    <a:pt x="264492" y="14173"/>
                  </a:lnTo>
                  <a:lnTo>
                    <a:pt x="256388" y="13339"/>
                  </a:lnTo>
                  <a:lnTo>
                    <a:pt x="252034" y="12922"/>
                  </a:lnTo>
                  <a:lnTo>
                    <a:pt x="247496" y="12505"/>
                  </a:lnTo>
                  <a:lnTo>
                    <a:pt x="242818" y="12135"/>
                  </a:lnTo>
                  <a:lnTo>
                    <a:pt x="238002" y="11811"/>
                  </a:lnTo>
                  <a:lnTo>
                    <a:pt x="233139" y="11486"/>
                  </a:lnTo>
                  <a:lnTo>
                    <a:pt x="228137" y="11255"/>
                  </a:lnTo>
                  <a:lnTo>
                    <a:pt x="223135" y="11023"/>
                  </a:lnTo>
                  <a:lnTo>
                    <a:pt x="218133" y="10931"/>
                  </a:lnTo>
                  <a:lnTo>
                    <a:pt x="213132" y="10838"/>
                  </a:lnTo>
                  <a:lnTo>
                    <a:pt x="208130" y="10838"/>
                  </a:lnTo>
                  <a:lnTo>
                    <a:pt x="203221" y="10977"/>
                  </a:lnTo>
                  <a:lnTo>
                    <a:pt x="198404" y="11162"/>
                  </a:lnTo>
                  <a:lnTo>
                    <a:pt x="196042" y="11301"/>
                  </a:lnTo>
                  <a:lnTo>
                    <a:pt x="193680" y="11440"/>
                  </a:lnTo>
                  <a:lnTo>
                    <a:pt x="191365" y="11625"/>
                  </a:lnTo>
                  <a:lnTo>
                    <a:pt x="189141" y="11857"/>
                  </a:lnTo>
                  <a:lnTo>
                    <a:pt x="186918" y="12088"/>
                  </a:lnTo>
                  <a:lnTo>
                    <a:pt x="184695" y="12366"/>
                  </a:lnTo>
                  <a:lnTo>
                    <a:pt x="182565" y="12691"/>
                  </a:lnTo>
                  <a:lnTo>
                    <a:pt x="180527" y="13015"/>
                  </a:lnTo>
                  <a:lnTo>
                    <a:pt x="178490" y="13385"/>
                  </a:lnTo>
                  <a:lnTo>
                    <a:pt x="176498" y="13756"/>
                  </a:lnTo>
                  <a:lnTo>
                    <a:pt x="174599" y="14219"/>
                  </a:lnTo>
                  <a:lnTo>
                    <a:pt x="172747" y="14682"/>
                  </a:lnTo>
                  <a:lnTo>
                    <a:pt x="170987" y="15191"/>
                  </a:lnTo>
                  <a:lnTo>
                    <a:pt x="169273" y="15747"/>
                  </a:lnTo>
                  <a:lnTo>
                    <a:pt x="167652" y="16349"/>
                  </a:lnTo>
                  <a:lnTo>
                    <a:pt x="166124" y="16951"/>
                  </a:lnTo>
                  <a:lnTo>
                    <a:pt x="164596" y="17553"/>
                  </a:lnTo>
                  <a:lnTo>
                    <a:pt x="163114" y="18109"/>
                  </a:lnTo>
                  <a:lnTo>
                    <a:pt x="161585" y="18572"/>
                  </a:lnTo>
                  <a:lnTo>
                    <a:pt x="160057" y="18989"/>
                  </a:lnTo>
                  <a:lnTo>
                    <a:pt x="158529" y="19360"/>
                  </a:lnTo>
                  <a:lnTo>
                    <a:pt x="157047" y="19637"/>
                  </a:lnTo>
                  <a:lnTo>
                    <a:pt x="155518" y="19869"/>
                  </a:lnTo>
                  <a:lnTo>
                    <a:pt x="153990" y="20054"/>
                  </a:lnTo>
                  <a:lnTo>
                    <a:pt x="152508" y="20193"/>
                  </a:lnTo>
                  <a:lnTo>
                    <a:pt x="150980" y="20286"/>
                  </a:lnTo>
                  <a:lnTo>
                    <a:pt x="147969" y="20286"/>
                  </a:lnTo>
                  <a:lnTo>
                    <a:pt x="146487" y="20193"/>
                  </a:lnTo>
                  <a:lnTo>
                    <a:pt x="144959" y="20101"/>
                  </a:lnTo>
                  <a:lnTo>
                    <a:pt x="143477" y="19915"/>
                  </a:lnTo>
                  <a:lnTo>
                    <a:pt x="141995" y="19730"/>
                  </a:lnTo>
                  <a:lnTo>
                    <a:pt x="140513" y="19498"/>
                  </a:lnTo>
                  <a:lnTo>
                    <a:pt x="139031" y="19221"/>
                  </a:lnTo>
                  <a:lnTo>
                    <a:pt x="137549" y="18896"/>
                  </a:lnTo>
                  <a:lnTo>
                    <a:pt x="136067" y="18572"/>
                  </a:lnTo>
                  <a:lnTo>
                    <a:pt x="134585" y="18202"/>
                  </a:lnTo>
                  <a:lnTo>
                    <a:pt x="133149" y="17831"/>
                  </a:lnTo>
                  <a:lnTo>
                    <a:pt x="130232" y="16951"/>
                  </a:lnTo>
                  <a:lnTo>
                    <a:pt x="127360" y="15979"/>
                  </a:lnTo>
                  <a:lnTo>
                    <a:pt x="124535" y="14914"/>
                  </a:lnTo>
                  <a:lnTo>
                    <a:pt x="121710" y="13802"/>
                  </a:lnTo>
                  <a:lnTo>
                    <a:pt x="118931" y="12644"/>
                  </a:lnTo>
                  <a:lnTo>
                    <a:pt x="116245" y="11440"/>
                  </a:lnTo>
                  <a:lnTo>
                    <a:pt x="113559" y="10236"/>
                  </a:lnTo>
                  <a:lnTo>
                    <a:pt x="108326" y="7874"/>
                  </a:lnTo>
                  <a:lnTo>
                    <a:pt x="103324" y="5558"/>
                  </a:lnTo>
                  <a:lnTo>
                    <a:pt x="100916" y="4493"/>
                  </a:lnTo>
                  <a:lnTo>
                    <a:pt x="98554" y="3521"/>
                  </a:lnTo>
                  <a:lnTo>
                    <a:pt x="96284" y="2641"/>
                  </a:lnTo>
                  <a:lnTo>
                    <a:pt x="94061" y="1853"/>
                  </a:lnTo>
                  <a:lnTo>
                    <a:pt x="91931" y="1159"/>
                  </a:lnTo>
                  <a:lnTo>
                    <a:pt x="90912" y="881"/>
                  </a:lnTo>
                  <a:lnTo>
                    <a:pt x="89893" y="649"/>
                  </a:lnTo>
                  <a:lnTo>
                    <a:pt x="88874" y="418"/>
                  </a:lnTo>
                  <a:lnTo>
                    <a:pt x="87902" y="279"/>
                  </a:lnTo>
                  <a:lnTo>
                    <a:pt x="86929" y="140"/>
                  </a:lnTo>
                  <a:lnTo>
                    <a:pt x="86003" y="47"/>
                  </a:lnTo>
                  <a:lnTo>
                    <a:pt x="85077" y="1"/>
                  </a:lnTo>
                  <a:close/>
                </a:path>
              </a:pathLst>
            </a:cu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258" name="Google Shape;258;p18"/>
            <p:cNvSpPr/>
            <p:nvPr/>
          </p:nvSpPr>
          <p:spPr>
            <a:xfrm>
              <a:off x="0" y="4601014"/>
              <a:ext cx="9143916" cy="502399"/>
            </a:xfrm>
            <a:custGeom>
              <a:avLst/>
              <a:gdLst/>
              <a:ahLst/>
              <a:cxnLst/>
              <a:rect l="l" t="t" r="r" b="b"/>
              <a:pathLst>
                <a:path w="285057" h="13941" extrusionOk="0">
                  <a:moveTo>
                    <a:pt x="238141" y="0"/>
                  </a:moveTo>
                  <a:lnTo>
                    <a:pt x="234529" y="47"/>
                  </a:lnTo>
                  <a:lnTo>
                    <a:pt x="230777" y="186"/>
                  </a:lnTo>
                  <a:lnTo>
                    <a:pt x="226933" y="325"/>
                  </a:lnTo>
                  <a:lnTo>
                    <a:pt x="222997" y="602"/>
                  </a:lnTo>
                  <a:lnTo>
                    <a:pt x="218921" y="927"/>
                  </a:lnTo>
                  <a:lnTo>
                    <a:pt x="214799" y="1343"/>
                  </a:lnTo>
                  <a:lnTo>
                    <a:pt x="210585" y="1853"/>
                  </a:lnTo>
                  <a:lnTo>
                    <a:pt x="206278" y="2455"/>
                  </a:lnTo>
                  <a:lnTo>
                    <a:pt x="204009" y="2733"/>
                  </a:lnTo>
                  <a:lnTo>
                    <a:pt x="201647" y="3057"/>
                  </a:lnTo>
                  <a:lnTo>
                    <a:pt x="199053" y="3289"/>
                  </a:lnTo>
                  <a:lnTo>
                    <a:pt x="196367" y="3566"/>
                  </a:lnTo>
                  <a:lnTo>
                    <a:pt x="193542" y="3798"/>
                  </a:lnTo>
                  <a:lnTo>
                    <a:pt x="190578" y="4030"/>
                  </a:lnTo>
                  <a:lnTo>
                    <a:pt x="184279" y="4400"/>
                  </a:lnTo>
                  <a:lnTo>
                    <a:pt x="177518" y="4724"/>
                  </a:lnTo>
                  <a:lnTo>
                    <a:pt x="170386" y="5002"/>
                  </a:lnTo>
                  <a:lnTo>
                    <a:pt x="162883" y="5187"/>
                  </a:lnTo>
                  <a:lnTo>
                    <a:pt x="155056" y="5326"/>
                  </a:lnTo>
                  <a:lnTo>
                    <a:pt x="146998" y="5465"/>
                  </a:lnTo>
                  <a:lnTo>
                    <a:pt x="138708" y="5512"/>
                  </a:lnTo>
                  <a:lnTo>
                    <a:pt x="130232" y="5512"/>
                  </a:lnTo>
                  <a:lnTo>
                    <a:pt x="121711" y="5465"/>
                  </a:lnTo>
                  <a:lnTo>
                    <a:pt x="113050" y="5419"/>
                  </a:lnTo>
                  <a:lnTo>
                    <a:pt x="104436" y="5280"/>
                  </a:lnTo>
                  <a:lnTo>
                    <a:pt x="95776" y="5187"/>
                  </a:lnTo>
                  <a:lnTo>
                    <a:pt x="87254" y="5002"/>
                  </a:lnTo>
                  <a:lnTo>
                    <a:pt x="70581" y="4632"/>
                  </a:lnTo>
                  <a:lnTo>
                    <a:pt x="54789" y="4215"/>
                  </a:lnTo>
                  <a:lnTo>
                    <a:pt x="40293" y="3752"/>
                  </a:lnTo>
                  <a:lnTo>
                    <a:pt x="27418" y="3242"/>
                  </a:lnTo>
                  <a:lnTo>
                    <a:pt x="16534" y="2825"/>
                  </a:lnTo>
                  <a:lnTo>
                    <a:pt x="8105" y="2409"/>
                  </a:lnTo>
                  <a:lnTo>
                    <a:pt x="2455" y="2131"/>
                  </a:lnTo>
                  <a:lnTo>
                    <a:pt x="834" y="1992"/>
                  </a:lnTo>
                  <a:lnTo>
                    <a:pt x="1" y="1946"/>
                  </a:lnTo>
                  <a:lnTo>
                    <a:pt x="1" y="13940"/>
                  </a:lnTo>
                  <a:lnTo>
                    <a:pt x="285056" y="13940"/>
                  </a:lnTo>
                  <a:lnTo>
                    <a:pt x="285056" y="5512"/>
                  </a:lnTo>
                  <a:lnTo>
                    <a:pt x="283574" y="5095"/>
                  </a:lnTo>
                  <a:lnTo>
                    <a:pt x="281768" y="4632"/>
                  </a:lnTo>
                  <a:lnTo>
                    <a:pt x="279267" y="4076"/>
                  </a:lnTo>
                  <a:lnTo>
                    <a:pt x="276118" y="3428"/>
                  </a:lnTo>
                  <a:lnTo>
                    <a:pt x="272366" y="2733"/>
                  </a:lnTo>
                  <a:lnTo>
                    <a:pt x="270236" y="2362"/>
                  </a:lnTo>
                  <a:lnTo>
                    <a:pt x="268013" y="2038"/>
                  </a:lnTo>
                  <a:lnTo>
                    <a:pt x="265605" y="1714"/>
                  </a:lnTo>
                  <a:lnTo>
                    <a:pt x="263057" y="1390"/>
                  </a:lnTo>
                  <a:lnTo>
                    <a:pt x="260371" y="1112"/>
                  </a:lnTo>
                  <a:lnTo>
                    <a:pt x="257593" y="834"/>
                  </a:lnTo>
                  <a:lnTo>
                    <a:pt x="254629" y="602"/>
                  </a:lnTo>
                  <a:lnTo>
                    <a:pt x="251572" y="371"/>
                  </a:lnTo>
                  <a:lnTo>
                    <a:pt x="248423" y="232"/>
                  </a:lnTo>
                  <a:lnTo>
                    <a:pt x="245088" y="93"/>
                  </a:lnTo>
                  <a:lnTo>
                    <a:pt x="241661" y="47"/>
                  </a:lnTo>
                  <a:lnTo>
                    <a:pt x="238141" y="0"/>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grpSp>
        <p:nvGrpSpPr>
          <p:cNvPr id="259" name="Google Shape;259;p18"/>
          <p:cNvGrpSpPr/>
          <p:nvPr/>
        </p:nvGrpSpPr>
        <p:grpSpPr>
          <a:xfrm>
            <a:off x="329223" y="7157736"/>
            <a:ext cx="19522362" cy="4297016"/>
            <a:chOff x="148150" y="3220981"/>
            <a:chExt cx="8785063" cy="1933657"/>
          </a:xfrm>
        </p:grpSpPr>
        <p:sp>
          <p:nvSpPr>
            <p:cNvPr id="260" name="Google Shape;260;p18"/>
            <p:cNvSpPr/>
            <p:nvPr/>
          </p:nvSpPr>
          <p:spPr>
            <a:xfrm flipH="1">
              <a:off x="8588179" y="3220981"/>
              <a:ext cx="345034" cy="1683864"/>
            </a:xfrm>
            <a:custGeom>
              <a:avLst/>
              <a:gdLst/>
              <a:ahLst/>
              <a:cxnLst/>
              <a:rect l="l" t="t" r="r" b="b"/>
              <a:pathLst>
                <a:path w="16256" h="79334" extrusionOk="0">
                  <a:moveTo>
                    <a:pt x="7457" y="1"/>
                  </a:moveTo>
                  <a:lnTo>
                    <a:pt x="7179" y="93"/>
                  </a:lnTo>
                  <a:lnTo>
                    <a:pt x="6901" y="186"/>
                  </a:lnTo>
                  <a:lnTo>
                    <a:pt x="6762" y="371"/>
                  </a:lnTo>
                  <a:lnTo>
                    <a:pt x="6669" y="510"/>
                  </a:lnTo>
                  <a:lnTo>
                    <a:pt x="6669" y="649"/>
                  </a:lnTo>
                  <a:lnTo>
                    <a:pt x="6391" y="2455"/>
                  </a:lnTo>
                  <a:lnTo>
                    <a:pt x="6160" y="4261"/>
                  </a:lnTo>
                  <a:lnTo>
                    <a:pt x="5975" y="6114"/>
                  </a:lnTo>
                  <a:lnTo>
                    <a:pt x="5882" y="7966"/>
                  </a:lnTo>
                  <a:lnTo>
                    <a:pt x="5836" y="10560"/>
                  </a:lnTo>
                  <a:lnTo>
                    <a:pt x="5882" y="13153"/>
                  </a:lnTo>
                  <a:lnTo>
                    <a:pt x="5975" y="15747"/>
                  </a:lnTo>
                  <a:lnTo>
                    <a:pt x="6113" y="18340"/>
                  </a:lnTo>
                  <a:lnTo>
                    <a:pt x="6484" y="23620"/>
                  </a:lnTo>
                  <a:lnTo>
                    <a:pt x="6762" y="28946"/>
                  </a:lnTo>
                  <a:lnTo>
                    <a:pt x="6901" y="31586"/>
                  </a:lnTo>
                  <a:lnTo>
                    <a:pt x="6993" y="34226"/>
                  </a:lnTo>
                  <a:lnTo>
                    <a:pt x="7040" y="36912"/>
                  </a:lnTo>
                  <a:lnTo>
                    <a:pt x="7086" y="39551"/>
                  </a:lnTo>
                  <a:lnTo>
                    <a:pt x="7040" y="41635"/>
                  </a:lnTo>
                  <a:lnTo>
                    <a:pt x="6993" y="43673"/>
                  </a:lnTo>
                  <a:lnTo>
                    <a:pt x="6854" y="45757"/>
                  </a:lnTo>
                  <a:lnTo>
                    <a:pt x="6716" y="47795"/>
                  </a:lnTo>
                  <a:lnTo>
                    <a:pt x="6391" y="51917"/>
                  </a:lnTo>
                  <a:lnTo>
                    <a:pt x="6067" y="56039"/>
                  </a:lnTo>
                  <a:lnTo>
                    <a:pt x="5743" y="55807"/>
                  </a:lnTo>
                  <a:lnTo>
                    <a:pt x="5465" y="55529"/>
                  </a:lnTo>
                  <a:lnTo>
                    <a:pt x="5187" y="55251"/>
                  </a:lnTo>
                  <a:lnTo>
                    <a:pt x="4956" y="54927"/>
                  </a:lnTo>
                  <a:lnTo>
                    <a:pt x="4539" y="54232"/>
                  </a:lnTo>
                  <a:lnTo>
                    <a:pt x="4307" y="53723"/>
                  </a:lnTo>
                  <a:lnTo>
                    <a:pt x="4215" y="53353"/>
                  </a:lnTo>
                  <a:lnTo>
                    <a:pt x="4122" y="52982"/>
                  </a:lnTo>
                  <a:lnTo>
                    <a:pt x="4076" y="52241"/>
                  </a:lnTo>
                  <a:lnTo>
                    <a:pt x="4029" y="51454"/>
                  </a:lnTo>
                  <a:lnTo>
                    <a:pt x="4029" y="50713"/>
                  </a:lnTo>
                  <a:lnTo>
                    <a:pt x="3983" y="48073"/>
                  </a:lnTo>
                  <a:lnTo>
                    <a:pt x="4029" y="45479"/>
                  </a:lnTo>
                  <a:lnTo>
                    <a:pt x="4076" y="43117"/>
                  </a:lnTo>
                  <a:lnTo>
                    <a:pt x="4122" y="41960"/>
                  </a:lnTo>
                  <a:lnTo>
                    <a:pt x="4076" y="40802"/>
                  </a:lnTo>
                  <a:lnTo>
                    <a:pt x="4076" y="39644"/>
                  </a:lnTo>
                  <a:lnTo>
                    <a:pt x="3937" y="38486"/>
                  </a:lnTo>
                  <a:lnTo>
                    <a:pt x="3798" y="37328"/>
                  </a:lnTo>
                  <a:lnTo>
                    <a:pt x="3566" y="36171"/>
                  </a:lnTo>
                  <a:lnTo>
                    <a:pt x="3474" y="35939"/>
                  </a:lnTo>
                  <a:lnTo>
                    <a:pt x="3288" y="35754"/>
                  </a:lnTo>
                  <a:lnTo>
                    <a:pt x="3103" y="35569"/>
                  </a:lnTo>
                  <a:lnTo>
                    <a:pt x="2825" y="35476"/>
                  </a:lnTo>
                  <a:lnTo>
                    <a:pt x="2547" y="35383"/>
                  </a:lnTo>
                  <a:lnTo>
                    <a:pt x="2223" y="35337"/>
                  </a:lnTo>
                  <a:lnTo>
                    <a:pt x="1899" y="35291"/>
                  </a:lnTo>
                  <a:lnTo>
                    <a:pt x="1575" y="35291"/>
                  </a:lnTo>
                  <a:lnTo>
                    <a:pt x="1251" y="35337"/>
                  </a:lnTo>
                  <a:lnTo>
                    <a:pt x="926" y="35430"/>
                  </a:lnTo>
                  <a:lnTo>
                    <a:pt x="649" y="35522"/>
                  </a:lnTo>
                  <a:lnTo>
                    <a:pt x="371" y="35661"/>
                  </a:lnTo>
                  <a:lnTo>
                    <a:pt x="185" y="35800"/>
                  </a:lnTo>
                  <a:lnTo>
                    <a:pt x="46" y="36032"/>
                  </a:lnTo>
                  <a:lnTo>
                    <a:pt x="0" y="36217"/>
                  </a:lnTo>
                  <a:lnTo>
                    <a:pt x="0" y="36495"/>
                  </a:lnTo>
                  <a:lnTo>
                    <a:pt x="139" y="37467"/>
                  </a:lnTo>
                  <a:lnTo>
                    <a:pt x="278" y="38440"/>
                  </a:lnTo>
                  <a:lnTo>
                    <a:pt x="510" y="40385"/>
                  </a:lnTo>
                  <a:lnTo>
                    <a:pt x="649" y="42330"/>
                  </a:lnTo>
                  <a:lnTo>
                    <a:pt x="741" y="44275"/>
                  </a:lnTo>
                  <a:lnTo>
                    <a:pt x="880" y="48212"/>
                  </a:lnTo>
                  <a:lnTo>
                    <a:pt x="1019" y="50157"/>
                  </a:lnTo>
                  <a:lnTo>
                    <a:pt x="1204" y="52148"/>
                  </a:lnTo>
                  <a:lnTo>
                    <a:pt x="1390" y="53353"/>
                  </a:lnTo>
                  <a:lnTo>
                    <a:pt x="1528" y="53908"/>
                  </a:lnTo>
                  <a:lnTo>
                    <a:pt x="1667" y="54510"/>
                  </a:lnTo>
                  <a:lnTo>
                    <a:pt x="1853" y="55020"/>
                  </a:lnTo>
                  <a:lnTo>
                    <a:pt x="2038" y="55529"/>
                  </a:lnTo>
                  <a:lnTo>
                    <a:pt x="2269" y="56039"/>
                  </a:lnTo>
                  <a:lnTo>
                    <a:pt x="2547" y="56502"/>
                  </a:lnTo>
                  <a:lnTo>
                    <a:pt x="2872" y="56919"/>
                  </a:lnTo>
                  <a:lnTo>
                    <a:pt x="3196" y="57289"/>
                  </a:lnTo>
                  <a:lnTo>
                    <a:pt x="3566" y="57660"/>
                  </a:lnTo>
                  <a:lnTo>
                    <a:pt x="3937" y="57937"/>
                  </a:lnTo>
                  <a:lnTo>
                    <a:pt x="4400" y="58215"/>
                  </a:lnTo>
                  <a:lnTo>
                    <a:pt x="4863" y="58447"/>
                  </a:lnTo>
                  <a:lnTo>
                    <a:pt x="5372" y="58632"/>
                  </a:lnTo>
                  <a:lnTo>
                    <a:pt x="5882" y="58771"/>
                  </a:lnTo>
                  <a:lnTo>
                    <a:pt x="5836" y="59790"/>
                  </a:lnTo>
                  <a:lnTo>
                    <a:pt x="5743" y="62244"/>
                  </a:lnTo>
                  <a:lnTo>
                    <a:pt x="5604" y="64653"/>
                  </a:lnTo>
                  <a:lnTo>
                    <a:pt x="5558" y="67061"/>
                  </a:lnTo>
                  <a:lnTo>
                    <a:pt x="5558" y="68265"/>
                  </a:lnTo>
                  <a:lnTo>
                    <a:pt x="5604" y="69469"/>
                  </a:lnTo>
                  <a:lnTo>
                    <a:pt x="5650" y="71692"/>
                  </a:lnTo>
                  <a:lnTo>
                    <a:pt x="5650" y="72804"/>
                  </a:lnTo>
                  <a:lnTo>
                    <a:pt x="5650" y="73915"/>
                  </a:lnTo>
                  <a:lnTo>
                    <a:pt x="5558" y="74471"/>
                  </a:lnTo>
                  <a:lnTo>
                    <a:pt x="5511" y="74980"/>
                  </a:lnTo>
                  <a:lnTo>
                    <a:pt x="5372" y="76046"/>
                  </a:lnTo>
                  <a:lnTo>
                    <a:pt x="5326" y="76555"/>
                  </a:lnTo>
                  <a:lnTo>
                    <a:pt x="5326" y="77064"/>
                  </a:lnTo>
                  <a:lnTo>
                    <a:pt x="5465" y="77574"/>
                  </a:lnTo>
                  <a:lnTo>
                    <a:pt x="5650" y="78130"/>
                  </a:lnTo>
                  <a:lnTo>
                    <a:pt x="5789" y="78361"/>
                  </a:lnTo>
                  <a:lnTo>
                    <a:pt x="5975" y="78593"/>
                  </a:lnTo>
                  <a:lnTo>
                    <a:pt x="6160" y="78778"/>
                  </a:lnTo>
                  <a:lnTo>
                    <a:pt x="6438" y="78963"/>
                  </a:lnTo>
                  <a:lnTo>
                    <a:pt x="6669" y="79102"/>
                  </a:lnTo>
                  <a:lnTo>
                    <a:pt x="6947" y="79195"/>
                  </a:lnTo>
                  <a:lnTo>
                    <a:pt x="7271" y="79287"/>
                  </a:lnTo>
                  <a:lnTo>
                    <a:pt x="7549" y="79334"/>
                  </a:lnTo>
                  <a:lnTo>
                    <a:pt x="8198" y="79334"/>
                  </a:lnTo>
                  <a:lnTo>
                    <a:pt x="8800" y="79287"/>
                  </a:lnTo>
                  <a:lnTo>
                    <a:pt x="9402" y="79102"/>
                  </a:lnTo>
                  <a:lnTo>
                    <a:pt x="9633" y="78963"/>
                  </a:lnTo>
                  <a:lnTo>
                    <a:pt x="9865" y="78824"/>
                  </a:lnTo>
                  <a:lnTo>
                    <a:pt x="10328" y="78500"/>
                  </a:lnTo>
                  <a:lnTo>
                    <a:pt x="10698" y="78130"/>
                  </a:lnTo>
                  <a:lnTo>
                    <a:pt x="11069" y="77713"/>
                  </a:lnTo>
                  <a:lnTo>
                    <a:pt x="11347" y="77296"/>
                  </a:lnTo>
                  <a:lnTo>
                    <a:pt x="11578" y="76833"/>
                  </a:lnTo>
                  <a:lnTo>
                    <a:pt x="11764" y="76370"/>
                  </a:lnTo>
                  <a:lnTo>
                    <a:pt x="11949" y="75860"/>
                  </a:lnTo>
                  <a:lnTo>
                    <a:pt x="12041" y="75305"/>
                  </a:lnTo>
                  <a:lnTo>
                    <a:pt x="12134" y="74749"/>
                  </a:lnTo>
                  <a:lnTo>
                    <a:pt x="12180" y="74193"/>
                  </a:lnTo>
                  <a:lnTo>
                    <a:pt x="12180" y="73637"/>
                  </a:lnTo>
                  <a:lnTo>
                    <a:pt x="12180" y="73035"/>
                  </a:lnTo>
                  <a:lnTo>
                    <a:pt x="12041" y="71831"/>
                  </a:lnTo>
                  <a:lnTo>
                    <a:pt x="11856" y="70581"/>
                  </a:lnTo>
                  <a:lnTo>
                    <a:pt x="11625" y="69330"/>
                  </a:lnTo>
                  <a:lnTo>
                    <a:pt x="11347" y="68034"/>
                  </a:lnTo>
                  <a:lnTo>
                    <a:pt x="10745" y="65579"/>
                  </a:lnTo>
                  <a:lnTo>
                    <a:pt x="10467" y="64421"/>
                  </a:lnTo>
                  <a:lnTo>
                    <a:pt x="10235" y="63310"/>
                  </a:lnTo>
                  <a:lnTo>
                    <a:pt x="10050" y="62244"/>
                  </a:lnTo>
                  <a:lnTo>
                    <a:pt x="10004" y="61318"/>
                  </a:lnTo>
                  <a:lnTo>
                    <a:pt x="9957" y="58678"/>
                  </a:lnTo>
                  <a:lnTo>
                    <a:pt x="10004" y="55992"/>
                  </a:lnTo>
                  <a:lnTo>
                    <a:pt x="10143" y="53353"/>
                  </a:lnTo>
                  <a:lnTo>
                    <a:pt x="10282" y="50713"/>
                  </a:lnTo>
                  <a:lnTo>
                    <a:pt x="10559" y="45387"/>
                  </a:lnTo>
                  <a:lnTo>
                    <a:pt x="10652" y="42701"/>
                  </a:lnTo>
                  <a:lnTo>
                    <a:pt x="10698" y="40061"/>
                  </a:lnTo>
                  <a:lnTo>
                    <a:pt x="10698" y="37375"/>
                  </a:lnTo>
                  <a:lnTo>
                    <a:pt x="10652" y="34642"/>
                  </a:lnTo>
                  <a:lnTo>
                    <a:pt x="11115" y="34689"/>
                  </a:lnTo>
                  <a:lnTo>
                    <a:pt x="11578" y="34689"/>
                  </a:lnTo>
                  <a:lnTo>
                    <a:pt x="11995" y="34642"/>
                  </a:lnTo>
                  <a:lnTo>
                    <a:pt x="12412" y="34596"/>
                  </a:lnTo>
                  <a:lnTo>
                    <a:pt x="12829" y="34503"/>
                  </a:lnTo>
                  <a:lnTo>
                    <a:pt x="13199" y="34364"/>
                  </a:lnTo>
                  <a:lnTo>
                    <a:pt x="13570" y="34179"/>
                  </a:lnTo>
                  <a:lnTo>
                    <a:pt x="13894" y="33994"/>
                  </a:lnTo>
                  <a:lnTo>
                    <a:pt x="14218" y="33762"/>
                  </a:lnTo>
                  <a:lnTo>
                    <a:pt x="14496" y="33485"/>
                  </a:lnTo>
                  <a:lnTo>
                    <a:pt x="14774" y="33207"/>
                  </a:lnTo>
                  <a:lnTo>
                    <a:pt x="15006" y="32882"/>
                  </a:lnTo>
                  <a:lnTo>
                    <a:pt x="15237" y="32512"/>
                  </a:lnTo>
                  <a:lnTo>
                    <a:pt x="15422" y="32095"/>
                  </a:lnTo>
                  <a:lnTo>
                    <a:pt x="15561" y="31678"/>
                  </a:lnTo>
                  <a:lnTo>
                    <a:pt x="15654" y="31169"/>
                  </a:lnTo>
                  <a:lnTo>
                    <a:pt x="15885" y="30150"/>
                  </a:lnTo>
                  <a:lnTo>
                    <a:pt x="16071" y="29039"/>
                  </a:lnTo>
                  <a:lnTo>
                    <a:pt x="16163" y="27881"/>
                  </a:lnTo>
                  <a:lnTo>
                    <a:pt x="16256" y="26677"/>
                  </a:lnTo>
                  <a:lnTo>
                    <a:pt x="16210" y="26075"/>
                  </a:lnTo>
                  <a:lnTo>
                    <a:pt x="16163" y="25519"/>
                  </a:lnTo>
                  <a:lnTo>
                    <a:pt x="16117" y="24917"/>
                  </a:lnTo>
                  <a:lnTo>
                    <a:pt x="16024" y="24361"/>
                  </a:lnTo>
                  <a:lnTo>
                    <a:pt x="15839" y="23852"/>
                  </a:lnTo>
                  <a:lnTo>
                    <a:pt x="15654" y="23342"/>
                  </a:lnTo>
                  <a:lnTo>
                    <a:pt x="15422" y="22879"/>
                  </a:lnTo>
                  <a:lnTo>
                    <a:pt x="15144" y="22462"/>
                  </a:lnTo>
                  <a:lnTo>
                    <a:pt x="15052" y="22416"/>
                  </a:lnTo>
                  <a:lnTo>
                    <a:pt x="15006" y="22416"/>
                  </a:lnTo>
                  <a:lnTo>
                    <a:pt x="14867" y="22462"/>
                  </a:lnTo>
                  <a:lnTo>
                    <a:pt x="14403" y="22972"/>
                  </a:lnTo>
                  <a:lnTo>
                    <a:pt x="14033" y="23527"/>
                  </a:lnTo>
                  <a:lnTo>
                    <a:pt x="13709" y="24083"/>
                  </a:lnTo>
                  <a:lnTo>
                    <a:pt x="13477" y="24685"/>
                  </a:lnTo>
                  <a:lnTo>
                    <a:pt x="13292" y="25334"/>
                  </a:lnTo>
                  <a:lnTo>
                    <a:pt x="13107" y="25982"/>
                  </a:lnTo>
                  <a:lnTo>
                    <a:pt x="12921" y="27325"/>
                  </a:lnTo>
                  <a:lnTo>
                    <a:pt x="12829" y="27973"/>
                  </a:lnTo>
                  <a:lnTo>
                    <a:pt x="12782" y="28714"/>
                  </a:lnTo>
                  <a:lnTo>
                    <a:pt x="12736" y="29455"/>
                  </a:lnTo>
                  <a:lnTo>
                    <a:pt x="12597" y="30150"/>
                  </a:lnTo>
                  <a:lnTo>
                    <a:pt x="12505" y="30474"/>
                  </a:lnTo>
                  <a:lnTo>
                    <a:pt x="12366" y="30798"/>
                  </a:lnTo>
                  <a:lnTo>
                    <a:pt x="12227" y="31076"/>
                  </a:lnTo>
                  <a:lnTo>
                    <a:pt x="12041" y="31308"/>
                  </a:lnTo>
                  <a:lnTo>
                    <a:pt x="11810" y="31493"/>
                  </a:lnTo>
                  <a:lnTo>
                    <a:pt x="11532" y="31632"/>
                  </a:lnTo>
                  <a:lnTo>
                    <a:pt x="11208" y="31725"/>
                  </a:lnTo>
                  <a:lnTo>
                    <a:pt x="10837" y="31771"/>
                  </a:lnTo>
                  <a:lnTo>
                    <a:pt x="10606" y="31771"/>
                  </a:lnTo>
                  <a:lnTo>
                    <a:pt x="10374" y="25287"/>
                  </a:lnTo>
                  <a:lnTo>
                    <a:pt x="10189" y="18850"/>
                  </a:lnTo>
                  <a:lnTo>
                    <a:pt x="10096" y="16117"/>
                  </a:lnTo>
                  <a:lnTo>
                    <a:pt x="10004" y="13431"/>
                  </a:lnTo>
                  <a:lnTo>
                    <a:pt x="9865" y="10699"/>
                  </a:lnTo>
                  <a:lnTo>
                    <a:pt x="9680" y="7966"/>
                  </a:lnTo>
                  <a:lnTo>
                    <a:pt x="9633" y="6994"/>
                  </a:lnTo>
                  <a:lnTo>
                    <a:pt x="9633" y="5975"/>
                  </a:lnTo>
                  <a:lnTo>
                    <a:pt x="9633" y="4956"/>
                  </a:lnTo>
                  <a:lnTo>
                    <a:pt x="9633" y="3937"/>
                  </a:lnTo>
                  <a:lnTo>
                    <a:pt x="9494" y="2965"/>
                  </a:lnTo>
                  <a:lnTo>
                    <a:pt x="9448" y="2455"/>
                  </a:lnTo>
                  <a:lnTo>
                    <a:pt x="9309" y="1992"/>
                  </a:lnTo>
                  <a:lnTo>
                    <a:pt x="9170" y="1575"/>
                  </a:lnTo>
                  <a:lnTo>
                    <a:pt x="8985" y="1112"/>
                  </a:lnTo>
                  <a:lnTo>
                    <a:pt x="8753" y="695"/>
                  </a:lnTo>
                  <a:lnTo>
                    <a:pt x="8475" y="325"/>
                  </a:lnTo>
                  <a:lnTo>
                    <a:pt x="8244" y="140"/>
                  </a:lnTo>
                  <a:lnTo>
                    <a:pt x="8012" y="47"/>
                  </a:lnTo>
                  <a:lnTo>
                    <a:pt x="7734" y="1"/>
                  </a:lnTo>
                  <a:close/>
                </a:path>
              </a:pathLst>
            </a:cu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261" name="Google Shape;261;p18"/>
            <p:cNvSpPr/>
            <p:nvPr/>
          </p:nvSpPr>
          <p:spPr>
            <a:xfrm>
              <a:off x="148150" y="3802288"/>
              <a:ext cx="462000" cy="1352350"/>
            </a:xfrm>
            <a:custGeom>
              <a:avLst/>
              <a:gdLst/>
              <a:ahLst/>
              <a:cxnLst/>
              <a:rect l="l" t="t" r="r" b="b"/>
              <a:pathLst>
                <a:path w="18480" h="54094" extrusionOk="0">
                  <a:moveTo>
                    <a:pt x="2177" y="27464"/>
                  </a:moveTo>
                  <a:lnTo>
                    <a:pt x="2363" y="27973"/>
                  </a:lnTo>
                  <a:lnTo>
                    <a:pt x="2594" y="28436"/>
                  </a:lnTo>
                  <a:lnTo>
                    <a:pt x="2872" y="28853"/>
                  </a:lnTo>
                  <a:lnTo>
                    <a:pt x="3243" y="29224"/>
                  </a:lnTo>
                  <a:lnTo>
                    <a:pt x="3613" y="29548"/>
                  </a:lnTo>
                  <a:lnTo>
                    <a:pt x="4122" y="29779"/>
                  </a:lnTo>
                  <a:lnTo>
                    <a:pt x="4632" y="30011"/>
                  </a:lnTo>
                  <a:lnTo>
                    <a:pt x="5188" y="30196"/>
                  </a:lnTo>
                  <a:lnTo>
                    <a:pt x="5327" y="31539"/>
                  </a:lnTo>
                  <a:lnTo>
                    <a:pt x="4863" y="31493"/>
                  </a:lnTo>
                  <a:lnTo>
                    <a:pt x="4447" y="31400"/>
                  </a:lnTo>
                  <a:lnTo>
                    <a:pt x="3984" y="31261"/>
                  </a:lnTo>
                  <a:lnTo>
                    <a:pt x="3613" y="31076"/>
                  </a:lnTo>
                  <a:lnTo>
                    <a:pt x="3243" y="30845"/>
                  </a:lnTo>
                  <a:lnTo>
                    <a:pt x="2918" y="30613"/>
                  </a:lnTo>
                  <a:lnTo>
                    <a:pt x="2687" y="30335"/>
                  </a:lnTo>
                  <a:lnTo>
                    <a:pt x="2502" y="30011"/>
                  </a:lnTo>
                  <a:lnTo>
                    <a:pt x="2409" y="29733"/>
                  </a:lnTo>
                  <a:lnTo>
                    <a:pt x="2316" y="29455"/>
                  </a:lnTo>
                  <a:lnTo>
                    <a:pt x="2224" y="28807"/>
                  </a:lnTo>
                  <a:lnTo>
                    <a:pt x="2224" y="28158"/>
                  </a:lnTo>
                  <a:lnTo>
                    <a:pt x="2177" y="27464"/>
                  </a:lnTo>
                  <a:close/>
                  <a:moveTo>
                    <a:pt x="7457" y="1"/>
                  </a:moveTo>
                  <a:lnTo>
                    <a:pt x="7179" y="47"/>
                  </a:lnTo>
                  <a:lnTo>
                    <a:pt x="6901" y="140"/>
                  </a:lnTo>
                  <a:lnTo>
                    <a:pt x="6670" y="278"/>
                  </a:lnTo>
                  <a:lnTo>
                    <a:pt x="6484" y="510"/>
                  </a:lnTo>
                  <a:lnTo>
                    <a:pt x="6299" y="881"/>
                  </a:lnTo>
                  <a:lnTo>
                    <a:pt x="6114" y="1251"/>
                  </a:lnTo>
                  <a:lnTo>
                    <a:pt x="5882" y="2038"/>
                  </a:lnTo>
                  <a:lnTo>
                    <a:pt x="5697" y="2826"/>
                  </a:lnTo>
                  <a:lnTo>
                    <a:pt x="5604" y="3613"/>
                  </a:lnTo>
                  <a:lnTo>
                    <a:pt x="5558" y="4400"/>
                  </a:lnTo>
                  <a:lnTo>
                    <a:pt x="5558" y="5234"/>
                  </a:lnTo>
                  <a:lnTo>
                    <a:pt x="5558" y="6901"/>
                  </a:lnTo>
                  <a:lnTo>
                    <a:pt x="5558" y="10004"/>
                  </a:lnTo>
                  <a:lnTo>
                    <a:pt x="5604" y="13107"/>
                  </a:lnTo>
                  <a:lnTo>
                    <a:pt x="5651" y="14913"/>
                  </a:lnTo>
                  <a:lnTo>
                    <a:pt x="5604" y="16719"/>
                  </a:lnTo>
                  <a:lnTo>
                    <a:pt x="5558" y="18479"/>
                  </a:lnTo>
                  <a:lnTo>
                    <a:pt x="5466" y="19405"/>
                  </a:lnTo>
                  <a:lnTo>
                    <a:pt x="5327" y="20285"/>
                  </a:lnTo>
                  <a:lnTo>
                    <a:pt x="5095" y="21860"/>
                  </a:lnTo>
                  <a:lnTo>
                    <a:pt x="4817" y="23388"/>
                  </a:lnTo>
                  <a:lnTo>
                    <a:pt x="4771" y="24176"/>
                  </a:lnTo>
                  <a:lnTo>
                    <a:pt x="4725" y="24963"/>
                  </a:lnTo>
                  <a:lnTo>
                    <a:pt x="4725" y="25750"/>
                  </a:lnTo>
                  <a:lnTo>
                    <a:pt x="4817" y="26538"/>
                  </a:lnTo>
                  <a:lnTo>
                    <a:pt x="4910" y="27603"/>
                  </a:lnTo>
                  <a:lnTo>
                    <a:pt x="4539" y="27047"/>
                  </a:lnTo>
                  <a:lnTo>
                    <a:pt x="4261" y="26445"/>
                  </a:lnTo>
                  <a:lnTo>
                    <a:pt x="4030" y="25797"/>
                  </a:lnTo>
                  <a:lnTo>
                    <a:pt x="3891" y="25195"/>
                  </a:lnTo>
                  <a:lnTo>
                    <a:pt x="3845" y="24546"/>
                  </a:lnTo>
                  <a:lnTo>
                    <a:pt x="3798" y="23851"/>
                  </a:lnTo>
                  <a:lnTo>
                    <a:pt x="3845" y="22416"/>
                  </a:lnTo>
                  <a:lnTo>
                    <a:pt x="3798" y="21721"/>
                  </a:lnTo>
                  <a:lnTo>
                    <a:pt x="3752" y="21397"/>
                  </a:lnTo>
                  <a:lnTo>
                    <a:pt x="3659" y="21073"/>
                  </a:lnTo>
                  <a:lnTo>
                    <a:pt x="3567" y="20795"/>
                  </a:lnTo>
                  <a:lnTo>
                    <a:pt x="3428" y="20517"/>
                  </a:lnTo>
                  <a:lnTo>
                    <a:pt x="3243" y="20285"/>
                  </a:lnTo>
                  <a:lnTo>
                    <a:pt x="3011" y="20054"/>
                  </a:lnTo>
                  <a:lnTo>
                    <a:pt x="2965" y="20008"/>
                  </a:lnTo>
                  <a:lnTo>
                    <a:pt x="2872" y="20054"/>
                  </a:lnTo>
                  <a:lnTo>
                    <a:pt x="2502" y="20332"/>
                  </a:lnTo>
                  <a:lnTo>
                    <a:pt x="2224" y="20656"/>
                  </a:lnTo>
                  <a:lnTo>
                    <a:pt x="1992" y="21026"/>
                  </a:lnTo>
                  <a:lnTo>
                    <a:pt x="1853" y="21490"/>
                  </a:lnTo>
                  <a:lnTo>
                    <a:pt x="1761" y="21953"/>
                  </a:lnTo>
                  <a:lnTo>
                    <a:pt x="1714" y="22416"/>
                  </a:lnTo>
                  <a:lnTo>
                    <a:pt x="1668" y="22925"/>
                  </a:lnTo>
                  <a:lnTo>
                    <a:pt x="1668" y="23435"/>
                  </a:lnTo>
                  <a:lnTo>
                    <a:pt x="1483" y="22694"/>
                  </a:lnTo>
                  <a:lnTo>
                    <a:pt x="1297" y="21953"/>
                  </a:lnTo>
                  <a:lnTo>
                    <a:pt x="1020" y="21212"/>
                  </a:lnTo>
                  <a:lnTo>
                    <a:pt x="742" y="20424"/>
                  </a:lnTo>
                  <a:lnTo>
                    <a:pt x="695" y="20378"/>
                  </a:lnTo>
                  <a:lnTo>
                    <a:pt x="603" y="20424"/>
                  </a:lnTo>
                  <a:lnTo>
                    <a:pt x="371" y="21397"/>
                  </a:lnTo>
                  <a:lnTo>
                    <a:pt x="232" y="22323"/>
                  </a:lnTo>
                  <a:lnTo>
                    <a:pt x="93" y="23296"/>
                  </a:lnTo>
                  <a:lnTo>
                    <a:pt x="1" y="24268"/>
                  </a:lnTo>
                  <a:lnTo>
                    <a:pt x="1" y="25195"/>
                  </a:lnTo>
                  <a:lnTo>
                    <a:pt x="1" y="26167"/>
                  </a:lnTo>
                  <a:lnTo>
                    <a:pt x="47" y="28158"/>
                  </a:lnTo>
                  <a:lnTo>
                    <a:pt x="140" y="28853"/>
                  </a:lnTo>
                  <a:lnTo>
                    <a:pt x="186" y="29455"/>
                  </a:lnTo>
                  <a:lnTo>
                    <a:pt x="325" y="30057"/>
                  </a:lnTo>
                  <a:lnTo>
                    <a:pt x="510" y="30567"/>
                  </a:lnTo>
                  <a:lnTo>
                    <a:pt x="788" y="31030"/>
                  </a:lnTo>
                  <a:lnTo>
                    <a:pt x="1112" y="31493"/>
                  </a:lnTo>
                  <a:lnTo>
                    <a:pt x="1575" y="31863"/>
                  </a:lnTo>
                  <a:lnTo>
                    <a:pt x="2177" y="32234"/>
                  </a:lnTo>
                  <a:lnTo>
                    <a:pt x="2548" y="32419"/>
                  </a:lnTo>
                  <a:lnTo>
                    <a:pt x="2918" y="32604"/>
                  </a:lnTo>
                  <a:lnTo>
                    <a:pt x="3752" y="32836"/>
                  </a:lnTo>
                  <a:lnTo>
                    <a:pt x="4586" y="33021"/>
                  </a:lnTo>
                  <a:lnTo>
                    <a:pt x="5002" y="33068"/>
                  </a:lnTo>
                  <a:lnTo>
                    <a:pt x="5419" y="33068"/>
                  </a:lnTo>
                  <a:lnTo>
                    <a:pt x="5466" y="34503"/>
                  </a:lnTo>
                  <a:lnTo>
                    <a:pt x="5466" y="35985"/>
                  </a:lnTo>
                  <a:lnTo>
                    <a:pt x="5466" y="37514"/>
                  </a:lnTo>
                  <a:lnTo>
                    <a:pt x="5419" y="39042"/>
                  </a:lnTo>
                  <a:lnTo>
                    <a:pt x="5141" y="45711"/>
                  </a:lnTo>
                  <a:lnTo>
                    <a:pt x="5002" y="47517"/>
                  </a:lnTo>
                  <a:lnTo>
                    <a:pt x="4863" y="49370"/>
                  </a:lnTo>
                  <a:lnTo>
                    <a:pt x="4863" y="50249"/>
                  </a:lnTo>
                  <a:lnTo>
                    <a:pt x="4863" y="51176"/>
                  </a:lnTo>
                  <a:lnTo>
                    <a:pt x="4863" y="52056"/>
                  </a:lnTo>
                  <a:lnTo>
                    <a:pt x="5002" y="52936"/>
                  </a:lnTo>
                  <a:lnTo>
                    <a:pt x="5095" y="53260"/>
                  </a:lnTo>
                  <a:lnTo>
                    <a:pt x="5234" y="53538"/>
                  </a:lnTo>
                  <a:lnTo>
                    <a:pt x="5419" y="53769"/>
                  </a:lnTo>
                  <a:lnTo>
                    <a:pt x="5697" y="53908"/>
                  </a:lnTo>
                  <a:lnTo>
                    <a:pt x="5975" y="54001"/>
                  </a:lnTo>
                  <a:lnTo>
                    <a:pt x="6299" y="54093"/>
                  </a:lnTo>
                  <a:lnTo>
                    <a:pt x="6948" y="54093"/>
                  </a:lnTo>
                  <a:lnTo>
                    <a:pt x="7272" y="54047"/>
                  </a:lnTo>
                  <a:lnTo>
                    <a:pt x="7596" y="53954"/>
                  </a:lnTo>
                  <a:lnTo>
                    <a:pt x="7874" y="53816"/>
                  </a:lnTo>
                  <a:lnTo>
                    <a:pt x="8105" y="53677"/>
                  </a:lnTo>
                  <a:lnTo>
                    <a:pt x="8337" y="53538"/>
                  </a:lnTo>
                  <a:lnTo>
                    <a:pt x="8476" y="53352"/>
                  </a:lnTo>
                  <a:lnTo>
                    <a:pt x="8568" y="53121"/>
                  </a:lnTo>
                  <a:lnTo>
                    <a:pt x="8568" y="52936"/>
                  </a:lnTo>
                  <a:lnTo>
                    <a:pt x="8754" y="52102"/>
                  </a:lnTo>
                  <a:lnTo>
                    <a:pt x="8939" y="51315"/>
                  </a:lnTo>
                  <a:lnTo>
                    <a:pt x="9171" y="49647"/>
                  </a:lnTo>
                  <a:lnTo>
                    <a:pt x="9310" y="47980"/>
                  </a:lnTo>
                  <a:lnTo>
                    <a:pt x="9356" y="46267"/>
                  </a:lnTo>
                  <a:lnTo>
                    <a:pt x="9402" y="42840"/>
                  </a:lnTo>
                  <a:lnTo>
                    <a:pt x="9448" y="41172"/>
                  </a:lnTo>
                  <a:lnTo>
                    <a:pt x="9495" y="39551"/>
                  </a:lnTo>
                  <a:lnTo>
                    <a:pt x="9541" y="38255"/>
                  </a:lnTo>
                  <a:lnTo>
                    <a:pt x="10282" y="38255"/>
                  </a:lnTo>
                  <a:lnTo>
                    <a:pt x="10699" y="38162"/>
                  </a:lnTo>
                  <a:lnTo>
                    <a:pt x="11162" y="38069"/>
                  </a:lnTo>
                  <a:lnTo>
                    <a:pt x="11579" y="37977"/>
                  </a:lnTo>
                  <a:lnTo>
                    <a:pt x="11996" y="37838"/>
                  </a:lnTo>
                  <a:lnTo>
                    <a:pt x="12366" y="37653"/>
                  </a:lnTo>
                  <a:lnTo>
                    <a:pt x="12737" y="37467"/>
                  </a:lnTo>
                  <a:lnTo>
                    <a:pt x="13107" y="37236"/>
                  </a:lnTo>
                  <a:lnTo>
                    <a:pt x="13478" y="36958"/>
                  </a:lnTo>
                  <a:lnTo>
                    <a:pt x="13802" y="36726"/>
                  </a:lnTo>
                  <a:lnTo>
                    <a:pt x="14080" y="36402"/>
                  </a:lnTo>
                  <a:lnTo>
                    <a:pt x="14358" y="36078"/>
                  </a:lnTo>
                  <a:lnTo>
                    <a:pt x="14635" y="35754"/>
                  </a:lnTo>
                  <a:lnTo>
                    <a:pt x="14867" y="35383"/>
                  </a:lnTo>
                  <a:lnTo>
                    <a:pt x="15099" y="34966"/>
                  </a:lnTo>
                  <a:lnTo>
                    <a:pt x="15284" y="34550"/>
                  </a:lnTo>
                  <a:lnTo>
                    <a:pt x="15562" y="33901"/>
                  </a:lnTo>
                  <a:lnTo>
                    <a:pt x="15840" y="33207"/>
                  </a:lnTo>
                  <a:lnTo>
                    <a:pt x="16303" y="31863"/>
                  </a:lnTo>
                  <a:lnTo>
                    <a:pt x="17136" y="29085"/>
                  </a:lnTo>
                  <a:lnTo>
                    <a:pt x="17553" y="27788"/>
                  </a:lnTo>
                  <a:lnTo>
                    <a:pt x="17970" y="26538"/>
                  </a:lnTo>
                  <a:lnTo>
                    <a:pt x="18155" y="25889"/>
                  </a:lnTo>
                  <a:lnTo>
                    <a:pt x="18294" y="25241"/>
                  </a:lnTo>
                  <a:lnTo>
                    <a:pt x="18433" y="24592"/>
                  </a:lnTo>
                  <a:lnTo>
                    <a:pt x="18479" y="23898"/>
                  </a:lnTo>
                  <a:lnTo>
                    <a:pt x="18479" y="23620"/>
                  </a:lnTo>
                  <a:lnTo>
                    <a:pt x="18433" y="23157"/>
                  </a:lnTo>
                  <a:lnTo>
                    <a:pt x="18340" y="22601"/>
                  </a:lnTo>
                  <a:lnTo>
                    <a:pt x="18202" y="21999"/>
                  </a:lnTo>
                  <a:lnTo>
                    <a:pt x="17970" y="21443"/>
                  </a:lnTo>
                  <a:lnTo>
                    <a:pt x="17831" y="21212"/>
                  </a:lnTo>
                  <a:lnTo>
                    <a:pt x="17692" y="21026"/>
                  </a:lnTo>
                  <a:lnTo>
                    <a:pt x="17507" y="20887"/>
                  </a:lnTo>
                  <a:lnTo>
                    <a:pt x="17322" y="20795"/>
                  </a:lnTo>
                  <a:lnTo>
                    <a:pt x="17090" y="20841"/>
                  </a:lnTo>
                  <a:lnTo>
                    <a:pt x="16858" y="20934"/>
                  </a:lnTo>
                  <a:lnTo>
                    <a:pt x="16442" y="21212"/>
                  </a:lnTo>
                  <a:lnTo>
                    <a:pt x="16117" y="21490"/>
                  </a:lnTo>
                  <a:lnTo>
                    <a:pt x="15886" y="21767"/>
                  </a:lnTo>
                  <a:lnTo>
                    <a:pt x="15701" y="22092"/>
                  </a:lnTo>
                  <a:lnTo>
                    <a:pt x="15515" y="22416"/>
                  </a:lnTo>
                  <a:lnTo>
                    <a:pt x="15423" y="22833"/>
                  </a:lnTo>
                  <a:lnTo>
                    <a:pt x="15191" y="23759"/>
                  </a:lnTo>
                  <a:lnTo>
                    <a:pt x="14821" y="25195"/>
                  </a:lnTo>
                  <a:lnTo>
                    <a:pt x="14404" y="26630"/>
                  </a:lnTo>
                  <a:lnTo>
                    <a:pt x="13524" y="29502"/>
                  </a:lnTo>
                  <a:lnTo>
                    <a:pt x="12876" y="31771"/>
                  </a:lnTo>
                  <a:lnTo>
                    <a:pt x="12505" y="32882"/>
                  </a:lnTo>
                  <a:lnTo>
                    <a:pt x="12274" y="33438"/>
                  </a:lnTo>
                  <a:lnTo>
                    <a:pt x="12042" y="33994"/>
                  </a:lnTo>
                  <a:lnTo>
                    <a:pt x="11857" y="34411"/>
                  </a:lnTo>
                  <a:lnTo>
                    <a:pt x="11579" y="34781"/>
                  </a:lnTo>
                  <a:lnTo>
                    <a:pt x="11347" y="35105"/>
                  </a:lnTo>
                  <a:lnTo>
                    <a:pt x="11069" y="35337"/>
                  </a:lnTo>
                  <a:lnTo>
                    <a:pt x="10745" y="35568"/>
                  </a:lnTo>
                  <a:lnTo>
                    <a:pt x="10375" y="35707"/>
                  </a:lnTo>
                  <a:lnTo>
                    <a:pt x="10004" y="35846"/>
                  </a:lnTo>
                  <a:lnTo>
                    <a:pt x="9587" y="35939"/>
                  </a:lnTo>
                  <a:lnTo>
                    <a:pt x="9587" y="33716"/>
                  </a:lnTo>
                  <a:lnTo>
                    <a:pt x="9495" y="31493"/>
                  </a:lnTo>
                  <a:lnTo>
                    <a:pt x="9310" y="29270"/>
                  </a:lnTo>
                  <a:lnTo>
                    <a:pt x="9078" y="27047"/>
                  </a:lnTo>
                  <a:lnTo>
                    <a:pt x="8985" y="26213"/>
                  </a:lnTo>
                  <a:lnTo>
                    <a:pt x="8939" y="25426"/>
                  </a:lnTo>
                  <a:lnTo>
                    <a:pt x="8939" y="24639"/>
                  </a:lnTo>
                  <a:lnTo>
                    <a:pt x="8985" y="23898"/>
                  </a:lnTo>
                  <a:lnTo>
                    <a:pt x="9171" y="22369"/>
                  </a:lnTo>
                  <a:lnTo>
                    <a:pt x="9448" y="20749"/>
                  </a:lnTo>
                  <a:lnTo>
                    <a:pt x="9587" y="19915"/>
                  </a:lnTo>
                  <a:lnTo>
                    <a:pt x="9680" y="19128"/>
                  </a:lnTo>
                  <a:lnTo>
                    <a:pt x="9819" y="17460"/>
                  </a:lnTo>
                  <a:lnTo>
                    <a:pt x="9865" y="15793"/>
                  </a:lnTo>
                  <a:lnTo>
                    <a:pt x="9865" y="14126"/>
                  </a:lnTo>
                  <a:lnTo>
                    <a:pt x="9773" y="10513"/>
                  </a:lnTo>
                  <a:lnTo>
                    <a:pt x="9634" y="6901"/>
                  </a:lnTo>
                  <a:lnTo>
                    <a:pt x="9587" y="5234"/>
                  </a:lnTo>
                  <a:lnTo>
                    <a:pt x="9541" y="4400"/>
                  </a:lnTo>
                  <a:lnTo>
                    <a:pt x="9448" y="3613"/>
                  </a:lnTo>
                  <a:lnTo>
                    <a:pt x="9310" y="2779"/>
                  </a:lnTo>
                  <a:lnTo>
                    <a:pt x="9124" y="1992"/>
                  </a:lnTo>
                  <a:lnTo>
                    <a:pt x="8846" y="1251"/>
                  </a:lnTo>
                  <a:lnTo>
                    <a:pt x="8661" y="881"/>
                  </a:lnTo>
                  <a:lnTo>
                    <a:pt x="8430" y="510"/>
                  </a:lnTo>
                  <a:lnTo>
                    <a:pt x="8244" y="278"/>
                  </a:lnTo>
                  <a:lnTo>
                    <a:pt x="8013" y="140"/>
                  </a:lnTo>
                  <a:lnTo>
                    <a:pt x="7735" y="47"/>
                  </a:lnTo>
                  <a:lnTo>
                    <a:pt x="7457" y="1"/>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Tree>
    <p:extLst>
      <p:ext uri="{BB962C8B-B14F-4D97-AF65-F5344CB8AC3E}">
        <p14:creationId xmlns:p14="http://schemas.microsoft.com/office/powerpoint/2010/main" val="3355600526"/>
      </p:ext>
    </p:extLst>
  </p:cSld>
  <p:clrMapOvr>
    <a:masterClrMapping/>
  </p:clrMapOvr>
</p:sldLayout>
</file>

<file path=ppt/slideLayouts/slideLayout101.xml><?xml version="1.0" encoding="utf-8"?>
<p:sldLayout xmlns:a="http://schemas.openxmlformats.org/drawingml/2006/main" xmlns:r="http://schemas.openxmlformats.org/officeDocument/2006/relationships" xmlns:p="http://schemas.openxmlformats.org/presentationml/2006/main" matchingName="Title only 3">
  <p:cSld name="Title only 3">
    <p:spTree>
      <p:nvGrpSpPr>
        <p:cNvPr id="1" name="Shape 262"/>
        <p:cNvGrpSpPr/>
        <p:nvPr/>
      </p:nvGrpSpPr>
      <p:grpSpPr>
        <a:xfrm>
          <a:off x="0" y="0"/>
          <a:ext cx="0" cy="0"/>
          <a:chOff x="0" y="0"/>
          <a:chExt cx="0" cy="0"/>
        </a:xfrm>
      </p:grpSpPr>
      <p:pic>
        <p:nvPicPr>
          <p:cNvPr id="263" name="Google Shape;263;p19"/>
          <p:cNvPicPr preferRelativeResize="0"/>
          <p:nvPr/>
        </p:nvPicPr>
        <p:blipFill rotWithShape="1">
          <a:blip r:embed="rId2">
            <a:alphaModFix amt="58999"/>
          </a:blip>
          <a:srcRect/>
          <a:stretch/>
        </p:blipFill>
        <p:spPr>
          <a:xfrm>
            <a:off x="0" y="0"/>
            <a:ext cx="20320000" cy="11430000"/>
          </a:xfrm>
          <a:prstGeom prst="rect">
            <a:avLst/>
          </a:prstGeom>
          <a:noFill/>
          <a:ln>
            <a:noFill/>
          </a:ln>
        </p:spPr>
      </p:pic>
      <p:grpSp>
        <p:nvGrpSpPr>
          <p:cNvPr id="264" name="Google Shape;264;p19"/>
          <p:cNvGrpSpPr/>
          <p:nvPr/>
        </p:nvGrpSpPr>
        <p:grpSpPr>
          <a:xfrm>
            <a:off x="921445" y="681333"/>
            <a:ext cx="18477111" cy="481333"/>
            <a:chOff x="414650" y="306600"/>
            <a:chExt cx="8314700" cy="216600"/>
          </a:xfrm>
        </p:grpSpPr>
        <p:grpSp>
          <p:nvGrpSpPr>
            <p:cNvPr id="265" name="Google Shape;265;p19"/>
            <p:cNvGrpSpPr/>
            <p:nvPr/>
          </p:nvGrpSpPr>
          <p:grpSpPr>
            <a:xfrm>
              <a:off x="713281" y="389286"/>
              <a:ext cx="7717437" cy="51251"/>
              <a:chOff x="450050" y="465475"/>
              <a:chExt cx="8367600" cy="51241"/>
            </a:xfrm>
          </p:grpSpPr>
          <p:cxnSp>
            <p:nvCxnSpPr>
              <p:cNvPr id="266" name="Google Shape;266;p19"/>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267" name="Google Shape;267;p19"/>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268" name="Google Shape;268;p19"/>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269" name="Google Shape;269;p19"/>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270" name="Google Shape;270;p19"/>
          <p:cNvSpPr txBox="1">
            <a:spLocks noGrp="1"/>
          </p:cNvSpPr>
          <p:nvPr>
            <p:ph type="title"/>
          </p:nvPr>
        </p:nvSpPr>
        <p:spPr>
          <a:xfrm>
            <a:off x="1600000" y="1158278"/>
            <a:ext cx="17120000" cy="1272667"/>
          </a:xfrm>
          <a:prstGeom prst="rect">
            <a:avLst/>
          </a:prstGeom>
        </p:spPr>
        <p:txBody>
          <a:bodyPr spcFirstLastPara="1" wrap="square" lIns="91425" tIns="91425" rIns="91425" bIns="91425" anchor="t" anchorCtr="0">
            <a:noAutofit/>
          </a:bodyPr>
          <a:lstStyle>
            <a:lvl1pPr lvl="0" rtl="0">
              <a:spcBef>
                <a:spcPts val="0"/>
              </a:spcBef>
              <a:spcAft>
                <a:spcPts val="0"/>
              </a:spcAft>
              <a:buSzPts val="3500"/>
              <a:buNone/>
              <a:defRPr/>
            </a:lvl1pPr>
            <a:lvl2pPr lvl="1" rtl="0">
              <a:spcBef>
                <a:spcPts val="0"/>
              </a:spcBef>
              <a:spcAft>
                <a:spcPts val="0"/>
              </a:spcAft>
              <a:buSzPts val="3500"/>
              <a:buNone/>
              <a:defRPr/>
            </a:lvl2pPr>
            <a:lvl3pPr lvl="2" rtl="0">
              <a:spcBef>
                <a:spcPts val="0"/>
              </a:spcBef>
              <a:spcAft>
                <a:spcPts val="0"/>
              </a:spcAft>
              <a:buSzPts val="3500"/>
              <a:buNone/>
              <a:defRPr/>
            </a:lvl3pPr>
            <a:lvl4pPr lvl="3" rtl="0">
              <a:spcBef>
                <a:spcPts val="0"/>
              </a:spcBef>
              <a:spcAft>
                <a:spcPts val="0"/>
              </a:spcAft>
              <a:buSzPts val="3500"/>
              <a:buNone/>
              <a:defRPr/>
            </a:lvl4pPr>
            <a:lvl5pPr lvl="4" rtl="0">
              <a:spcBef>
                <a:spcPts val="0"/>
              </a:spcBef>
              <a:spcAft>
                <a:spcPts val="0"/>
              </a:spcAft>
              <a:buSzPts val="3500"/>
              <a:buNone/>
              <a:defRPr/>
            </a:lvl5pPr>
            <a:lvl6pPr lvl="5" rtl="0">
              <a:spcBef>
                <a:spcPts val="0"/>
              </a:spcBef>
              <a:spcAft>
                <a:spcPts val="0"/>
              </a:spcAft>
              <a:buSzPts val="3500"/>
              <a:buNone/>
              <a:defRPr/>
            </a:lvl6pPr>
            <a:lvl7pPr lvl="6" rtl="0">
              <a:spcBef>
                <a:spcPts val="0"/>
              </a:spcBef>
              <a:spcAft>
                <a:spcPts val="0"/>
              </a:spcAft>
              <a:buSzPts val="3500"/>
              <a:buNone/>
              <a:defRPr/>
            </a:lvl7pPr>
            <a:lvl8pPr lvl="7" rtl="0">
              <a:spcBef>
                <a:spcPts val="0"/>
              </a:spcBef>
              <a:spcAft>
                <a:spcPts val="0"/>
              </a:spcAft>
              <a:buSzPts val="3500"/>
              <a:buNone/>
              <a:defRPr/>
            </a:lvl8pPr>
            <a:lvl9pPr lvl="8" rtl="0">
              <a:spcBef>
                <a:spcPts val="0"/>
              </a:spcBef>
              <a:spcAft>
                <a:spcPts val="0"/>
              </a:spcAft>
              <a:buSzPts val="3500"/>
              <a:buNone/>
              <a:defRPr/>
            </a:lvl9pPr>
          </a:lstStyle>
          <a:p>
            <a:endParaRPr/>
          </a:p>
        </p:txBody>
      </p:sp>
      <p:grpSp>
        <p:nvGrpSpPr>
          <p:cNvPr id="271" name="Google Shape;271;p19"/>
          <p:cNvGrpSpPr/>
          <p:nvPr/>
        </p:nvGrpSpPr>
        <p:grpSpPr>
          <a:xfrm>
            <a:off x="559278" y="5699002"/>
            <a:ext cx="20028556" cy="5073276"/>
            <a:chOff x="251675" y="2564551"/>
            <a:chExt cx="9012850" cy="2282974"/>
          </a:xfrm>
        </p:grpSpPr>
        <p:sp>
          <p:nvSpPr>
            <p:cNvPr id="272" name="Google Shape;272;p19"/>
            <p:cNvSpPr/>
            <p:nvPr/>
          </p:nvSpPr>
          <p:spPr>
            <a:xfrm flipH="1">
              <a:off x="8671152" y="2564551"/>
              <a:ext cx="593373" cy="2282965"/>
            </a:xfrm>
            <a:custGeom>
              <a:avLst/>
              <a:gdLst/>
              <a:ahLst/>
              <a:cxnLst/>
              <a:rect l="l" t="t" r="r" b="b"/>
              <a:pathLst>
                <a:path w="24361" h="93737" extrusionOk="0">
                  <a:moveTo>
                    <a:pt x="11069" y="0"/>
                  </a:moveTo>
                  <a:lnTo>
                    <a:pt x="10606" y="47"/>
                  </a:lnTo>
                  <a:lnTo>
                    <a:pt x="10189" y="139"/>
                  </a:lnTo>
                  <a:lnTo>
                    <a:pt x="9957" y="232"/>
                  </a:lnTo>
                  <a:lnTo>
                    <a:pt x="9818" y="371"/>
                  </a:lnTo>
                  <a:lnTo>
                    <a:pt x="9679" y="510"/>
                  </a:lnTo>
                  <a:lnTo>
                    <a:pt x="9541" y="649"/>
                  </a:lnTo>
                  <a:lnTo>
                    <a:pt x="9263" y="1297"/>
                  </a:lnTo>
                  <a:lnTo>
                    <a:pt x="9031" y="1899"/>
                  </a:lnTo>
                  <a:lnTo>
                    <a:pt x="8800" y="2548"/>
                  </a:lnTo>
                  <a:lnTo>
                    <a:pt x="8661" y="3196"/>
                  </a:lnTo>
                  <a:lnTo>
                    <a:pt x="8522" y="3844"/>
                  </a:lnTo>
                  <a:lnTo>
                    <a:pt x="8429" y="4539"/>
                  </a:lnTo>
                  <a:lnTo>
                    <a:pt x="8383" y="5187"/>
                  </a:lnTo>
                  <a:lnTo>
                    <a:pt x="8336" y="5836"/>
                  </a:lnTo>
                  <a:lnTo>
                    <a:pt x="8336" y="7179"/>
                  </a:lnTo>
                  <a:lnTo>
                    <a:pt x="8429" y="8522"/>
                  </a:lnTo>
                  <a:lnTo>
                    <a:pt x="8661" y="11208"/>
                  </a:lnTo>
                  <a:lnTo>
                    <a:pt x="8938" y="14172"/>
                  </a:lnTo>
                  <a:lnTo>
                    <a:pt x="9124" y="17090"/>
                  </a:lnTo>
                  <a:lnTo>
                    <a:pt x="9216" y="20054"/>
                  </a:lnTo>
                  <a:lnTo>
                    <a:pt x="9216" y="21489"/>
                  </a:lnTo>
                  <a:lnTo>
                    <a:pt x="9216" y="22971"/>
                  </a:lnTo>
                  <a:lnTo>
                    <a:pt x="9124" y="25194"/>
                  </a:lnTo>
                  <a:lnTo>
                    <a:pt x="8985" y="27417"/>
                  </a:lnTo>
                  <a:lnTo>
                    <a:pt x="8707" y="31863"/>
                  </a:lnTo>
                  <a:lnTo>
                    <a:pt x="8383" y="36263"/>
                  </a:lnTo>
                  <a:lnTo>
                    <a:pt x="8058" y="40709"/>
                  </a:lnTo>
                  <a:lnTo>
                    <a:pt x="7873" y="40061"/>
                  </a:lnTo>
                  <a:lnTo>
                    <a:pt x="7595" y="39412"/>
                  </a:lnTo>
                  <a:lnTo>
                    <a:pt x="7225" y="38857"/>
                  </a:lnTo>
                  <a:lnTo>
                    <a:pt x="6808" y="38347"/>
                  </a:lnTo>
                  <a:lnTo>
                    <a:pt x="6669" y="38254"/>
                  </a:lnTo>
                  <a:lnTo>
                    <a:pt x="6438" y="38208"/>
                  </a:lnTo>
                  <a:lnTo>
                    <a:pt x="6252" y="38208"/>
                  </a:lnTo>
                  <a:lnTo>
                    <a:pt x="6160" y="38254"/>
                  </a:lnTo>
                  <a:lnTo>
                    <a:pt x="6067" y="38347"/>
                  </a:lnTo>
                  <a:lnTo>
                    <a:pt x="5835" y="38671"/>
                  </a:lnTo>
                  <a:lnTo>
                    <a:pt x="5650" y="39042"/>
                  </a:lnTo>
                  <a:lnTo>
                    <a:pt x="5465" y="39412"/>
                  </a:lnTo>
                  <a:lnTo>
                    <a:pt x="5326" y="39783"/>
                  </a:lnTo>
                  <a:lnTo>
                    <a:pt x="5233" y="40153"/>
                  </a:lnTo>
                  <a:lnTo>
                    <a:pt x="5141" y="40570"/>
                  </a:lnTo>
                  <a:lnTo>
                    <a:pt x="5048" y="41357"/>
                  </a:lnTo>
                  <a:lnTo>
                    <a:pt x="5048" y="42191"/>
                  </a:lnTo>
                  <a:lnTo>
                    <a:pt x="5048" y="43025"/>
                  </a:lnTo>
                  <a:lnTo>
                    <a:pt x="5094" y="44646"/>
                  </a:lnTo>
                  <a:lnTo>
                    <a:pt x="5141" y="46730"/>
                  </a:lnTo>
                  <a:lnTo>
                    <a:pt x="5187" y="48814"/>
                  </a:lnTo>
                  <a:lnTo>
                    <a:pt x="5419" y="52935"/>
                  </a:lnTo>
                  <a:lnTo>
                    <a:pt x="5511" y="54927"/>
                  </a:lnTo>
                  <a:lnTo>
                    <a:pt x="5558" y="56965"/>
                  </a:lnTo>
                  <a:lnTo>
                    <a:pt x="5558" y="56965"/>
                  </a:lnTo>
                  <a:lnTo>
                    <a:pt x="5326" y="56177"/>
                  </a:lnTo>
                  <a:lnTo>
                    <a:pt x="5141" y="55436"/>
                  </a:lnTo>
                  <a:lnTo>
                    <a:pt x="4956" y="54649"/>
                  </a:lnTo>
                  <a:lnTo>
                    <a:pt x="4817" y="53862"/>
                  </a:lnTo>
                  <a:lnTo>
                    <a:pt x="4770" y="53074"/>
                  </a:lnTo>
                  <a:lnTo>
                    <a:pt x="4724" y="52287"/>
                  </a:lnTo>
                  <a:lnTo>
                    <a:pt x="4678" y="50759"/>
                  </a:lnTo>
                  <a:lnTo>
                    <a:pt x="4817" y="47656"/>
                  </a:lnTo>
                  <a:lnTo>
                    <a:pt x="4817" y="45896"/>
                  </a:lnTo>
                  <a:lnTo>
                    <a:pt x="4770" y="44090"/>
                  </a:lnTo>
                  <a:lnTo>
                    <a:pt x="4678" y="42330"/>
                  </a:lnTo>
                  <a:lnTo>
                    <a:pt x="4585" y="40524"/>
                  </a:lnTo>
                  <a:lnTo>
                    <a:pt x="4261" y="36958"/>
                  </a:lnTo>
                  <a:lnTo>
                    <a:pt x="4029" y="33392"/>
                  </a:lnTo>
                  <a:lnTo>
                    <a:pt x="3937" y="31400"/>
                  </a:lnTo>
                  <a:lnTo>
                    <a:pt x="3844" y="30428"/>
                  </a:lnTo>
                  <a:lnTo>
                    <a:pt x="3751" y="29918"/>
                  </a:lnTo>
                  <a:lnTo>
                    <a:pt x="3659" y="29455"/>
                  </a:lnTo>
                  <a:lnTo>
                    <a:pt x="3520" y="29038"/>
                  </a:lnTo>
                  <a:lnTo>
                    <a:pt x="3335" y="28621"/>
                  </a:lnTo>
                  <a:lnTo>
                    <a:pt x="3103" y="28251"/>
                  </a:lnTo>
                  <a:lnTo>
                    <a:pt x="2779" y="27927"/>
                  </a:lnTo>
                  <a:lnTo>
                    <a:pt x="2455" y="27649"/>
                  </a:lnTo>
                  <a:lnTo>
                    <a:pt x="2038" y="27464"/>
                  </a:lnTo>
                  <a:lnTo>
                    <a:pt x="1528" y="27278"/>
                  </a:lnTo>
                  <a:lnTo>
                    <a:pt x="973" y="27232"/>
                  </a:lnTo>
                  <a:lnTo>
                    <a:pt x="648" y="27232"/>
                  </a:lnTo>
                  <a:lnTo>
                    <a:pt x="463" y="27325"/>
                  </a:lnTo>
                  <a:lnTo>
                    <a:pt x="278" y="27417"/>
                  </a:lnTo>
                  <a:lnTo>
                    <a:pt x="139" y="27510"/>
                  </a:lnTo>
                  <a:lnTo>
                    <a:pt x="46" y="27695"/>
                  </a:lnTo>
                  <a:lnTo>
                    <a:pt x="0" y="27834"/>
                  </a:lnTo>
                  <a:lnTo>
                    <a:pt x="0" y="28019"/>
                  </a:lnTo>
                  <a:lnTo>
                    <a:pt x="232" y="28668"/>
                  </a:lnTo>
                  <a:lnTo>
                    <a:pt x="324" y="29316"/>
                  </a:lnTo>
                  <a:lnTo>
                    <a:pt x="417" y="30011"/>
                  </a:lnTo>
                  <a:lnTo>
                    <a:pt x="463" y="30706"/>
                  </a:lnTo>
                  <a:lnTo>
                    <a:pt x="463" y="32049"/>
                  </a:lnTo>
                  <a:lnTo>
                    <a:pt x="463" y="33392"/>
                  </a:lnTo>
                  <a:lnTo>
                    <a:pt x="556" y="35244"/>
                  </a:lnTo>
                  <a:lnTo>
                    <a:pt x="648" y="37097"/>
                  </a:lnTo>
                  <a:lnTo>
                    <a:pt x="648" y="38023"/>
                  </a:lnTo>
                  <a:lnTo>
                    <a:pt x="648" y="38949"/>
                  </a:lnTo>
                  <a:lnTo>
                    <a:pt x="648" y="39875"/>
                  </a:lnTo>
                  <a:lnTo>
                    <a:pt x="556" y="40802"/>
                  </a:lnTo>
                  <a:lnTo>
                    <a:pt x="371" y="42469"/>
                  </a:lnTo>
                  <a:lnTo>
                    <a:pt x="232" y="44229"/>
                  </a:lnTo>
                  <a:lnTo>
                    <a:pt x="139" y="45989"/>
                  </a:lnTo>
                  <a:lnTo>
                    <a:pt x="93" y="47795"/>
                  </a:lnTo>
                  <a:lnTo>
                    <a:pt x="93" y="49555"/>
                  </a:lnTo>
                  <a:lnTo>
                    <a:pt x="185" y="51315"/>
                  </a:lnTo>
                  <a:lnTo>
                    <a:pt x="324" y="53074"/>
                  </a:lnTo>
                  <a:lnTo>
                    <a:pt x="556" y="54742"/>
                  </a:lnTo>
                  <a:lnTo>
                    <a:pt x="695" y="55575"/>
                  </a:lnTo>
                  <a:lnTo>
                    <a:pt x="880" y="56409"/>
                  </a:lnTo>
                  <a:lnTo>
                    <a:pt x="1297" y="57984"/>
                  </a:lnTo>
                  <a:lnTo>
                    <a:pt x="1714" y="59604"/>
                  </a:lnTo>
                  <a:lnTo>
                    <a:pt x="1899" y="60438"/>
                  </a:lnTo>
                  <a:lnTo>
                    <a:pt x="2038" y="61272"/>
                  </a:lnTo>
                  <a:lnTo>
                    <a:pt x="2223" y="62661"/>
                  </a:lnTo>
                  <a:lnTo>
                    <a:pt x="2408" y="64097"/>
                  </a:lnTo>
                  <a:lnTo>
                    <a:pt x="2547" y="64791"/>
                  </a:lnTo>
                  <a:lnTo>
                    <a:pt x="2686" y="65486"/>
                  </a:lnTo>
                  <a:lnTo>
                    <a:pt x="2918" y="66181"/>
                  </a:lnTo>
                  <a:lnTo>
                    <a:pt x="3196" y="66829"/>
                  </a:lnTo>
                  <a:lnTo>
                    <a:pt x="3566" y="67478"/>
                  </a:lnTo>
                  <a:lnTo>
                    <a:pt x="3983" y="68126"/>
                  </a:lnTo>
                  <a:lnTo>
                    <a:pt x="4446" y="68682"/>
                  </a:lnTo>
                  <a:lnTo>
                    <a:pt x="4956" y="69237"/>
                  </a:lnTo>
                  <a:lnTo>
                    <a:pt x="5511" y="69701"/>
                  </a:lnTo>
                  <a:lnTo>
                    <a:pt x="6113" y="70164"/>
                  </a:lnTo>
                  <a:lnTo>
                    <a:pt x="6715" y="70534"/>
                  </a:lnTo>
                  <a:lnTo>
                    <a:pt x="7364" y="70812"/>
                  </a:lnTo>
                  <a:lnTo>
                    <a:pt x="7179" y="72572"/>
                  </a:lnTo>
                  <a:lnTo>
                    <a:pt x="7086" y="73452"/>
                  </a:lnTo>
                  <a:lnTo>
                    <a:pt x="7040" y="74332"/>
                  </a:lnTo>
                  <a:lnTo>
                    <a:pt x="7086" y="75767"/>
                  </a:lnTo>
                  <a:lnTo>
                    <a:pt x="7179" y="77203"/>
                  </a:lnTo>
                  <a:lnTo>
                    <a:pt x="7317" y="78639"/>
                  </a:lnTo>
                  <a:lnTo>
                    <a:pt x="7410" y="80075"/>
                  </a:lnTo>
                  <a:lnTo>
                    <a:pt x="7456" y="81603"/>
                  </a:lnTo>
                  <a:lnTo>
                    <a:pt x="7456" y="83131"/>
                  </a:lnTo>
                  <a:lnTo>
                    <a:pt x="7503" y="86188"/>
                  </a:lnTo>
                  <a:lnTo>
                    <a:pt x="7549" y="87716"/>
                  </a:lnTo>
                  <a:lnTo>
                    <a:pt x="7642" y="89244"/>
                  </a:lnTo>
                  <a:lnTo>
                    <a:pt x="7827" y="90773"/>
                  </a:lnTo>
                  <a:lnTo>
                    <a:pt x="7966" y="91514"/>
                  </a:lnTo>
                  <a:lnTo>
                    <a:pt x="8151" y="92208"/>
                  </a:lnTo>
                  <a:lnTo>
                    <a:pt x="8197" y="92440"/>
                  </a:lnTo>
                  <a:lnTo>
                    <a:pt x="8290" y="92625"/>
                  </a:lnTo>
                  <a:lnTo>
                    <a:pt x="8522" y="92996"/>
                  </a:lnTo>
                  <a:lnTo>
                    <a:pt x="8846" y="93274"/>
                  </a:lnTo>
                  <a:lnTo>
                    <a:pt x="9263" y="93505"/>
                  </a:lnTo>
                  <a:lnTo>
                    <a:pt x="9679" y="93644"/>
                  </a:lnTo>
                  <a:lnTo>
                    <a:pt x="10143" y="93737"/>
                  </a:lnTo>
                  <a:lnTo>
                    <a:pt x="10652" y="93737"/>
                  </a:lnTo>
                  <a:lnTo>
                    <a:pt x="11161" y="93690"/>
                  </a:lnTo>
                  <a:lnTo>
                    <a:pt x="11671" y="93598"/>
                  </a:lnTo>
                  <a:lnTo>
                    <a:pt x="12180" y="93459"/>
                  </a:lnTo>
                  <a:lnTo>
                    <a:pt x="12643" y="93274"/>
                  </a:lnTo>
                  <a:lnTo>
                    <a:pt x="13060" y="93042"/>
                  </a:lnTo>
                  <a:lnTo>
                    <a:pt x="13431" y="92764"/>
                  </a:lnTo>
                  <a:lnTo>
                    <a:pt x="13709" y="92440"/>
                  </a:lnTo>
                  <a:lnTo>
                    <a:pt x="13940" y="92116"/>
                  </a:lnTo>
                  <a:lnTo>
                    <a:pt x="14079" y="91699"/>
                  </a:lnTo>
                  <a:lnTo>
                    <a:pt x="14218" y="91004"/>
                  </a:lnTo>
                  <a:lnTo>
                    <a:pt x="14311" y="90310"/>
                  </a:lnTo>
                  <a:lnTo>
                    <a:pt x="14403" y="88874"/>
                  </a:lnTo>
                  <a:lnTo>
                    <a:pt x="14450" y="87392"/>
                  </a:lnTo>
                  <a:lnTo>
                    <a:pt x="14403" y="85910"/>
                  </a:lnTo>
                  <a:lnTo>
                    <a:pt x="14264" y="82992"/>
                  </a:lnTo>
                  <a:lnTo>
                    <a:pt x="14218" y="81510"/>
                  </a:lnTo>
                  <a:lnTo>
                    <a:pt x="14218" y="80075"/>
                  </a:lnTo>
                  <a:lnTo>
                    <a:pt x="14218" y="78546"/>
                  </a:lnTo>
                  <a:lnTo>
                    <a:pt x="14311" y="76972"/>
                  </a:lnTo>
                  <a:lnTo>
                    <a:pt x="14311" y="75443"/>
                  </a:lnTo>
                  <a:lnTo>
                    <a:pt x="14311" y="74656"/>
                  </a:lnTo>
                  <a:lnTo>
                    <a:pt x="14264" y="73915"/>
                  </a:lnTo>
                  <a:lnTo>
                    <a:pt x="14125" y="72711"/>
                  </a:lnTo>
                  <a:lnTo>
                    <a:pt x="13940" y="71507"/>
                  </a:lnTo>
                  <a:lnTo>
                    <a:pt x="14403" y="71321"/>
                  </a:lnTo>
                  <a:lnTo>
                    <a:pt x="14820" y="71136"/>
                  </a:lnTo>
                  <a:lnTo>
                    <a:pt x="15237" y="70905"/>
                  </a:lnTo>
                  <a:lnTo>
                    <a:pt x="15654" y="70627"/>
                  </a:lnTo>
                  <a:lnTo>
                    <a:pt x="16395" y="70025"/>
                  </a:lnTo>
                  <a:lnTo>
                    <a:pt x="17089" y="69376"/>
                  </a:lnTo>
                  <a:lnTo>
                    <a:pt x="17738" y="68635"/>
                  </a:lnTo>
                  <a:lnTo>
                    <a:pt x="18294" y="67848"/>
                  </a:lnTo>
                  <a:lnTo>
                    <a:pt x="18849" y="66968"/>
                  </a:lnTo>
                  <a:lnTo>
                    <a:pt x="19313" y="66088"/>
                  </a:lnTo>
                  <a:lnTo>
                    <a:pt x="19729" y="65162"/>
                  </a:lnTo>
                  <a:lnTo>
                    <a:pt x="20100" y="64189"/>
                  </a:lnTo>
                  <a:lnTo>
                    <a:pt x="20424" y="63263"/>
                  </a:lnTo>
                  <a:lnTo>
                    <a:pt x="20702" y="62291"/>
                  </a:lnTo>
                  <a:lnTo>
                    <a:pt x="20933" y="61318"/>
                  </a:lnTo>
                  <a:lnTo>
                    <a:pt x="21119" y="60345"/>
                  </a:lnTo>
                  <a:lnTo>
                    <a:pt x="21258" y="59419"/>
                  </a:lnTo>
                  <a:lnTo>
                    <a:pt x="21350" y="58493"/>
                  </a:lnTo>
                  <a:lnTo>
                    <a:pt x="21628" y="55622"/>
                  </a:lnTo>
                  <a:lnTo>
                    <a:pt x="21906" y="52797"/>
                  </a:lnTo>
                  <a:lnTo>
                    <a:pt x="22091" y="51407"/>
                  </a:lnTo>
                  <a:lnTo>
                    <a:pt x="22277" y="49971"/>
                  </a:lnTo>
                  <a:lnTo>
                    <a:pt x="22508" y="48582"/>
                  </a:lnTo>
                  <a:lnTo>
                    <a:pt x="22786" y="47146"/>
                  </a:lnTo>
                  <a:lnTo>
                    <a:pt x="23064" y="45942"/>
                  </a:lnTo>
                  <a:lnTo>
                    <a:pt x="23434" y="44738"/>
                  </a:lnTo>
                  <a:lnTo>
                    <a:pt x="23759" y="43488"/>
                  </a:lnTo>
                  <a:lnTo>
                    <a:pt x="24083" y="42237"/>
                  </a:lnTo>
                  <a:lnTo>
                    <a:pt x="24175" y="41635"/>
                  </a:lnTo>
                  <a:lnTo>
                    <a:pt x="24268" y="41033"/>
                  </a:lnTo>
                  <a:lnTo>
                    <a:pt x="24361" y="40385"/>
                  </a:lnTo>
                  <a:lnTo>
                    <a:pt x="24361" y="39783"/>
                  </a:lnTo>
                  <a:lnTo>
                    <a:pt x="24361" y="39181"/>
                  </a:lnTo>
                  <a:lnTo>
                    <a:pt x="24268" y="38532"/>
                  </a:lnTo>
                  <a:lnTo>
                    <a:pt x="24129" y="37930"/>
                  </a:lnTo>
                  <a:lnTo>
                    <a:pt x="23944" y="37375"/>
                  </a:lnTo>
                  <a:lnTo>
                    <a:pt x="23897" y="37236"/>
                  </a:lnTo>
                  <a:lnTo>
                    <a:pt x="23805" y="37189"/>
                  </a:lnTo>
                  <a:lnTo>
                    <a:pt x="23666" y="37143"/>
                  </a:lnTo>
                  <a:lnTo>
                    <a:pt x="23573" y="37097"/>
                  </a:lnTo>
                  <a:lnTo>
                    <a:pt x="23295" y="37097"/>
                  </a:lnTo>
                  <a:lnTo>
                    <a:pt x="23064" y="37189"/>
                  </a:lnTo>
                  <a:lnTo>
                    <a:pt x="22647" y="37513"/>
                  </a:lnTo>
                  <a:lnTo>
                    <a:pt x="22277" y="37838"/>
                  </a:lnTo>
                  <a:lnTo>
                    <a:pt x="21906" y="38162"/>
                  </a:lnTo>
                  <a:lnTo>
                    <a:pt x="21582" y="38532"/>
                  </a:lnTo>
                  <a:lnTo>
                    <a:pt x="20933" y="39273"/>
                  </a:lnTo>
                  <a:lnTo>
                    <a:pt x="20378" y="40107"/>
                  </a:lnTo>
                  <a:lnTo>
                    <a:pt x="20378" y="39459"/>
                  </a:lnTo>
                  <a:lnTo>
                    <a:pt x="20331" y="38764"/>
                  </a:lnTo>
                  <a:lnTo>
                    <a:pt x="20239" y="38162"/>
                  </a:lnTo>
                  <a:lnTo>
                    <a:pt x="20100" y="37560"/>
                  </a:lnTo>
                  <a:lnTo>
                    <a:pt x="19915" y="36958"/>
                  </a:lnTo>
                  <a:lnTo>
                    <a:pt x="19637" y="36402"/>
                  </a:lnTo>
                  <a:lnTo>
                    <a:pt x="19266" y="35893"/>
                  </a:lnTo>
                  <a:lnTo>
                    <a:pt x="18849" y="35383"/>
                  </a:lnTo>
                  <a:lnTo>
                    <a:pt x="18757" y="35290"/>
                  </a:lnTo>
                  <a:lnTo>
                    <a:pt x="18618" y="35244"/>
                  </a:lnTo>
                  <a:lnTo>
                    <a:pt x="18340" y="35152"/>
                  </a:lnTo>
                  <a:lnTo>
                    <a:pt x="18016" y="35198"/>
                  </a:lnTo>
                  <a:lnTo>
                    <a:pt x="17877" y="35244"/>
                  </a:lnTo>
                  <a:lnTo>
                    <a:pt x="17738" y="35290"/>
                  </a:lnTo>
                  <a:lnTo>
                    <a:pt x="17414" y="35568"/>
                  </a:lnTo>
                  <a:lnTo>
                    <a:pt x="17136" y="35893"/>
                  </a:lnTo>
                  <a:lnTo>
                    <a:pt x="16904" y="36170"/>
                  </a:lnTo>
                  <a:lnTo>
                    <a:pt x="16673" y="36495"/>
                  </a:lnTo>
                  <a:lnTo>
                    <a:pt x="16256" y="37097"/>
                  </a:lnTo>
                  <a:lnTo>
                    <a:pt x="15978" y="37791"/>
                  </a:lnTo>
                  <a:lnTo>
                    <a:pt x="15746" y="38532"/>
                  </a:lnTo>
                  <a:lnTo>
                    <a:pt x="15607" y="39273"/>
                  </a:lnTo>
                  <a:lnTo>
                    <a:pt x="15469" y="40061"/>
                  </a:lnTo>
                  <a:lnTo>
                    <a:pt x="15376" y="40894"/>
                  </a:lnTo>
                  <a:lnTo>
                    <a:pt x="15144" y="42978"/>
                  </a:lnTo>
                  <a:lnTo>
                    <a:pt x="15005" y="45062"/>
                  </a:lnTo>
                  <a:lnTo>
                    <a:pt x="14774" y="49277"/>
                  </a:lnTo>
                  <a:lnTo>
                    <a:pt x="14728" y="51268"/>
                  </a:lnTo>
                  <a:lnTo>
                    <a:pt x="14589" y="53260"/>
                  </a:lnTo>
                  <a:lnTo>
                    <a:pt x="14542" y="54279"/>
                  </a:lnTo>
                  <a:lnTo>
                    <a:pt x="14403" y="55251"/>
                  </a:lnTo>
                  <a:lnTo>
                    <a:pt x="14218" y="56224"/>
                  </a:lnTo>
                  <a:lnTo>
                    <a:pt x="13987" y="57196"/>
                  </a:lnTo>
                  <a:lnTo>
                    <a:pt x="13801" y="57752"/>
                  </a:lnTo>
                  <a:lnTo>
                    <a:pt x="13570" y="58261"/>
                  </a:lnTo>
                  <a:lnTo>
                    <a:pt x="13338" y="58678"/>
                  </a:lnTo>
                  <a:lnTo>
                    <a:pt x="13060" y="59095"/>
                  </a:lnTo>
                  <a:lnTo>
                    <a:pt x="12968" y="55853"/>
                  </a:lnTo>
                  <a:lnTo>
                    <a:pt x="12921" y="52611"/>
                  </a:lnTo>
                  <a:lnTo>
                    <a:pt x="12875" y="46128"/>
                  </a:lnTo>
                  <a:lnTo>
                    <a:pt x="12829" y="40477"/>
                  </a:lnTo>
                  <a:lnTo>
                    <a:pt x="12782" y="34827"/>
                  </a:lnTo>
                  <a:lnTo>
                    <a:pt x="12551" y="23527"/>
                  </a:lnTo>
                  <a:lnTo>
                    <a:pt x="12458" y="17877"/>
                  </a:lnTo>
                  <a:lnTo>
                    <a:pt x="12412" y="12227"/>
                  </a:lnTo>
                  <a:lnTo>
                    <a:pt x="12412" y="9402"/>
                  </a:lnTo>
                  <a:lnTo>
                    <a:pt x="12458" y="6530"/>
                  </a:lnTo>
                  <a:lnTo>
                    <a:pt x="12458" y="5141"/>
                  </a:lnTo>
                  <a:lnTo>
                    <a:pt x="12458" y="3705"/>
                  </a:lnTo>
                  <a:lnTo>
                    <a:pt x="12412" y="2316"/>
                  </a:lnTo>
                  <a:lnTo>
                    <a:pt x="12319" y="927"/>
                  </a:lnTo>
                  <a:lnTo>
                    <a:pt x="12273" y="695"/>
                  </a:lnTo>
                  <a:lnTo>
                    <a:pt x="12180" y="510"/>
                  </a:lnTo>
                  <a:lnTo>
                    <a:pt x="12041" y="371"/>
                  </a:lnTo>
                  <a:lnTo>
                    <a:pt x="11902" y="232"/>
                  </a:lnTo>
                  <a:lnTo>
                    <a:pt x="11717" y="139"/>
                  </a:lnTo>
                  <a:lnTo>
                    <a:pt x="11486" y="47"/>
                  </a:lnTo>
                  <a:lnTo>
                    <a:pt x="11069" y="0"/>
                  </a:lnTo>
                  <a:close/>
                </a:path>
              </a:pathLst>
            </a:custGeom>
            <a:solidFill>
              <a:schemeClr val="l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273" name="Google Shape;273;p19"/>
            <p:cNvSpPr/>
            <p:nvPr/>
          </p:nvSpPr>
          <p:spPr>
            <a:xfrm>
              <a:off x="251675" y="3865675"/>
              <a:ext cx="291800" cy="981850"/>
            </a:xfrm>
            <a:custGeom>
              <a:avLst/>
              <a:gdLst/>
              <a:ahLst/>
              <a:cxnLst/>
              <a:rect l="l" t="t" r="r" b="b"/>
              <a:pathLst>
                <a:path w="11672" h="39274" extrusionOk="0">
                  <a:moveTo>
                    <a:pt x="6253" y="1"/>
                  </a:moveTo>
                  <a:lnTo>
                    <a:pt x="6068" y="47"/>
                  </a:lnTo>
                  <a:lnTo>
                    <a:pt x="5929" y="140"/>
                  </a:lnTo>
                  <a:lnTo>
                    <a:pt x="5558" y="603"/>
                  </a:lnTo>
                  <a:lnTo>
                    <a:pt x="5327" y="1112"/>
                  </a:lnTo>
                  <a:lnTo>
                    <a:pt x="5141" y="1622"/>
                  </a:lnTo>
                  <a:lnTo>
                    <a:pt x="5002" y="2177"/>
                  </a:lnTo>
                  <a:lnTo>
                    <a:pt x="4910" y="2733"/>
                  </a:lnTo>
                  <a:lnTo>
                    <a:pt x="4863" y="3289"/>
                  </a:lnTo>
                  <a:lnTo>
                    <a:pt x="4817" y="4447"/>
                  </a:lnTo>
                  <a:lnTo>
                    <a:pt x="4771" y="6855"/>
                  </a:lnTo>
                  <a:lnTo>
                    <a:pt x="4725" y="9263"/>
                  </a:lnTo>
                  <a:lnTo>
                    <a:pt x="4771" y="11903"/>
                  </a:lnTo>
                  <a:lnTo>
                    <a:pt x="4817" y="14543"/>
                  </a:lnTo>
                  <a:lnTo>
                    <a:pt x="4586" y="14172"/>
                  </a:lnTo>
                  <a:lnTo>
                    <a:pt x="4447" y="13755"/>
                  </a:lnTo>
                  <a:lnTo>
                    <a:pt x="4308" y="13339"/>
                  </a:lnTo>
                  <a:lnTo>
                    <a:pt x="4215" y="12922"/>
                  </a:lnTo>
                  <a:lnTo>
                    <a:pt x="4169" y="12459"/>
                  </a:lnTo>
                  <a:lnTo>
                    <a:pt x="4076" y="11533"/>
                  </a:lnTo>
                  <a:lnTo>
                    <a:pt x="4030" y="10699"/>
                  </a:lnTo>
                  <a:lnTo>
                    <a:pt x="4076" y="10189"/>
                  </a:lnTo>
                  <a:lnTo>
                    <a:pt x="4076" y="9680"/>
                  </a:lnTo>
                  <a:lnTo>
                    <a:pt x="4030" y="8661"/>
                  </a:lnTo>
                  <a:lnTo>
                    <a:pt x="3798" y="6670"/>
                  </a:lnTo>
                  <a:lnTo>
                    <a:pt x="3752" y="5605"/>
                  </a:lnTo>
                  <a:lnTo>
                    <a:pt x="3659" y="4586"/>
                  </a:lnTo>
                  <a:lnTo>
                    <a:pt x="3613" y="4076"/>
                  </a:lnTo>
                  <a:lnTo>
                    <a:pt x="3520" y="3567"/>
                  </a:lnTo>
                  <a:lnTo>
                    <a:pt x="3381" y="3057"/>
                  </a:lnTo>
                  <a:lnTo>
                    <a:pt x="3150" y="2594"/>
                  </a:lnTo>
                  <a:lnTo>
                    <a:pt x="3104" y="2502"/>
                  </a:lnTo>
                  <a:lnTo>
                    <a:pt x="3011" y="2409"/>
                  </a:lnTo>
                  <a:lnTo>
                    <a:pt x="2826" y="2363"/>
                  </a:lnTo>
                  <a:lnTo>
                    <a:pt x="2594" y="2455"/>
                  </a:lnTo>
                  <a:lnTo>
                    <a:pt x="2548" y="2502"/>
                  </a:lnTo>
                  <a:lnTo>
                    <a:pt x="2455" y="2594"/>
                  </a:lnTo>
                  <a:lnTo>
                    <a:pt x="2224" y="3104"/>
                  </a:lnTo>
                  <a:lnTo>
                    <a:pt x="2038" y="3613"/>
                  </a:lnTo>
                  <a:lnTo>
                    <a:pt x="1946" y="4169"/>
                  </a:lnTo>
                  <a:lnTo>
                    <a:pt x="1853" y="4725"/>
                  </a:lnTo>
                  <a:lnTo>
                    <a:pt x="1853" y="5280"/>
                  </a:lnTo>
                  <a:lnTo>
                    <a:pt x="1853" y="5836"/>
                  </a:lnTo>
                  <a:lnTo>
                    <a:pt x="1899" y="6994"/>
                  </a:lnTo>
                  <a:lnTo>
                    <a:pt x="1992" y="8105"/>
                  </a:lnTo>
                  <a:lnTo>
                    <a:pt x="2131" y="9171"/>
                  </a:lnTo>
                  <a:lnTo>
                    <a:pt x="2177" y="10421"/>
                  </a:lnTo>
                  <a:lnTo>
                    <a:pt x="2270" y="11625"/>
                  </a:lnTo>
                  <a:lnTo>
                    <a:pt x="2455" y="12737"/>
                  </a:lnTo>
                  <a:lnTo>
                    <a:pt x="2548" y="13292"/>
                  </a:lnTo>
                  <a:lnTo>
                    <a:pt x="2687" y="13802"/>
                  </a:lnTo>
                  <a:lnTo>
                    <a:pt x="2872" y="14265"/>
                  </a:lnTo>
                  <a:lnTo>
                    <a:pt x="3057" y="14682"/>
                  </a:lnTo>
                  <a:lnTo>
                    <a:pt x="3289" y="15052"/>
                  </a:lnTo>
                  <a:lnTo>
                    <a:pt x="3567" y="15376"/>
                  </a:lnTo>
                  <a:lnTo>
                    <a:pt x="3845" y="15654"/>
                  </a:lnTo>
                  <a:lnTo>
                    <a:pt x="4169" y="15886"/>
                  </a:lnTo>
                  <a:lnTo>
                    <a:pt x="4493" y="16025"/>
                  </a:lnTo>
                  <a:lnTo>
                    <a:pt x="4863" y="16071"/>
                  </a:lnTo>
                  <a:lnTo>
                    <a:pt x="5002" y="18850"/>
                  </a:lnTo>
                  <a:lnTo>
                    <a:pt x="5049" y="19545"/>
                  </a:lnTo>
                  <a:lnTo>
                    <a:pt x="4910" y="19591"/>
                  </a:lnTo>
                  <a:lnTo>
                    <a:pt x="4586" y="19730"/>
                  </a:lnTo>
                  <a:lnTo>
                    <a:pt x="4261" y="19730"/>
                  </a:lnTo>
                  <a:lnTo>
                    <a:pt x="3984" y="19683"/>
                  </a:lnTo>
                  <a:lnTo>
                    <a:pt x="3752" y="19545"/>
                  </a:lnTo>
                  <a:lnTo>
                    <a:pt x="3520" y="19359"/>
                  </a:lnTo>
                  <a:lnTo>
                    <a:pt x="3289" y="19128"/>
                  </a:lnTo>
                  <a:lnTo>
                    <a:pt x="3104" y="18804"/>
                  </a:lnTo>
                  <a:lnTo>
                    <a:pt x="2965" y="18479"/>
                  </a:lnTo>
                  <a:lnTo>
                    <a:pt x="2687" y="17692"/>
                  </a:lnTo>
                  <a:lnTo>
                    <a:pt x="2455" y="16812"/>
                  </a:lnTo>
                  <a:lnTo>
                    <a:pt x="2316" y="15886"/>
                  </a:lnTo>
                  <a:lnTo>
                    <a:pt x="2224" y="15052"/>
                  </a:lnTo>
                  <a:lnTo>
                    <a:pt x="2224" y="14033"/>
                  </a:lnTo>
                  <a:lnTo>
                    <a:pt x="2177" y="13061"/>
                  </a:lnTo>
                  <a:lnTo>
                    <a:pt x="1992" y="11069"/>
                  </a:lnTo>
                  <a:lnTo>
                    <a:pt x="1899" y="9958"/>
                  </a:lnTo>
                  <a:lnTo>
                    <a:pt x="1807" y="9402"/>
                  </a:lnTo>
                  <a:lnTo>
                    <a:pt x="1714" y="8893"/>
                  </a:lnTo>
                  <a:lnTo>
                    <a:pt x="1529" y="8383"/>
                  </a:lnTo>
                  <a:lnTo>
                    <a:pt x="1344" y="7874"/>
                  </a:lnTo>
                  <a:lnTo>
                    <a:pt x="1066" y="7364"/>
                  </a:lnTo>
                  <a:lnTo>
                    <a:pt x="742" y="6901"/>
                  </a:lnTo>
                  <a:lnTo>
                    <a:pt x="649" y="6809"/>
                  </a:lnTo>
                  <a:lnTo>
                    <a:pt x="556" y="6762"/>
                  </a:lnTo>
                  <a:lnTo>
                    <a:pt x="417" y="6762"/>
                  </a:lnTo>
                  <a:lnTo>
                    <a:pt x="279" y="6809"/>
                  </a:lnTo>
                  <a:lnTo>
                    <a:pt x="186" y="6855"/>
                  </a:lnTo>
                  <a:lnTo>
                    <a:pt x="93" y="6948"/>
                  </a:lnTo>
                  <a:lnTo>
                    <a:pt x="47" y="7087"/>
                  </a:lnTo>
                  <a:lnTo>
                    <a:pt x="1" y="7179"/>
                  </a:lnTo>
                  <a:lnTo>
                    <a:pt x="47" y="8430"/>
                  </a:lnTo>
                  <a:lnTo>
                    <a:pt x="140" y="9634"/>
                  </a:lnTo>
                  <a:lnTo>
                    <a:pt x="232" y="10838"/>
                  </a:lnTo>
                  <a:lnTo>
                    <a:pt x="325" y="12088"/>
                  </a:lnTo>
                  <a:lnTo>
                    <a:pt x="371" y="13153"/>
                  </a:lnTo>
                  <a:lnTo>
                    <a:pt x="464" y="14265"/>
                  </a:lnTo>
                  <a:lnTo>
                    <a:pt x="510" y="15284"/>
                  </a:lnTo>
                  <a:lnTo>
                    <a:pt x="603" y="16256"/>
                  </a:lnTo>
                  <a:lnTo>
                    <a:pt x="742" y="17275"/>
                  </a:lnTo>
                  <a:lnTo>
                    <a:pt x="834" y="17738"/>
                  </a:lnTo>
                  <a:lnTo>
                    <a:pt x="973" y="18201"/>
                  </a:lnTo>
                  <a:lnTo>
                    <a:pt x="1066" y="18572"/>
                  </a:lnTo>
                  <a:lnTo>
                    <a:pt x="1205" y="18896"/>
                  </a:lnTo>
                  <a:lnTo>
                    <a:pt x="1575" y="19498"/>
                  </a:lnTo>
                  <a:lnTo>
                    <a:pt x="2038" y="20054"/>
                  </a:lnTo>
                  <a:lnTo>
                    <a:pt x="2270" y="20332"/>
                  </a:lnTo>
                  <a:lnTo>
                    <a:pt x="2548" y="20563"/>
                  </a:lnTo>
                  <a:lnTo>
                    <a:pt x="2826" y="20749"/>
                  </a:lnTo>
                  <a:lnTo>
                    <a:pt x="3104" y="20934"/>
                  </a:lnTo>
                  <a:lnTo>
                    <a:pt x="3428" y="21073"/>
                  </a:lnTo>
                  <a:lnTo>
                    <a:pt x="3752" y="21165"/>
                  </a:lnTo>
                  <a:lnTo>
                    <a:pt x="4076" y="21258"/>
                  </a:lnTo>
                  <a:lnTo>
                    <a:pt x="4771" y="21258"/>
                  </a:lnTo>
                  <a:lnTo>
                    <a:pt x="5095" y="21212"/>
                  </a:lnTo>
                  <a:lnTo>
                    <a:pt x="5141" y="23388"/>
                  </a:lnTo>
                  <a:lnTo>
                    <a:pt x="5141" y="25519"/>
                  </a:lnTo>
                  <a:lnTo>
                    <a:pt x="5188" y="29872"/>
                  </a:lnTo>
                  <a:lnTo>
                    <a:pt x="5188" y="32049"/>
                  </a:lnTo>
                  <a:lnTo>
                    <a:pt x="5234" y="34179"/>
                  </a:lnTo>
                  <a:lnTo>
                    <a:pt x="5327" y="36356"/>
                  </a:lnTo>
                  <a:lnTo>
                    <a:pt x="5466" y="38533"/>
                  </a:lnTo>
                  <a:lnTo>
                    <a:pt x="5512" y="38672"/>
                  </a:lnTo>
                  <a:lnTo>
                    <a:pt x="5558" y="38857"/>
                  </a:lnTo>
                  <a:lnTo>
                    <a:pt x="5697" y="38949"/>
                  </a:lnTo>
                  <a:lnTo>
                    <a:pt x="5836" y="39088"/>
                  </a:lnTo>
                  <a:lnTo>
                    <a:pt x="6021" y="39135"/>
                  </a:lnTo>
                  <a:lnTo>
                    <a:pt x="6207" y="39227"/>
                  </a:lnTo>
                  <a:lnTo>
                    <a:pt x="6577" y="39274"/>
                  </a:lnTo>
                  <a:lnTo>
                    <a:pt x="6994" y="39227"/>
                  </a:lnTo>
                  <a:lnTo>
                    <a:pt x="7179" y="39135"/>
                  </a:lnTo>
                  <a:lnTo>
                    <a:pt x="7318" y="39088"/>
                  </a:lnTo>
                  <a:lnTo>
                    <a:pt x="7457" y="38949"/>
                  </a:lnTo>
                  <a:lnTo>
                    <a:pt x="7596" y="38857"/>
                  </a:lnTo>
                  <a:lnTo>
                    <a:pt x="7642" y="38718"/>
                  </a:lnTo>
                  <a:lnTo>
                    <a:pt x="7689" y="38533"/>
                  </a:lnTo>
                  <a:lnTo>
                    <a:pt x="7689" y="36587"/>
                  </a:lnTo>
                  <a:lnTo>
                    <a:pt x="7596" y="34642"/>
                  </a:lnTo>
                  <a:lnTo>
                    <a:pt x="7411" y="30798"/>
                  </a:lnTo>
                  <a:lnTo>
                    <a:pt x="7179" y="26955"/>
                  </a:lnTo>
                  <a:lnTo>
                    <a:pt x="6948" y="23111"/>
                  </a:lnTo>
                  <a:lnTo>
                    <a:pt x="6948" y="23111"/>
                  </a:lnTo>
                  <a:lnTo>
                    <a:pt x="7225" y="23157"/>
                  </a:lnTo>
                  <a:lnTo>
                    <a:pt x="7828" y="23157"/>
                  </a:lnTo>
                  <a:lnTo>
                    <a:pt x="8152" y="23111"/>
                  </a:lnTo>
                  <a:lnTo>
                    <a:pt x="8430" y="23018"/>
                  </a:lnTo>
                  <a:lnTo>
                    <a:pt x="8707" y="22879"/>
                  </a:lnTo>
                  <a:lnTo>
                    <a:pt x="9217" y="22555"/>
                  </a:lnTo>
                  <a:lnTo>
                    <a:pt x="9726" y="22184"/>
                  </a:lnTo>
                  <a:lnTo>
                    <a:pt x="10143" y="21721"/>
                  </a:lnTo>
                  <a:lnTo>
                    <a:pt x="10514" y="21165"/>
                  </a:lnTo>
                  <a:lnTo>
                    <a:pt x="10792" y="20656"/>
                  </a:lnTo>
                  <a:lnTo>
                    <a:pt x="11116" y="19730"/>
                  </a:lnTo>
                  <a:lnTo>
                    <a:pt x="11394" y="18757"/>
                  </a:lnTo>
                  <a:lnTo>
                    <a:pt x="11579" y="17785"/>
                  </a:lnTo>
                  <a:lnTo>
                    <a:pt x="11671" y="16766"/>
                  </a:lnTo>
                  <a:lnTo>
                    <a:pt x="11671" y="15747"/>
                  </a:lnTo>
                  <a:lnTo>
                    <a:pt x="11625" y="15237"/>
                  </a:lnTo>
                  <a:lnTo>
                    <a:pt x="11533" y="14728"/>
                  </a:lnTo>
                  <a:lnTo>
                    <a:pt x="11440" y="14265"/>
                  </a:lnTo>
                  <a:lnTo>
                    <a:pt x="11301" y="13755"/>
                  </a:lnTo>
                  <a:lnTo>
                    <a:pt x="11162" y="13339"/>
                  </a:lnTo>
                  <a:lnTo>
                    <a:pt x="10977" y="12876"/>
                  </a:lnTo>
                  <a:lnTo>
                    <a:pt x="10884" y="12783"/>
                  </a:lnTo>
                  <a:lnTo>
                    <a:pt x="10792" y="12690"/>
                  </a:lnTo>
                  <a:lnTo>
                    <a:pt x="10653" y="12644"/>
                  </a:lnTo>
                  <a:lnTo>
                    <a:pt x="10560" y="12690"/>
                  </a:lnTo>
                  <a:lnTo>
                    <a:pt x="10421" y="12690"/>
                  </a:lnTo>
                  <a:lnTo>
                    <a:pt x="10328" y="12783"/>
                  </a:lnTo>
                  <a:lnTo>
                    <a:pt x="10236" y="12876"/>
                  </a:lnTo>
                  <a:lnTo>
                    <a:pt x="10189" y="12968"/>
                  </a:lnTo>
                  <a:lnTo>
                    <a:pt x="10004" y="13524"/>
                  </a:lnTo>
                  <a:lnTo>
                    <a:pt x="9912" y="14033"/>
                  </a:lnTo>
                  <a:lnTo>
                    <a:pt x="9726" y="15099"/>
                  </a:lnTo>
                  <a:lnTo>
                    <a:pt x="9448" y="17229"/>
                  </a:lnTo>
                  <a:lnTo>
                    <a:pt x="9263" y="18433"/>
                  </a:lnTo>
                  <a:lnTo>
                    <a:pt x="9078" y="19128"/>
                  </a:lnTo>
                  <a:lnTo>
                    <a:pt x="8846" y="19822"/>
                  </a:lnTo>
                  <a:lnTo>
                    <a:pt x="8707" y="20054"/>
                  </a:lnTo>
                  <a:lnTo>
                    <a:pt x="8569" y="20286"/>
                  </a:lnTo>
                  <a:lnTo>
                    <a:pt x="8383" y="20471"/>
                  </a:lnTo>
                  <a:lnTo>
                    <a:pt x="8198" y="20610"/>
                  </a:lnTo>
                  <a:lnTo>
                    <a:pt x="7920" y="20702"/>
                  </a:lnTo>
                  <a:lnTo>
                    <a:pt x="7689" y="20749"/>
                  </a:lnTo>
                  <a:lnTo>
                    <a:pt x="7364" y="20749"/>
                  </a:lnTo>
                  <a:lnTo>
                    <a:pt x="6994" y="20702"/>
                  </a:lnTo>
                  <a:lnTo>
                    <a:pt x="6855" y="20656"/>
                  </a:lnTo>
                  <a:lnTo>
                    <a:pt x="6809" y="18850"/>
                  </a:lnTo>
                  <a:lnTo>
                    <a:pt x="6809" y="17877"/>
                  </a:lnTo>
                  <a:lnTo>
                    <a:pt x="7225" y="17831"/>
                  </a:lnTo>
                  <a:lnTo>
                    <a:pt x="7550" y="17738"/>
                  </a:lnTo>
                  <a:lnTo>
                    <a:pt x="7874" y="17599"/>
                  </a:lnTo>
                  <a:lnTo>
                    <a:pt x="8105" y="17414"/>
                  </a:lnTo>
                  <a:lnTo>
                    <a:pt x="8337" y="17229"/>
                  </a:lnTo>
                  <a:lnTo>
                    <a:pt x="8476" y="17044"/>
                  </a:lnTo>
                  <a:lnTo>
                    <a:pt x="8615" y="16812"/>
                  </a:lnTo>
                  <a:lnTo>
                    <a:pt x="8754" y="16534"/>
                  </a:lnTo>
                  <a:lnTo>
                    <a:pt x="8893" y="16349"/>
                  </a:lnTo>
                  <a:lnTo>
                    <a:pt x="9032" y="16117"/>
                  </a:lnTo>
                  <a:lnTo>
                    <a:pt x="9217" y="15562"/>
                  </a:lnTo>
                  <a:lnTo>
                    <a:pt x="9356" y="15006"/>
                  </a:lnTo>
                  <a:lnTo>
                    <a:pt x="9402" y="14404"/>
                  </a:lnTo>
                  <a:lnTo>
                    <a:pt x="9448" y="13061"/>
                  </a:lnTo>
                  <a:lnTo>
                    <a:pt x="9819" y="11394"/>
                  </a:lnTo>
                  <a:lnTo>
                    <a:pt x="9912" y="10560"/>
                  </a:lnTo>
                  <a:lnTo>
                    <a:pt x="10004" y="9726"/>
                  </a:lnTo>
                  <a:lnTo>
                    <a:pt x="10004" y="8893"/>
                  </a:lnTo>
                  <a:lnTo>
                    <a:pt x="9912" y="8059"/>
                  </a:lnTo>
                  <a:lnTo>
                    <a:pt x="9819" y="7642"/>
                  </a:lnTo>
                  <a:lnTo>
                    <a:pt x="9726" y="7225"/>
                  </a:lnTo>
                  <a:lnTo>
                    <a:pt x="9541" y="6809"/>
                  </a:lnTo>
                  <a:lnTo>
                    <a:pt x="9356" y="6392"/>
                  </a:lnTo>
                  <a:lnTo>
                    <a:pt x="9263" y="6299"/>
                  </a:lnTo>
                  <a:lnTo>
                    <a:pt x="9171" y="6207"/>
                  </a:lnTo>
                  <a:lnTo>
                    <a:pt x="8939" y="6207"/>
                  </a:lnTo>
                  <a:lnTo>
                    <a:pt x="8846" y="6253"/>
                  </a:lnTo>
                  <a:lnTo>
                    <a:pt x="8707" y="6299"/>
                  </a:lnTo>
                  <a:lnTo>
                    <a:pt x="8661" y="6392"/>
                  </a:lnTo>
                  <a:lnTo>
                    <a:pt x="8569" y="6531"/>
                  </a:lnTo>
                  <a:lnTo>
                    <a:pt x="8383" y="7179"/>
                  </a:lnTo>
                  <a:lnTo>
                    <a:pt x="8198" y="7920"/>
                  </a:lnTo>
                  <a:lnTo>
                    <a:pt x="8059" y="8661"/>
                  </a:lnTo>
                  <a:lnTo>
                    <a:pt x="7966" y="9448"/>
                  </a:lnTo>
                  <a:lnTo>
                    <a:pt x="7828" y="10977"/>
                  </a:lnTo>
                  <a:lnTo>
                    <a:pt x="7735" y="12459"/>
                  </a:lnTo>
                  <a:lnTo>
                    <a:pt x="7689" y="13014"/>
                  </a:lnTo>
                  <a:lnTo>
                    <a:pt x="7735" y="13570"/>
                  </a:lnTo>
                  <a:lnTo>
                    <a:pt x="7735" y="14126"/>
                  </a:lnTo>
                  <a:lnTo>
                    <a:pt x="7735" y="14404"/>
                  </a:lnTo>
                  <a:lnTo>
                    <a:pt x="7689" y="14682"/>
                  </a:lnTo>
                  <a:lnTo>
                    <a:pt x="7550" y="15099"/>
                  </a:lnTo>
                  <a:lnTo>
                    <a:pt x="7318" y="15423"/>
                  </a:lnTo>
                  <a:lnTo>
                    <a:pt x="7087" y="15654"/>
                  </a:lnTo>
                  <a:lnTo>
                    <a:pt x="6809" y="15886"/>
                  </a:lnTo>
                  <a:lnTo>
                    <a:pt x="6809" y="12551"/>
                  </a:lnTo>
                  <a:lnTo>
                    <a:pt x="6855" y="9263"/>
                  </a:lnTo>
                  <a:lnTo>
                    <a:pt x="6948" y="6670"/>
                  </a:lnTo>
                  <a:lnTo>
                    <a:pt x="7087" y="4076"/>
                  </a:lnTo>
                  <a:lnTo>
                    <a:pt x="7133" y="3057"/>
                  </a:lnTo>
                  <a:lnTo>
                    <a:pt x="7179" y="2548"/>
                  </a:lnTo>
                  <a:lnTo>
                    <a:pt x="7133" y="2038"/>
                  </a:lnTo>
                  <a:lnTo>
                    <a:pt x="7087" y="1529"/>
                  </a:lnTo>
                  <a:lnTo>
                    <a:pt x="6994" y="1066"/>
                  </a:lnTo>
                  <a:lnTo>
                    <a:pt x="6809" y="603"/>
                  </a:lnTo>
                  <a:lnTo>
                    <a:pt x="6531" y="140"/>
                  </a:lnTo>
                  <a:lnTo>
                    <a:pt x="6438" y="47"/>
                  </a:lnTo>
                  <a:lnTo>
                    <a:pt x="6253" y="1"/>
                  </a:lnTo>
                  <a:close/>
                </a:path>
              </a:pathLst>
            </a:cu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grpSp>
        <p:nvGrpSpPr>
          <p:cNvPr id="274" name="Google Shape;274;p19"/>
          <p:cNvGrpSpPr/>
          <p:nvPr/>
        </p:nvGrpSpPr>
        <p:grpSpPr>
          <a:xfrm flipH="1">
            <a:off x="-56" y="10417685"/>
            <a:ext cx="20320000" cy="1123976"/>
            <a:chOff x="-37" y="4134602"/>
            <a:chExt cx="9144000" cy="973232"/>
          </a:xfrm>
        </p:grpSpPr>
        <p:sp>
          <p:nvSpPr>
            <p:cNvPr id="275" name="Google Shape;275;p19"/>
            <p:cNvSpPr/>
            <p:nvPr/>
          </p:nvSpPr>
          <p:spPr>
            <a:xfrm>
              <a:off x="-37" y="4170349"/>
              <a:ext cx="9144000" cy="937485"/>
            </a:xfrm>
            <a:custGeom>
              <a:avLst/>
              <a:gdLst/>
              <a:ahLst/>
              <a:cxnLst/>
              <a:rect l="l" t="t" r="r" b="b"/>
              <a:pathLst>
                <a:path w="285750" h="81326" extrusionOk="0">
                  <a:moveTo>
                    <a:pt x="84150" y="1"/>
                  </a:moveTo>
                  <a:lnTo>
                    <a:pt x="83270" y="47"/>
                  </a:lnTo>
                  <a:lnTo>
                    <a:pt x="82437" y="186"/>
                  </a:lnTo>
                  <a:lnTo>
                    <a:pt x="80723" y="464"/>
                  </a:lnTo>
                  <a:lnTo>
                    <a:pt x="78917" y="835"/>
                  </a:lnTo>
                  <a:lnTo>
                    <a:pt x="77111" y="1205"/>
                  </a:lnTo>
                  <a:lnTo>
                    <a:pt x="75258" y="1668"/>
                  </a:lnTo>
                  <a:lnTo>
                    <a:pt x="73359" y="2178"/>
                  </a:lnTo>
                  <a:lnTo>
                    <a:pt x="71414" y="2687"/>
                  </a:lnTo>
                  <a:lnTo>
                    <a:pt x="67478" y="3845"/>
                  </a:lnTo>
                  <a:lnTo>
                    <a:pt x="63402" y="5095"/>
                  </a:lnTo>
                  <a:lnTo>
                    <a:pt x="59280" y="6438"/>
                  </a:lnTo>
                  <a:lnTo>
                    <a:pt x="51037" y="9217"/>
                  </a:lnTo>
                  <a:lnTo>
                    <a:pt x="46961" y="10606"/>
                  </a:lnTo>
                  <a:lnTo>
                    <a:pt x="42932" y="11950"/>
                  </a:lnTo>
                  <a:lnTo>
                    <a:pt x="39042" y="13154"/>
                  </a:lnTo>
                  <a:lnTo>
                    <a:pt x="35290" y="14265"/>
                  </a:lnTo>
                  <a:lnTo>
                    <a:pt x="33484" y="14775"/>
                  </a:lnTo>
                  <a:lnTo>
                    <a:pt x="31724" y="15238"/>
                  </a:lnTo>
                  <a:lnTo>
                    <a:pt x="30011" y="15655"/>
                  </a:lnTo>
                  <a:lnTo>
                    <a:pt x="28390" y="16025"/>
                  </a:lnTo>
                  <a:lnTo>
                    <a:pt x="26815" y="16349"/>
                  </a:lnTo>
                  <a:lnTo>
                    <a:pt x="25287" y="16627"/>
                  </a:lnTo>
                  <a:lnTo>
                    <a:pt x="23851" y="16812"/>
                  </a:lnTo>
                  <a:lnTo>
                    <a:pt x="22462" y="16951"/>
                  </a:lnTo>
                  <a:lnTo>
                    <a:pt x="19868" y="17183"/>
                  </a:lnTo>
                  <a:lnTo>
                    <a:pt x="17414" y="17368"/>
                  </a:lnTo>
                  <a:lnTo>
                    <a:pt x="15098" y="17646"/>
                  </a:lnTo>
                  <a:lnTo>
                    <a:pt x="12921" y="17878"/>
                  </a:lnTo>
                  <a:lnTo>
                    <a:pt x="9077" y="18433"/>
                  </a:lnTo>
                  <a:lnTo>
                    <a:pt x="5882" y="18896"/>
                  </a:lnTo>
                  <a:lnTo>
                    <a:pt x="3335" y="19360"/>
                  </a:lnTo>
                  <a:lnTo>
                    <a:pt x="1528" y="19730"/>
                  </a:lnTo>
                  <a:lnTo>
                    <a:pt x="0" y="20101"/>
                  </a:lnTo>
                  <a:lnTo>
                    <a:pt x="0" y="81325"/>
                  </a:lnTo>
                  <a:lnTo>
                    <a:pt x="285750" y="81325"/>
                  </a:lnTo>
                  <a:lnTo>
                    <a:pt x="285750" y="16951"/>
                  </a:lnTo>
                  <a:lnTo>
                    <a:pt x="281906" y="16396"/>
                  </a:lnTo>
                  <a:lnTo>
                    <a:pt x="277460" y="15793"/>
                  </a:lnTo>
                  <a:lnTo>
                    <a:pt x="271578" y="15006"/>
                  </a:lnTo>
                  <a:lnTo>
                    <a:pt x="264492" y="14173"/>
                  </a:lnTo>
                  <a:lnTo>
                    <a:pt x="256388" y="13339"/>
                  </a:lnTo>
                  <a:lnTo>
                    <a:pt x="252034" y="12922"/>
                  </a:lnTo>
                  <a:lnTo>
                    <a:pt x="247496" y="12505"/>
                  </a:lnTo>
                  <a:lnTo>
                    <a:pt x="242818" y="12135"/>
                  </a:lnTo>
                  <a:lnTo>
                    <a:pt x="238002" y="11811"/>
                  </a:lnTo>
                  <a:lnTo>
                    <a:pt x="233139" y="11486"/>
                  </a:lnTo>
                  <a:lnTo>
                    <a:pt x="228137" y="11255"/>
                  </a:lnTo>
                  <a:lnTo>
                    <a:pt x="223135" y="11023"/>
                  </a:lnTo>
                  <a:lnTo>
                    <a:pt x="218133" y="10931"/>
                  </a:lnTo>
                  <a:lnTo>
                    <a:pt x="213132" y="10838"/>
                  </a:lnTo>
                  <a:lnTo>
                    <a:pt x="208130" y="10838"/>
                  </a:lnTo>
                  <a:lnTo>
                    <a:pt x="203221" y="10977"/>
                  </a:lnTo>
                  <a:lnTo>
                    <a:pt x="198404" y="11162"/>
                  </a:lnTo>
                  <a:lnTo>
                    <a:pt x="196042" y="11301"/>
                  </a:lnTo>
                  <a:lnTo>
                    <a:pt x="193680" y="11440"/>
                  </a:lnTo>
                  <a:lnTo>
                    <a:pt x="191365" y="11625"/>
                  </a:lnTo>
                  <a:lnTo>
                    <a:pt x="189141" y="11857"/>
                  </a:lnTo>
                  <a:lnTo>
                    <a:pt x="186918" y="12088"/>
                  </a:lnTo>
                  <a:lnTo>
                    <a:pt x="184695" y="12366"/>
                  </a:lnTo>
                  <a:lnTo>
                    <a:pt x="182565" y="12691"/>
                  </a:lnTo>
                  <a:lnTo>
                    <a:pt x="180527" y="13015"/>
                  </a:lnTo>
                  <a:lnTo>
                    <a:pt x="178490" y="13385"/>
                  </a:lnTo>
                  <a:lnTo>
                    <a:pt x="176498" y="13756"/>
                  </a:lnTo>
                  <a:lnTo>
                    <a:pt x="174599" y="14219"/>
                  </a:lnTo>
                  <a:lnTo>
                    <a:pt x="172747" y="14682"/>
                  </a:lnTo>
                  <a:lnTo>
                    <a:pt x="170987" y="15191"/>
                  </a:lnTo>
                  <a:lnTo>
                    <a:pt x="169273" y="15747"/>
                  </a:lnTo>
                  <a:lnTo>
                    <a:pt x="167652" y="16349"/>
                  </a:lnTo>
                  <a:lnTo>
                    <a:pt x="166124" y="16951"/>
                  </a:lnTo>
                  <a:lnTo>
                    <a:pt x="164596" y="17553"/>
                  </a:lnTo>
                  <a:lnTo>
                    <a:pt x="163114" y="18109"/>
                  </a:lnTo>
                  <a:lnTo>
                    <a:pt x="161585" y="18572"/>
                  </a:lnTo>
                  <a:lnTo>
                    <a:pt x="160057" y="18989"/>
                  </a:lnTo>
                  <a:lnTo>
                    <a:pt x="158529" y="19360"/>
                  </a:lnTo>
                  <a:lnTo>
                    <a:pt x="157047" y="19637"/>
                  </a:lnTo>
                  <a:lnTo>
                    <a:pt x="155518" y="19869"/>
                  </a:lnTo>
                  <a:lnTo>
                    <a:pt x="153990" y="20054"/>
                  </a:lnTo>
                  <a:lnTo>
                    <a:pt x="152508" y="20193"/>
                  </a:lnTo>
                  <a:lnTo>
                    <a:pt x="150980" y="20286"/>
                  </a:lnTo>
                  <a:lnTo>
                    <a:pt x="147969" y="20286"/>
                  </a:lnTo>
                  <a:lnTo>
                    <a:pt x="146487" y="20193"/>
                  </a:lnTo>
                  <a:lnTo>
                    <a:pt x="144959" y="20101"/>
                  </a:lnTo>
                  <a:lnTo>
                    <a:pt x="143477" y="19915"/>
                  </a:lnTo>
                  <a:lnTo>
                    <a:pt x="141995" y="19730"/>
                  </a:lnTo>
                  <a:lnTo>
                    <a:pt x="140513" y="19498"/>
                  </a:lnTo>
                  <a:lnTo>
                    <a:pt x="139031" y="19221"/>
                  </a:lnTo>
                  <a:lnTo>
                    <a:pt x="137549" y="18896"/>
                  </a:lnTo>
                  <a:lnTo>
                    <a:pt x="136067" y="18572"/>
                  </a:lnTo>
                  <a:lnTo>
                    <a:pt x="134585" y="18202"/>
                  </a:lnTo>
                  <a:lnTo>
                    <a:pt x="133149" y="17831"/>
                  </a:lnTo>
                  <a:lnTo>
                    <a:pt x="130232" y="16951"/>
                  </a:lnTo>
                  <a:lnTo>
                    <a:pt x="127360" y="15979"/>
                  </a:lnTo>
                  <a:lnTo>
                    <a:pt x="124535" y="14914"/>
                  </a:lnTo>
                  <a:lnTo>
                    <a:pt x="121710" y="13802"/>
                  </a:lnTo>
                  <a:lnTo>
                    <a:pt x="118931" y="12644"/>
                  </a:lnTo>
                  <a:lnTo>
                    <a:pt x="116245" y="11440"/>
                  </a:lnTo>
                  <a:lnTo>
                    <a:pt x="113559" y="10236"/>
                  </a:lnTo>
                  <a:lnTo>
                    <a:pt x="108326" y="7874"/>
                  </a:lnTo>
                  <a:lnTo>
                    <a:pt x="103324" y="5558"/>
                  </a:lnTo>
                  <a:lnTo>
                    <a:pt x="100916" y="4493"/>
                  </a:lnTo>
                  <a:lnTo>
                    <a:pt x="98554" y="3521"/>
                  </a:lnTo>
                  <a:lnTo>
                    <a:pt x="96284" y="2641"/>
                  </a:lnTo>
                  <a:lnTo>
                    <a:pt x="94061" y="1853"/>
                  </a:lnTo>
                  <a:lnTo>
                    <a:pt x="91931" y="1159"/>
                  </a:lnTo>
                  <a:lnTo>
                    <a:pt x="90912" y="881"/>
                  </a:lnTo>
                  <a:lnTo>
                    <a:pt x="89893" y="649"/>
                  </a:lnTo>
                  <a:lnTo>
                    <a:pt x="88874" y="418"/>
                  </a:lnTo>
                  <a:lnTo>
                    <a:pt x="87902" y="279"/>
                  </a:lnTo>
                  <a:lnTo>
                    <a:pt x="86929" y="140"/>
                  </a:lnTo>
                  <a:lnTo>
                    <a:pt x="86003" y="47"/>
                  </a:lnTo>
                  <a:lnTo>
                    <a:pt x="85077" y="1"/>
                  </a:lnTo>
                  <a:close/>
                </a:path>
              </a:pathLst>
            </a:cu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276" name="Google Shape;276;p19"/>
            <p:cNvSpPr/>
            <p:nvPr/>
          </p:nvSpPr>
          <p:spPr>
            <a:xfrm>
              <a:off x="0" y="4134602"/>
              <a:ext cx="9143916" cy="937442"/>
            </a:xfrm>
            <a:custGeom>
              <a:avLst/>
              <a:gdLst/>
              <a:ahLst/>
              <a:cxnLst/>
              <a:rect l="l" t="t" r="r" b="b"/>
              <a:pathLst>
                <a:path w="285057" h="22555" extrusionOk="0">
                  <a:moveTo>
                    <a:pt x="1" y="0"/>
                  </a:moveTo>
                  <a:lnTo>
                    <a:pt x="1" y="22554"/>
                  </a:lnTo>
                  <a:lnTo>
                    <a:pt x="285056" y="22554"/>
                  </a:lnTo>
                  <a:lnTo>
                    <a:pt x="285056" y="16904"/>
                  </a:lnTo>
                  <a:lnTo>
                    <a:pt x="281860" y="16673"/>
                  </a:lnTo>
                  <a:lnTo>
                    <a:pt x="273246" y="16117"/>
                  </a:lnTo>
                  <a:lnTo>
                    <a:pt x="267365" y="15654"/>
                  </a:lnTo>
                  <a:lnTo>
                    <a:pt x="260695" y="15144"/>
                  </a:lnTo>
                  <a:lnTo>
                    <a:pt x="253424" y="14496"/>
                  </a:lnTo>
                  <a:lnTo>
                    <a:pt x="245736" y="13801"/>
                  </a:lnTo>
                  <a:lnTo>
                    <a:pt x="237771" y="12968"/>
                  </a:lnTo>
                  <a:lnTo>
                    <a:pt x="229759" y="12088"/>
                  </a:lnTo>
                  <a:lnTo>
                    <a:pt x="225822" y="11625"/>
                  </a:lnTo>
                  <a:lnTo>
                    <a:pt x="221885" y="11115"/>
                  </a:lnTo>
                  <a:lnTo>
                    <a:pt x="218088" y="10606"/>
                  </a:lnTo>
                  <a:lnTo>
                    <a:pt x="214336" y="10050"/>
                  </a:lnTo>
                  <a:lnTo>
                    <a:pt x="210770" y="9494"/>
                  </a:lnTo>
                  <a:lnTo>
                    <a:pt x="207297" y="8892"/>
                  </a:lnTo>
                  <a:lnTo>
                    <a:pt x="204009" y="8290"/>
                  </a:lnTo>
                  <a:lnTo>
                    <a:pt x="200952" y="7688"/>
                  </a:lnTo>
                  <a:lnTo>
                    <a:pt x="198081" y="7040"/>
                  </a:lnTo>
                  <a:lnTo>
                    <a:pt x="195441" y="6391"/>
                  </a:lnTo>
                  <a:lnTo>
                    <a:pt x="193079" y="5697"/>
                  </a:lnTo>
                  <a:lnTo>
                    <a:pt x="192014" y="5326"/>
                  </a:lnTo>
                  <a:lnTo>
                    <a:pt x="190995" y="5002"/>
                  </a:lnTo>
                  <a:lnTo>
                    <a:pt x="190022" y="4632"/>
                  </a:lnTo>
                  <a:lnTo>
                    <a:pt x="189096" y="4354"/>
                  </a:lnTo>
                  <a:lnTo>
                    <a:pt x="188123" y="4030"/>
                  </a:lnTo>
                  <a:lnTo>
                    <a:pt x="187151" y="3798"/>
                  </a:lnTo>
                  <a:lnTo>
                    <a:pt x="186132" y="3566"/>
                  </a:lnTo>
                  <a:lnTo>
                    <a:pt x="185159" y="3381"/>
                  </a:lnTo>
                  <a:lnTo>
                    <a:pt x="183214" y="3057"/>
                  </a:lnTo>
                  <a:lnTo>
                    <a:pt x="181223" y="2872"/>
                  </a:lnTo>
                  <a:lnTo>
                    <a:pt x="179231" y="2733"/>
                  </a:lnTo>
                  <a:lnTo>
                    <a:pt x="177193" y="2733"/>
                  </a:lnTo>
                  <a:lnTo>
                    <a:pt x="175156" y="2779"/>
                  </a:lnTo>
                  <a:lnTo>
                    <a:pt x="173118" y="2918"/>
                  </a:lnTo>
                  <a:lnTo>
                    <a:pt x="171034" y="3103"/>
                  </a:lnTo>
                  <a:lnTo>
                    <a:pt x="168996" y="3381"/>
                  </a:lnTo>
                  <a:lnTo>
                    <a:pt x="166866" y="3705"/>
                  </a:lnTo>
                  <a:lnTo>
                    <a:pt x="164735" y="4076"/>
                  </a:lnTo>
                  <a:lnTo>
                    <a:pt x="162605" y="4493"/>
                  </a:lnTo>
                  <a:lnTo>
                    <a:pt x="160475" y="4956"/>
                  </a:lnTo>
                  <a:lnTo>
                    <a:pt x="158298" y="5465"/>
                  </a:lnTo>
                  <a:lnTo>
                    <a:pt x="153852" y="6484"/>
                  </a:lnTo>
                  <a:lnTo>
                    <a:pt x="149359" y="7596"/>
                  </a:lnTo>
                  <a:lnTo>
                    <a:pt x="144775" y="8707"/>
                  </a:lnTo>
                  <a:lnTo>
                    <a:pt x="140097" y="9772"/>
                  </a:lnTo>
                  <a:lnTo>
                    <a:pt x="137735" y="10282"/>
                  </a:lnTo>
                  <a:lnTo>
                    <a:pt x="135327" y="10745"/>
                  </a:lnTo>
                  <a:lnTo>
                    <a:pt x="132918" y="11162"/>
                  </a:lnTo>
                  <a:lnTo>
                    <a:pt x="130464" y="11532"/>
                  </a:lnTo>
                  <a:lnTo>
                    <a:pt x="127963" y="11903"/>
                  </a:lnTo>
                  <a:lnTo>
                    <a:pt x="125462" y="12180"/>
                  </a:lnTo>
                  <a:lnTo>
                    <a:pt x="122961" y="12366"/>
                  </a:lnTo>
                  <a:lnTo>
                    <a:pt x="120414" y="12505"/>
                  </a:lnTo>
                  <a:lnTo>
                    <a:pt x="117635" y="12597"/>
                  </a:lnTo>
                  <a:lnTo>
                    <a:pt x="114532" y="12597"/>
                  </a:lnTo>
                  <a:lnTo>
                    <a:pt x="111105" y="12505"/>
                  </a:lnTo>
                  <a:lnTo>
                    <a:pt x="107354" y="12319"/>
                  </a:lnTo>
                  <a:lnTo>
                    <a:pt x="103371" y="12088"/>
                  </a:lnTo>
                  <a:lnTo>
                    <a:pt x="99110" y="11810"/>
                  </a:lnTo>
                  <a:lnTo>
                    <a:pt x="94664" y="11486"/>
                  </a:lnTo>
                  <a:lnTo>
                    <a:pt x="90033" y="11069"/>
                  </a:lnTo>
                  <a:lnTo>
                    <a:pt x="85263" y="10606"/>
                  </a:lnTo>
                  <a:lnTo>
                    <a:pt x="80353" y="10143"/>
                  </a:lnTo>
                  <a:lnTo>
                    <a:pt x="70257" y="9078"/>
                  </a:lnTo>
                  <a:lnTo>
                    <a:pt x="60068" y="7920"/>
                  </a:lnTo>
                  <a:lnTo>
                    <a:pt x="49926" y="6716"/>
                  </a:lnTo>
                  <a:lnTo>
                    <a:pt x="40108" y="5465"/>
                  </a:lnTo>
                  <a:lnTo>
                    <a:pt x="30891" y="4261"/>
                  </a:lnTo>
                  <a:lnTo>
                    <a:pt x="22416" y="3150"/>
                  </a:lnTo>
                  <a:lnTo>
                    <a:pt x="14960" y="2131"/>
                  </a:lnTo>
                  <a:lnTo>
                    <a:pt x="4076" y="602"/>
                  </a:lnTo>
                  <a:lnTo>
                    <a:pt x="1" y="0"/>
                  </a:lnTo>
                  <a:close/>
                </a:path>
              </a:pathLst>
            </a:custGeom>
            <a:solidFill>
              <a:schemeClr val="l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Tree>
    <p:extLst>
      <p:ext uri="{BB962C8B-B14F-4D97-AF65-F5344CB8AC3E}">
        <p14:creationId xmlns:p14="http://schemas.microsoft.com/office/powerpoint/2010/main" val="967956786"/>
      </p:ext>
    </p:extLst>
  </p:cSld>
  <p:clrMapOvr>
    <a:masterClrMapping/>
  </p:clrMapOvr>
</p:sldLayout>
</file>

<file path=ppt/slideLayouts/slideLayout102.xml><?xml version="1.0" encoding="utf-8"?>
<p:sldLayout xmlns:a="http://schemas.openxmlformats.org/drawingml/2006/main" xmlns:r="http://schemas.openxmlformats.org/officeDocument/2006/relationships" xmlns:p="http://schemas.openxmlformats.org/presentationml/2006/main" matchingName="Title and text">
  <p:cSld name="Title and text">
    <p:spTree>
      <p:nvGrpSpPr>
        <p:cNvPr id="1" name="Shape 277"/>
        <p:cNvGrpSpPr/>
        <p:nvPr/>
      </p:nvGrpSpPr>
      <p:grpSpPr>
        <a:xfrm>
          <a:off x="0" y="0"/>
          <a:ext cx="0" cy="0"/>
          <a:chOff x="0" y="0"/>
          <a:chExt cx="0" cy="0"/>
        </a:xfrm>
      </p:grpSpPr>
      <p:pic>
        <p:nvPicPr>
          <p:cNvPr id="278" name="Google Shape;278;p20"/>
          <p:cNvPicPr preferRelativeResize="0"/>
          <p:nvPr/>
        </p:nvPicPr>
        <p:blipFill rotWithShape="1">
          <a:blip r:embed="rId2">
            <a:alphaModFix amt="58999"/>
          </a:blip>
          <a:srcRect/>
          <a:stretch/>
        </p:blipFill>
        <p:spPr>
          <a:xfrm>
            <a:off x="0" y="0"/>
            <a:ext cx="20320000" cy="11430000"/>
          </a:xfrm>
          <a:prstGeom prst="rect">
            <a:avLst/>
          </a:prstGeom>
          <a:noFill/>
          <a:ln>
            <a:noFill/>
          </a:ln>
        </p:spPr>
      </p:pic>
      <p:grpSp>
        <p:nvGrpSpPr>
          <p:cNvPr id="279" name="Google Shape;279;p20"/>
          <p:cNvGrpSpPr/>
          <p:nvPr/>
        </p:nvGrpSpPr>
        <p:grpSpPr>
          <a:xfrm>
            <a:off x="921445" y="681333"/>
            <a:ext cx="18477111" cy="481333"/>
            <a:chOff x="414650" y="306600"/>
            <a:chExt cx="8314700" cy="216600"/>
          </a:xfrm>
        </p:grpSpPr>
        <p:grpSp>
          <p:nvGrpSpPr>
            <p:cNvPr id="280" name="Google Shape;280;p20"/>
            <p:cNvGrpSpPr/>
            <p:nvPr/>
          </p:nvGrpSpPr>
          <p:grpSpPr>
            <a:xfrm>
              <a:off x="713281" y="389286"/>
              <a:ext cx="7717437" cy="51251"/>
              <a:chOff x="450050" y="465475"/>
              <a:chExt cx="8367600" cy="51241"/>
            </a:xfrm>
          </p:grpSpPr>
          <p:cxnSp>
            <p:nvCxnSpPr>
              <p:cNvPr id="281" name="Google Shape;281;p20"/>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282" name="Google Shape;282;p20"/>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283" name="Google Shape;283;p20"/>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284" name="Google Shape;284;p20"/>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285" name="Google Shape;285;p20"/>
          <p:cNvSpPr txBox="1">
            <a:spLocks noGrp="1"/>
          </p:cNvSpPr>
          <p:nvPr>
            <p:ph type="title"/>
          </p:nvPr>
        </p:nvSpPr>
        <p:spPr>
          <a:xfrm>
            <a:off x="1600000" y="3517055"/>
            <a:ext cx="9451333" cy="2480667"/>
          </a:xfrm>
          <a:prstGeom prst="rect">
            <a:avLst/>
          </a:prstGeom>
        </p:spPr>
        <p:txBody>
          <a:bodyPr spcFirstLastPara="1" wrap="square" lIns="91425" tIns="91425" rIns="91425" bIns="91425" anchor="b" anchorCtr="0">
            <a:noAutofit/>
          </a:bodyPr>
          <a:lstStyle>
            <a:lvl1pPr lvl="0" algn="l" rtl="0">
              <a:spcBef>
                <a:spcPts val="0"/>
              </a:spcBef>
              <a:spcAft>
                <a:spcPts val="0"/>
              </a:spcAft>
              <a:buSzPts val="3500"/>
              <a:buNone/>
              <a:defRPr/>
            </a:lvl1pPr>
            <a:lvl2pPr lvl="1" rtl="0">
              <a:spcBef>
                <a:spcPts val="0"/>
              </a:spcBef>
              <a:spcAft>
                <a:spcPts val="0"/>
              </a:spcAft>
              <a:buSzPts val="3500"/>
              <a:buNone/>
              <a:defRPr/>
            </a:lvl2pPr>
            <a:lvl3pPr lvl="2" rtl="0">
              <a:spcBef>
                <a:spcPts val="0"/>
              </a:spcBef>
              <a:spcAft>
                <a:spcPts val="0"/>
              </a:spcAft>
              <a:buSzPts val="3500"/>
              <a:buNone/>
              <a:defRPr/>
            </a:lvl3pPr>
            <a:lvl4pPr lvl="3" rtl="0">
              <a:spcBef>
                <a:spcPts val="0"/>
              </a:spcBef>
              <a:spcAft>
                <a:spcPts val="0"/>
              </a:spcAft>
              <a:buSzPts val="3500"/>
              <a:buNone/>
              <a:defRPr/>
            </a:lvl4pPr>
            <a:lvl5pPr lvl="4" rtl="0">
              <a:spcBef>
                <a:spcPts val="0"/>
              </a:spcBef>
              <a:spcAft>
                <a:spcPts val="0"/>
              </a:spcAft>
              <a:buSzPts val="3500"/>
              <a:buNone/>
              <a:defRPr/>
            </a:lvl5pPr>
            <a:lvl6pPr lvl="5" rtl="0">
              <a:spcBef>
                <a:spcPts val="0"/>
              </a:spcBef>
              <a:spcAft>
                <a:spcPts val="0"/>
              </a:spcAft>
              <a:buSzPts val="3500"/>
              <a:buNone/>
              <a:defRPr/>
            </a:lvl6pPr>
            <a:lvl7pPr lvl="6" rtl="0">
              <a:spcBef>
                <a:spcPts val="0"/>
              </a:spcBef>
              <a:spcAft>
                <a:spcPts val="0"/>
              </a:spcAft>
              <a:buSzPts val="3500"/>
              <a:buNone/>
              <a:defRPr/>
            </a:lvl7pPr>
            <a:lvl8pPr lvl="7" rtl="0">
              <a:spcBef>
                <a:spcPts val="0"/>
              </a:spcBef>
              <a:spcAft>
                <a:spcPts val="0"/>
              </a:spcAft>
              <a:buSzPts val="3500"/>
              <a:buNone/>
              <a:defRPr/>
            </a:lvl8pPr>
            <a:lvl9pPr lvl="8" rtl="0">
              <a:spcBef>
                <a:spcPts val="0"/>
              </a:spcBef>
              <a:spcAft>
                <a:spcPts val="0"/>
              </a:spcAft>
              <a:buSzPts val="3500"/>
              <a:buNone/>
              <a:defRPr/>
            </a:lvl9pPr>
          </a:lstStyle>
          <a:p>
            <a:endParaRPr/>
          </a:p>
        </p:txBody>
      </p:sp>
      <p:sp>
        <p:nvSpPr>
          <p:cNvPr id="286" name="Google Shape;286;p20"/>
          <p:cNvSpPr txBox="1">
            <a:spLocks noGrp="1"/>
          </p:cNvSpPr>
          <p:nvPr>
            <p:ph type="subTitle" idx="1"/>
          </p:nvPr>
        </p:nvSpPr>
        <p:spPr>
          <a:xfrm>
            <a:off x="1600000" y="5997667"/>
            <a:ext cx="9451333" cy="1915333"/>
          </a:xfrm>
          <a:prstGeom prst="rect">
            <a:avLst/>
          </a:prstGeom>
        </p:spPr>
        <p:txBody>
          <a:bodyPr spcFirstLastPara="1" wrap="square" lIns="91425" tIns="91425" rIns="91425" bIns="91425" anchor="t" anchorCtr="0">
            <a:noAutofit/>
          </a:bodyPr>
          <a:lstStyle>
            <a:lvl1pPr lvl="0" rtl="0">
              <a:lnSpc>
                <a:spcPct val="100000"/>
              </a:lnSpc>
              <a:spcBef>
                <a:spcPts val="0"/>
              </a:spcBef>
              <a:spcAft>
                <a:spcPts val="0"/>
              </a:spcAft>
              <a:buSzPts val="1400"/>
              <a:buNone/>
              <a:defRPr/>
            </a:lvl1pPr>
            <a:lvl2pPr lvl="1" algn="ctr" rtl="0">
              <a:lnSpc>
                <a:spcPct val="100000"/>
              </a:lnSpc>
              <a:spcBef>
                <a:spcPts val="0"/>
              </a:spcBef>
              <a:spcAft>
                <a:spcPts val="0"/>
              </a:spcAft>
              <a:buSzPts val="1400"/>
              <a:buNone/>
              <a:defRPr/>
            </a:lvl2pPr>
            <a:lvl3pPr lvl="2" algn="ctr" rtl="0">
              <a:lnSpc>
                <a:spcPct val="100000"/>
              </a:lnSpc>
              <a:spcBef>
                <a:spcPts val="3556"/>
              </a:spcBef>
              <a:spcAft>
                <a:spcPts val="0"/>
              </a:spcAft>
              <a:buSzPts val="1400"/>
              <a:buNone/>
              <a:defRPr/>
            </a:lvl3pPr>
            <a:lvl4pPr lvl="3" algn="ctr" rtl="0">
              <a:lnSpc>
                <a:spcPct val="100000"/>
              </a:lnSpc>
              <a:spcBef>
                <a:spcPts val="3556"/>
              </a:spcBef>
              <a:spcAft>
                <a:spcPts val="0"/>
              </a:spcAft>
              <a:buSzPts val="1400"/>
              <a:buNone/>
              <a:defRPr/>
            </a:lvl4pPr>
            <a:lvl5pPr lvl="4" algn="ctr" rtl="0">
              <a:lnSpc>
                <a:spcPct val="100000"/>
              </a:lnSpc>
              <a:spcBef>
                <a:spcPts val="3556"/>
              </a:spcBef>
              <a:spcAft>
                <a:spcPts val="0"/>
              </a:spcAft>
              <a:buSzPts val="1400"/>
              <a:buNone/>
              <a:defRPr/>
            </a:lvl5pPr>
            <a:lvl6pPr lvl="5" algn="ctr" rtl="0">
              <a:lnSpc>
                <a:spcPct val="100000"/>
              </a:lnSpc>
              <a:spcBef>
                <a:spcPts val="3556"/>
              </a:spcBef>
              <a:spcAft>
                <a:spcPts val="0"/>
              </a:spcAft>
              <a:buSzPts val="1400"/>
              <a:buNone/>
              <a:defRPr/>
            </a:lvl6pPr>
            <a:lvl7pPr lvl="6" algn="ctr" rtl="0">
              <a:lnSpc>
                <a:spcPct val="100000"/>
              </a:lnSpc>
              <a:spcBef>
                <a:spcPts val="3556"/>
              </a:spcBef>
              <a:spcAft>
                <a:spcPts val="0"/>
              </a:spcAft>
              <a:buSzPts val="1400"/>
              <a:buNone/>
              <a:defRPr/>
            </a:lvl7pPr>
            <a:lvl8pPr lvl="7" algn="ctr" rtl="0">
              <a:lnSpc>
                <a:spcPct val="100000"/>
              </a:lnSpc>
              <a:spcBef>
                <a:spcPts val="3556"/>
              </a:spcBef>
              <a:spcAft>
                <a:spcPts val="0"/>
              </a:spcAft>
              <a:buSzPts val="1400"/>
              <a:buNone/>
              <a:defRPr/>
            </a:lvl8pPr>
            <a:lvl9pPr lvl="8" algn="ctr" rtl="0">
              <a:lnSpc>
                <a:spcPct val="100000"/>
              </a:lnSpc>
              <a:spcBef>
                <a:spcPts val="3556"/>
              </a:spcBef>
              <a:spcAft>
                <a:spcPts val="3556"/>
              </a:spcAft>
              <a:buSzPts val="1400"/>
              <a:buNone/>
              <a:defRPr/>
            </a:lvl9pPr>
          </a:lstStyle>
          <a:p>
            <a:endParaRPr/>
          </a:p>
        </p:txBody>
      </p:sp>
      <p:sp>
        <p:nvSpPr>
          <p:cNvPr id="287" name="Google Shape;287;p20"/>
          <p:cNvSpPr>
            <a:spLocks noGrp="1"/>
          </p:cNvSpPr>
          <p:nvPr>
            <p:ph type="pic" idx="2"/>
          </p:nvPr>
        </p:nvSpPr>
        <p:spPr>
          <a:xfrm>
            <a:off x="11963722" y="2333334"/>
            <a:ext cx="6771333" cy="6763333"/>
          </a:xfrm>
          <a:prstGeom prst="ellipse">
            <a:avLst/>
          </a:prstGeom>
          <a:noFill/>
          <a:ln>
            <a:noFill/>
          </a:ln>
        </p:spPr>
      </p:sp>
      <p:grpSp>
        <p:nvGrpSpPr>
          <p:cNvPr id="288" name="Google Shape;288;p20"/>
          <p:cNvGrpSpPr/>
          <p:nvPr/>
        </p:nvGrpSpPr>
        <p:grpSpPr>
          <a:xfrm>
            <a:off x="0" y="10231110"/>
            <a:ext cx="20320000" cy="1182509"/>
            <a:chOff x="0" y="4611399"/>
            <a:chExt cx="9144000" cy="532129"/>
          </a:xfrm>
        </p:grpSpPr>
        <p:sp>
          <p:nvSpPr>
            <p:cNvPr id="289" name="Google Shape;289;p20"/>
            <p:cNvSpPr/>
            <p:nvPr/>
          </p:nvSpPr>
          <p:spPr>
            <a:xfrm>
              <a:off x="0" y="4611433"/>
              <a:ext cx="9144000" cy="532075"/>
            </a:xfrm>
            <a:custGeom>
              <a:avLst/>
              <a:gdLst/>
              <a:ahLst/>
              <a:cxnLst/>
              <a:rect l="l" t="t" r="r" b="b"/>
              <a:pathLst>
                <a:path w="285750" h="81326" extrusionOk="0">
                  <a:moveTo>
                    <a:pt x="84150" y="1"/>
                  </a:moveTo>
                  <a:lnTo>
                    <a:pt x="83270" y="47"/>
                  </a:lnTo>
                  <a:lnTo>
                    <a:pt x="82437" y="186"/>
                  </a:lnTo>
                  <a:lnTo>
                    <a:pt x="80723" y="464"/>
                  </a:lnTo>
                  <a:lnTo>
                    <a:pt x="78917" y="835"/>
                  </a:lnTo>
                  <a:lnTo>
                    <a:pt x="77111" y="1205"/>
                  </a:lnTo>
                  <a:lnTo>
                    <a:pt x="75258" y="1668"/>
                  </a:lnTo>
                  <a:lnTo>
                    <a:pt x="73359" y="2178"/>
                  </a:lnTo>
                  <a:lnTo>
                    <a:pt x="71414" y="2687"/>
                  </a:lnTo>
                  <a:lnTo>
                    <a:pt x="67478" y="3845"/>
                  </a:lnTo>
                  <a:lnTo>
                    <a:pt x="63402" y="5095"/>
                  </a:lnTo>
                  <a:lnTo>
                    <a:pt x="59280" y="6438"/>
                  </a:lnTo>
                  <a:lnTo>
                    <a:pt x="51037" y="9217"/>
                  </a:lnTo>
                  <a:lnTo>
                    <a:pt x="46961" y="10606"/>
                  </a:lnTo>
                  <a:lnTo>
                    <a:pt x="42932" y="11950"/>
                  </a:lnTo>
                  <a:lnTo>
                    <a:pt x="39042" y="13154"/>
                  </a:lnTo>
                  <a:lnTo>
                    <a:pt x="35290" y="14265"/>
                  </a:lnTo>
                  <a:lnTo>
                    <a:pt x="33484" y="14775"/>
                  </a:lnTo>
                  <a:lnTo>
                    <a:pt x="31724" y="15238"/>
                  </a:lnTo>
                  <a:lnTo>
                    <a:pt x="30011" y="15655"/>
                  </a:lnTo>
                  <a:lnTo>
                    <a:pt x="28390" y="16025"/>
                  </a:lnTo>
                  <a:lnTo>
                    <a:pt x="26815" y="16349"/>
                  </a:lnTo>
                  <a:lnTo>
                    <a:pt x="25287" y="16627"/>
                  </a:lnTo>
                  <a:lnTo>
                    <a:pt x="23851" y="16812"/>
                  </a:lnTo>
                  <a:lnTo>
                    <a:pt x="22462" y="16951"/>
                  </a:lnTo>
                  <a:lnTo>
                    <a:pt x="19868" y="17183"/>
                  </a:lnTo>
                  <a:lnTo>
                    <a:pt x="17414" y="17368"/>
                  </a:lnTo>
                  <a:lnTo>
                    <a:pt x="15098" y="17646"/>
                  </a:lnTo>
                  <a:lnTo>
                    <a:pt x="12921" y="17878"/>
                  </a:lnTo>
                  <a:lnTo>
                    <a:pt x="9077" y="18433"/>
                  </a:lnTo>
                  <a:lnTo>
                    <a:pt x="5882" y="18896"/>
                  </a:lnTo>
                  <a:lnTo>
                    <a:pt x="3335" y="19360"/>
                  </a:lnTo>
                  <a:lnTo>
                    <a:pt x="1528" y="19730"/>
                  </a:lnTo>
                  <a:lnTo>
                    <a:pt x="0" y="20101"/>
                  </a:lnTo>
                  <a:lnTo>
                    <a:pt x="0" y="81325"/>
                  </a:lnTo>
                  <a:lnTo>
                    <a:pt x="285750" y="81325"/>
                  </a:lnTo>
                  <a:lnTo>
                    <a:pt x="285750" y="16951"/>
                  </a:lnTo>
                  <a:lnTo>
                    <a:pt x="281906" y="16396"/>
                  </a:lnTo>
                  <a:lnTo>
                    <a:pt x="277460" y="15793"/>
                  </a:lnTo>
                  <a:lnTo>
                    <a:pt x="271578" y="15006"/>
                  </a:lnTo>
                  <a:lnTo>
                    <a:pt x="264492" y="14173"/>
                  </a:lnTo>
                  <a:lnTo>
                    <a:pt x="256388" y="13339"/>
                  </a:lnTo>
                  <a:lnTo>
                    <a:pt x="252034" y="12922"/>
                  </a:lnTo>
                  <a:lnTo>
                    <a:pt x="247496" y="12505"/>
                  </a:lnTo>
                  <a:lnTo>
                    <a:pt x="242818" y="12135"/>
                  </a:lnTo>
                  <a:lnTo>
                    <a:pt x="238002" y="11811"/>
                  </a:lnTo>
                  <a:lnTo>
                    <a:pt x="233139" y="11486"/>
                  </a:lnTo>
                  <a:lnTo>
                    <a:pt x="228137" y="11255"/>
                  </a:lnTo>
                  <a:lnTo>
                    <a:pt x="223135" y="11023"/>
                  </a:lnTo>
                  <a:lnTo>
                    <a:pt x="218133" y="10931"/>
                  </a:lnTo>
                  <a:lnTo>
                    <a:pt x="213132" y="10838"/>
                  </a:lnTo>
                  <a:lnTo>
                    <a:pt x="208130" y="10838"/>
                  </a:lnTo>
                  <a:lnTo>
                    <a:pt x="203221" y="10977"/>
                  </a:lnTo>
                  <a:lnTo>
                    <a:pt x="198404" y="11162"/>
                  </a:lnTo>
                  <a:lnTo>
                    <a:pt x="196042" y="11301"/>
                  </a:lnTo>
                  <a:lnTo>
                    <a:pt x="193680" y="11440"/>
                  </a:lnTo>
                  <a:lnTo>
                    <a:pt x="191365" y="11625"/>
                  </a:lnTo>
                  <a:lnTo>
                    <a:pt x="189141" y="11857"/>
                  </a:lnTo>
                  <a:lnTo>
                    <a:pt x="186918" y="12088"/>
                  </a:lnTo>
                  <a:lnTo>
                    <a:pt x="184695" y="12366"/>
                  </a:lnTo>
                  <a:lnTo>
                    <a:pt x="182565" y="12691"/>
                  </a:lnTo>
                  <a:lnTo>
                    <a:pt x="180527" y="13015"/>
                  </a:lnTo>
                  <a:lnTo>
                    <a:pt x="178490" y="13385"/>
                  </a:lnTo>
                  <a:lnTo>
                    <a:pt x="176498" y="13756"/>
                  </a:lnTo>
                  <a:lnTo>
                    <a:pt x="174599" y="14219"/>
                  </a:lnTo>
                  <a:lnTo>
                    <a:pt x="172747" y="14682"/>
                  </a:lnTo>
                  <a:lnTo>
                    <a:pt x="170987" y="15191"/>
                  </a:lnTo>
                  <a:lnTo>
                    <a:pt x="169273" y="15747"/>
                  </a:lnTo>
                  <a:lnTo>
                    <a:pt x="167652" y="16349"/>
                  </a:lnTo>
                  <a:lnTo>
                    <a:pt x="166124" y="16951"/>
                  </a:lnTo>
                  <a:lnTo>
                    <a:pt x="164596" y="17553"/>
                  </a:lnTo>
                  <a:lnTo>
                    <a:pt x="163114" y="18109"/>
                  </a:lnTo>
                  <a:lnTo>
                    <a:pt x="161585" y="18572"/>
                  </a:lnTo>
                  <a:lnTo>
                    <a:pt x="160057" y="18989"/>
                  </a:lnTo>
                  <a:lnTo>
                    <a:pt x="158529" y="19360"/>
                  </a:lnTo>
                  <a:lnTo>
                    <a:pt x="157047" y="19637"/>
                  </a:lnTo>
                  <a:lnTo>
                    <a:pt x="155518" y="19869"/>
                  </a:lnTo>
                  <a:lnTo>
                    <a:pt x="153990" y="20054"/>
                  </a:lnTo>
                  <a:lnTo>
                    <a:pt x="152508" y="20193"/>
                  </a:lnTo>
                  <a:lnTo>
                    <a:pt x="150980" y="20286"/>
                  </a:lnTo>
                  <a:lnTo>
                    <a:pt x="147969" y="20286"/>
                  </a:lnTo>
                  <a:lnTo>
                    <a:pt x="146487" y="20193"/>
                  </a:lnTo>
                  <a:lnTo>
                    <a:pt x="144959" y="20101"/>
                  </a:lnTo>
                  <a:lnTo>
                    <a:pt x="143477" y="19915"/>
                  </a:lnTo>
                  <a:lnTo>
                    <a:pt x="141995" y="19730"/>
                  </a:lnTo>
                  <a:lnTo>
                    <a:pt x="140513" y="19498"/>
                  </a:lnTo>
                  <a:lnTo>
                    <a:pt x="139031" y="19221"/>
                  </a:lnTo>
                  <a:lnTo>
                    <a:pt x="137549" y="18896"/>
                  </a:lnTo>
                  <a:lnTo>
                    <a:pt x="136067" y="18572"/>
                  </a:lnTo>
                  <a:lnTo>
                    <a:pt x="134585" y="18202"/>
                  </a:lnTo>
                  <a:lnTo>
                    <a:pt x="133149" y="17831"/>
                  </a:lnTo>
                  <a:lnTo>
                    <a:pt x="130232" y="16951"/>
                  </a:lnTo>
                  <a:lnTo>
                    <a:pt x="127360" y="15979"/>
                  </a:lnTo>
                  <a:lnTo>
                    <a:pt x="124535" y="14914"/>
                  </a:lnTo>
                  <a:lnTo>
                    <a:pt x="121710" y="13802"/>
                  </a:lnTo>
                  <a:lnTo>
                    <a:pt x="118931" y="12644"/>
                  </a:lnTo>
                  <a:lnTo>
                    <a:pt x="116245" y="11440"/>
                  </a:lnTo>
                  <a:lnTo>
                    <a:pt x="113559" y="10236"/>
                  </a:lnTo>
                  <a:lnTo>
                    <a:pt x="108326" y="7874"/>
                  </a:lnTo>
                  <a:lnTo>
                    <a:pt x="103324" y="5558"/>
                  </a:lnTo>
                  <a:lnTo>
                    <a:pt x="100916" y="4493"/>
                  </a:lnTo>
                  <a:lnTo>
                    <a:pt x="98554" y="3521"/>
                  </a:lnTo>
                  <a:lnTo>
                    <a:pt x="96284" y="2641"/>
                  </a:lnTo>
                  <a:lnTo>
                    <a:pt x="94061" y="1853"/>
                  </a:lnTo>
                  <a:lnTo>
                    <a:pt x="91931" y="1159"/>
                  </a:lnTo>
                  <a:lnTo>
                    <a:pt x="90912" y="881"/>
                  </a:lnTo>
                  <a:lnTo>
                    <a:pt x="89893" y="649"/>
                  </a:lnTo>
                  <a:lnTo>
                    <a:pt x="88874" y="418"/>
                  </a:lnTo>
                  <a:lnTo>
                    <a:pt x="87902" y="279"/>
                  </a:lnTo>
                  <a:lnTo>
                    <a:pt x="86929" y="140"/>
                  </a:lnTo>
                  <a:lnTo>
                    <a:pt x="86003" y="47"/>
                  </a:lnTo>
                  <a:lnTo>
                    <a:pt x="85077" y="1"/>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290" name="Google Shape;290;p20"/>
            <p:cNvSpPr/>
            <p:nvPr/>
          </p:nvSpPr>
          <p:spPr>
            <a:xfrm>
              <a:off x="0" y="4611399"/>
              <a:ext cx="9143916" cy="532129"/>
            </a:xfrm>
            <a:custGeom>
              <a:avLst/>
              <a:gdLst/>
              <a:ahLst/>
              <a:cxnLst/>
              <a:rect l="l" t="t" r="r" b="b"/>
              <a:pathLst>
                <a:path w="285057" h="22555" extrusionOk="0">
                  <a:moveTo>
                    <a:pt x="1" y="0"/>
                  </a:moveTo>
                  <a:lnTo>
                    <a:pt x="1" y="22554"/>
                  </a:lnTo>
                  <a:lnTo>
                    <a:pt x="285056" y="22554"/>
                  </a:lnTo>
                  <a:lnTo>
                    <a:pt x="285056" y="16904"/>
                  </a:lnTo>
                  <a:lnTo>
                    <a:pt x="281860" y="16673"/>
                  </a:lnTo>
                  <a:lnTo>
                    <a:pt x="273246" y="16117"/>
                  </a:lnTo>
                  <a:lnTo>
                    <a:pt x="267365" y="15654"/>
                  </a:lnTo>
                  <a:lnTo>
                    <a:pt x="260695" y="15144"/>
                  </a:lnTo>
                  <a:lnTo>
                    <a:pt x="253424" y="14496"/>
                  </a:lnTo>
                  <a:lnTo>
                    <a:pt x="245736" y="13801"/>
                  </a:lnTo>
                  <a:lnTo>
                    <a:pt x="237771" y="12968"/>
                  </a:lnTo>
                  <a:lnTo>
                    <a:pt x="229759" y="12088"/>
                  </a:lnTo>
                  <a:lnTo>
                    <a:pt x="225822" y="11625"/>
                  </a:lnTo>
                  <a:lnTo>
                    <a:pt x="221885" y="11115"/>
                  </a:lnTo>
                  <a:lnTo>
                    <a:pt x="218088" y="10606"/>
                  </a:lnTo>
                  <a:lnTo>
                    <a:pt x="214336" y="10050"/>
                  </a:lnTo>
                  <a:lnTo>
                    <a:pt x="210770" y="9494"/>
                  </a:lnTo>
                  <a:lnTo>
                    <a:pt x="207297" y="8892"/>
                  </a:lnTo>
                  <a:lnTo>
                    <a:pt x="204009" y="8290"/>
                  </a:lnTo>
                  <a:lnTo>
                    <a:pt x="200952" y="7688"/>
                  </a:lnTo>
                  <a:lnTo>
                    <a:pt x="198081" y="7040"/>
                  </a:lnTo>
                  <a:lnTo>
                    <a:pt x="195441" y="6391"/>
                  </a:lnTo>
                  <a:lnTo>
                    <a:pt x="193079" y="5697"/>
                  </a:lnTo>
                  <a:lnTo>
                    <a:pt x="192014" y="5326"/>
                  </a:lnTo>
                  <a:lnTo>
                    <a:pt x="190995" y="5002"/>
                  </a:lnTo>
                  <a:lnTo>
                    <a:pt x="190022" y="4632"/>
                  </a:lnTo>
                  <a:lnTo>
                    <a:pt x="189096" y="4354"/>
                  </a:lnTo>
                  <a:lnTo>
                    <a:pt x="188123" y="4030"/>
                  </a:lnTo>
                  <a:lnTo>
                    <a:pt x="187151" y="3798"/>
                  </a:lnTo>
                  <a:lnTo>
                    <a:pt x="186132" y="3566"/>
                  </a:lnTo>
                  <a:lnTo>
                    <a:pt x="185159" y="3381"/>
                  </a:lnTo>
                  <a:lnTo>
                    <a:pt x="183214" y="3057"/>
                  </a:lnTo>
                  <a:lnTo>
                    <a:pt x="181223" y="2872"/>
                  </a:lnTo>
                  <a:lnTo>
                    <a:pt x="179231" y="2733"/>
                  </a:lnTo>
                  <a:lnTo>
                    <a:pt x="177193" y="2733"/>
                  </a:lnTo>
                  <a:lnTo>
                    <a:pt x="175156" y="2779"/>
                  </a:lnTo>
                  <a:lnTo>
                    <a:pt x="173118" y="2918"/>
                  </a:lnTo>
                  <a:lnTo>
                    <a:pt x="171034" y="3103"/>
                  </a:lnTo>
                  <a:lnTo>
                    <a:pt x="168996" y="3381"/>
                  </a:lnTo>
                  <a:lnTo>
                    <a:pt x="166866" y="3705"/>
                  </a:lnTo>
                  <a:lnTo>
                    <a:pt x="164735" y="4076"/>
                  </a:lnTo>
                  <a:lnTo>
                    <a:pt x="162605" y="4493"/>
                  </a:lnTo>
                  <a:lnTo>
                    <a:pt x="160475" y="4956"/>
                  </a:lnTo>
                  <a:lnTo>
                    <a:pt x="158298" y="5465"/>
                  </a:lnTo>
                  <a:lnTo>
                    <a:pt x="153852" y="6484"/>
                  </a:lnTo>
                  <a:lnTo>
                    <a:pt x="149359" y="7596"/>
                  </a:lnTo>
                  <a:lnTo>
                    <a:pt x="144775" y="8707"/>
                  </a:lnTo>
                  <a:lnTo>
                    <a:pt x="140097" y="9772"/>
                  </a:lnTo>
                  <a:lnTo>
                    <a:pt x="137735" y="10282"/>
                  </a:lnTo>
                  <a:lnTo>
                    <a:pt x="135327" y="10745"/>
                  </a:lnTo>
                  <a:lnTo>
                    <a:pt x="132918" y="11162"/>
                  </a:lnTo>
                  <a:lnTo>
                    <a:pt x="130464" y="11532"/>
                  </a:lnTo>
                  <a:lnTo>
                    <a:pt x="127963" y="11903"/>
                  </a:lnTo>
                  <a:lnTo>
                    <a:pt x="125462" y="12180"/>
                  </a:lnTo>
                  <a:lnTo>
                    <a:pt x="122961" y="12366"/>
                  </a:lnTo>
                  <a:lnTo>
                    <a:pt x="120414" y="12505"/>
                  </a:lnTo>
                  <a:lnTo>
                    <a:pt x="117635" y="12597"/>
                  </a:lnTo>
                  <a:lnTo>
                    <a:pt x="114532" y="12597"/>
                  </a:lnTo>
                  <a:lnTo>
                    <a:pt x="111105" y="12505"/>
                  </a:lnTo>
                  <a:lnTo>
                    <a:pt x="107354" y="12319"/>
                  </a:lnTo>
                  <a:lnTo>
                    <a:pt x="103371" y="12088"/>
                  </a:lnTo>
                  <a:lnTo>
                    <a:pt x="99110" y="11810"/>
                  </a:lnTo>
                  <a:lnTo>
                    <a:pt x="94664" y="11486"/>
                  </a:lnTo>
                  <a:lnTo>
                    <a:pt x="90033" y="11069"/>
                  </a:lnTo>
                  <a:lnTo>
                    <a:pt x="85263" y="10606"/>
                  </a:lnTo>
                  <a:lnTo>
                    <a:pt x="80353" y="10143"/>
                  </a:lnTo>
                  <a:lnTo>
                    <a:pt x="70257" y="9078"/>
                  </a:lnTo>
                  <a:lnTo>
                    <a:pt x="60068" y="7920"/>
                  </a:lnTo>
                  <a:lnTo>
                    <a:pt x="49926" y="6716"/>
                  </a:lnTo>
                  <a:lnTo>
                    <a:pt x="40108" y="5465"/>
                  </a:lnTo>
                  <a:lnTo>
                    <a:pt x="30891" y="4261"/>
                  </a:lnTo>
                  <a:lnTo>
                    <a:pt x="22416" y="3150"/>
                  </a:lnTo>
                  <a:lnTo>
                    <a:pt x="14960" y="2131"/>
                  </a:lnTo>
                  <a:lnTo>
                    <a:pt x="4076" y="602"/>
                  </a:lnTo>
                  <a:lnTo>
                    <a:pt x="1" y="0"/>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291" name="Google Shape;291;p20"/>
          <p:cNvSpPr/>
          <p:nvPr/>
        </p:nvSpPr>
        <p:spPr>
          <a:xfrm>
            <a:off x="18868278" y="7696751"/>
            <a:ext cx="1026667" cy="3005222"/>
          </a:xfrm>
          <a:custGeom>
            <a:avLst/>
            <a:gdLst/>
            <a:ahLst/>
            <a:cxnLst/>
            <a:rect l="l" t="t" r="r" b="b"/>
            <a:pathLst>
              <a:path w="18480" h="54094" extrusionOk="0">
                <a:moveTo>
                  <a:pt x="2177" y="27464"/>
                </a:moveTo>
                <a:lnTo>
                  <a:pt x="2363" y="27973"/>
                </a:lnTo>
                <a:lnTo>
                  <a:pt x="2594" y="28436"/>
                </a:lnTo>
                <a:lnTo>
                  <a:pt x="2872" y="28853"/>
                </a:lnTo>
                <a:lnTo>
                  <a:pt x="3243" y="29224"/>
                </a:lnTo>
                <a:lnTo>
                  <a:pt x="3613" y="29548"/>
                </a:lnTo>
                <a:lnTo>
                  <a:pt x="4122" y="29779"/>
                </a:lnTo>
                <a:lnTo>
                  <a:pt x="4632" y="30011"/>
                </a:lnTo>
                <a:lnTo>
                  <a:pt x="5188" y="30196"/>
                </a:lnTo>
                <a:lnTo>
                  <a:pt x="5327" y="31539"/>
                </a:lnTo>
                <a:lnTo>
                  <a:pt x="4863" y="31493"/>
                </a:lnTo>
                <a:lnTo>
                  <a:pt x="4447" y="31400"/>
                </a:lnTo>
                <a:lnTo>
                  <a:pt x="3984" y="31261"/>
                </a:lnTo>
                <a:lnTo>
                  <a:pt x="3613" y="31076"/>
                </a:lnTo>
                <a:lnTo>
                  <a:pt x="3243" y="30845"/>
                </a:lnTo>
                <a:lnTo>
                  <a:pt x="2918" y="30613"/>
                </a:lnTo>
                <a:lnTo>
                  <a:pt x="2687" y="30335"/>
                </a:lnTo>
                <a:lnTo>
                  <a:pt x="2502" y="30011"/>
                </a:lnTo>
                <a:lnTo>
                  <a:pt x="2409" y="29733"/>
                </a:lnTo>
                <a:lnTo>
                  <a:pt x="2316" y="29455"/>
                </a:lnTo>
                <a:lnTo>
                  <a:pt x="2224" y="28807"/>
                </a:lnTo>
                <a:lnTo>
                  <a:pt x="2224" y="28158"/>
                </a:lnTo>
                <a:lnTo>
                  <a:pt x="2177" y="27464"/>
                </a:lnTo>
                <a:close/>
                <a:moveTo>
                  <a:pt x="7457" y="1"/>
                </a:moveTo>
                <a:lnTo>
                  <a:pt x="7179" y="47"/>
                </a:lnTo>
                <a:lnTo>
                  <a:pt x="6901" y="140"/>
                </a:lnTo>
                <a:lnTo>
                  <a:pt x="6670" y="278"/>
                </a:lnTo>
                <a:lnTo>
                  <a:pt x="6484" y="510"/>
                </a:lnTo>
                <a:lnTo>
                  <a:pt x="6299" y="881"/>
                </a:lnTo>
                <a:lnTo>
                  <a:pt x="6114" y="1251"/>
                </a:lnTo>
                <a:lnTo>
                  <a:pt x="5882" y="2038"/>
                </a:lnTo>
                <a:lnTo>
                  <a:pt x="5697" y="2826"/>
                </a:lnTo>
                <a:lnTo>
                  <a:pt x="5604" y="3613"/>
                </a:lnTo>
                <a:lnTo>
                  <a:pt x="5558" y="4400"/>
                </a:lnTo>
                <a:lnTo>
                  <a:pt x="5558" y="5234"/>
                </a:lnTo>
                <a:lnTo>
                  <a:pt x="5558" y="6901"/>
                </a:lnTo>
                <a:lnTo>
                  <a:pt x="5558" y="10004"/>
                </a:lnTo>
                <a:lnTo>
                  <a:pt x="5604" y="13107"/>
                </a:lnTo>
                <a:lnTo>
                  <a:pt x="5651" y="14913"/>
                </a:lnTo>
                <a:lnTo>
                  <a:pt x="5604" y="16719"/>
                </a:lnTo>
                <a:lnTo>
                  <a:pt x="5558" y="18479"/>
                </a:lnTo>
                <a:lnTo>
                  <a:pt x="5466" y="19405"/>
                </a:lnTo>
                <a:lnTo>
                  <a:pt x="5327" y="20285"/>
                </a:lnTo>
                <a:lnTo>
                  <a:pt x="5095" y="21860"/>
                </a:lnTo>
                <a:lnTo>
                  <a:pt x="4817" y="23388"/>
                </a:lnTo>
                <a:lnTo>
                  <a:pt x="4771" y="24176"/>
                </a:lnTo>
                <a:lnTo>
                  <a:pt x="4725" y="24963"/>
                </a:lnTo>
                <a:lnTo>
                  <a:pt x="4725" y="25750"/>
                </a:lnTo>
                <a:lnTo>
                  <a:pt x="4817" y="26538"/>
                </a:lnTo>
                <a:lnTo>
                  <a:pt x="4910" y="27603"/>
                </a:lnTo>
                <a:lnTo>
                  <a:pt x="4539" y="27047"/>
                </a:lnTo>
                <a:lnTo>
                  <a:pt x="4261" y="26445"/>
                </a:lnTo>
                <a:lnTo>
                  <a:pt x="4030" y="25797"/>
                </a:lnTo>
                <a:lnTo>
                  <a:pt x="3891" y="25195"/>
                </a:lnTo>
                <a:lnTo>
                  <a:pt x="3845" y="24546"/>
                </a:lnTo>
                <a:lnTo>
                  <a:pt x="3798" y="23851"/>
                </a:lnTo>
                <a:lnTo>
                  <a:pt x="3845" y="22416"/>
                </a:lnTo>
                <a:lnTo>
                  <a:pt x="3798" y="21721"/>
                </a:lnTo>
                <a:lnTo>
                  <a:pt x="3752" y="21397"/>
                </a:lnTo>
                <a:lnTo>
                  <a:pt x="3659" y="21073"/>
                </a:lnTo>
                <a:lnTo>
                  <a:pt x="3567" y="20795"/>
                </a:lnTo>
                <a:lnTo>
                  <a:pt x="3428" y="20517"/>
                </a:lnTo>
                <a:lnTo>
                  <a:pt x="3243" y="20285"/>
                </a:lnTo>
                <a:lnTo>
                  <a:pt x="3011" y="20054"/>
                </a:lnTo>
                <a:lnTo>
                  <a:pt x="2965" y="20008"/>
                </a:lnTo>
                <a:lnTo>
                  <a:pt x="2872" y="20054"/>
                </a:lnTo>
                <a:lnTo>
                  <a:pt x="2502" y="20332"/>
                </a:lnTo>
                <a:lnTo>
                  <a:pt x="2224" y="20656"/>
                </a:lnTo>
                <a:lnTo>
                  <a:pt x="1992" y="21026"/>
                </a:lnTo>
                <a:lnTo>
                  <a:pt x="1853" y="21490"/>
                </a:lnTo>
                <a:lnTo>
                  <a:pt x="1761" y="21953"/>
                </a:lnTo>
                <a:lnTo>
                  <a:pt x="1714" y="22416"/>
                </a:lnTo>
                <a:lnTo>
                  <a:pt x="1668" y="22925"/>
                </a:lnTo>
                <a:lnTo>
                  <a:pt x="1668" y="23435"/>
                </a:lnTo>
                <a:lnTo>
                  <a:pt x="1483" y="22694"/>
                </a:lnTo>
                <a:lnTo>
                  <a:pt x="1297" y="21953"/>
                </a:lnTo>
                <a:lnTo>
                  <a:pt x="1020" y="21212"/>
                </a:lnTo>
                <a:lnTo>
                  <a:pt x="742" y="20424"/>
                </a:lnTo>
                <a:lnTo>
                  <a:pt x="695" y="20378"/>
                </a:lnTo>
                <a:lnTo>
                  <a:pt x="603" y="20424"/>
                </a:lnTo>
                <a:lnTo>
                  <a:pt x="371" y="21397"/>
                </a:lnTo>
                <a:lnTo>
                  <a:pt x="232" y="22323"/>
                </a:lnTo>
                <a:lnTo>
                  <a:pt x="93" y="23296"/>
                </a:lnTo>
                <a:lnTo>
                  <a:pt x="1" y="24268"/>
                </a:lnTo>
                <a:lnTo>
                  <a:pt x="1" y="25195"/>
                </a:lnTo>
                <a:lnTo>
                  <a:pt x="1" y="26167"/>
                </a:lnTo>
                <a:lnTo>
                  <a:pt x="47" y="28158"/>
                </a:lnTo>
                <a:lnTo>
                  <a:pt x="140" y="28853"/>
                </a:lnTo>
                <a:lnTo>
                  <a:pt x="186" y="29455"/>
                </a:lnTo>
                <a:lnTo>
                  <a:pt x="325" y="30057"/>
                </a:lnTo>
                <a:lnTo>
                  <a:pt x="510" y="30567"/>
                </a:lnTo>
                <a:lnTo>
                  <a:pt x="788" y="31030"/>
                </a:lnTo>
                <a:lnTo>
                  <a:pt x="1112" y="31493"/>
                </a:lnTo>
                <a:lnTo>
                  <a:pt x="1575" y="31863"/>
                </a:lnTo>
                <a:lnTo>
                  <a:pt x="2177" y="32234"/>
                </a:lnTo>
                <a:lnTo>
                  <a:pt x="2548" y="32419"/>
                </a:lnTo>
                <a:lnTo>
                  <a:pt x="2918" y="32604"/>
                </a:lnTo>
                <a:lnTo>
                  <a:pt x="3752" y="32836"/>
                </a:lnTo>
                <a:lnTo>
                  <a:pt x="4586" y="33021"/>
                </a:lnTo>
                <a:lnTo>
                  <a:pt x="5002" y="33068"/>
                </a:lnTo>
                <a:lnTo>
                  <a:pt x="5419" y="33068"/>
                </a:lnTo>
                <a:lnTo>
                  <a:pt x="5466" y="34503"/>
                </a:lnTo>
                <a:lnTo>
                  <a:pt x="5466" y="35985"/>
                </a:lnTo>
                <a:lnTo>
                  <a:pt x="5466" y="37514"/>
                </a:lnTo>
                <a:lnTo>
                  <a:pt x="5419" y="39042"/>
                </a:lnTo>
                <a:lnTo>
                  <a:pt x="5141" y="45711"/>
                </a:lnTo>
                <a:lnTo>
                  <a:pt x="5002" y="47517"/>
                </a:lnTo>
                <a:lnTo>
                  <a:pt x="4863" y="49370"/>
                </a:lnTo>
                <a:lnTo>
                  <a:pt x="4863" y="50249"/>
                </a:lnTo>
                <a:lnTo>
                  <a:pt x="4863" y="51176"/>
                </a:lnTo>
                <a:lnTo>
                  <a:pt x="4863" y="52056"/>
                </a:lnTo>
                <a:lnTo>
                  <a:pt x="5002" y="52936"/>
                </a:lnTo>
                <a:lnTo>
                  <a:pt x="5095" y="53260"/>
                </a:lnTo>
                <a:lnTo>
                  <a:pt x="5234" y="53538"/>
                </a:lnTo>
                <a:lnTo>
                  <a:pt x="5419" y="53769"/>
                </a:lnTo>
                <a:lnTo>
                  <a:pt x="5697" y="53908"/>
                </a:lnTo>
                <a:lnTo>
                  <a:pt x="5975" y="54001"/>
                </a:lnTo>
                <a:lnTo>
                  <a:pt x="6299" y="54093"/>
                </a:lnTo>
                <a:lnTo>
                  <a:pt x="6948" y="54093"/>
                </a:lnTo>
                <a:lnTo>
                  <a:pt x="7272" y="54047"/>
                </a:lnTo>
                <a:lnTo>
                  <a:pt x="7596" y="53954"/>
                </a:lnTo>
                <a:lnTo>
                  <a:pt x="7874" y="53816"/>
                </a:lnTo>
                <a:lnTo>
                  <a:pt x="8105" y="53677"/>
                </a:lnTo>
                <a:lnTo>
                  <a:pt x="8337" y="53538"/>
                </a:lnTo>
                <a:lnTo>
                  <a:pt x="8476" y="53352"/>
                </a:lnTo>
                <a:lnTo>
                  <a:pt x="8568" y="53121"/>
                </a:lnTo>
                <a:lnTo>
                  <a:pt x="8568" y="52936"/>
                </a:lnTo>
                <a:lnTo>
                  <a:pt x="8754" y="52102"/>
                </a:lnTo>
                <a:lnTo>
                  <a:pt x="8939" y="51315"/>
                </a:lnTo>
                <a:lnTo>
                  <a:pt x="9171" y="49647"/>
                </a:lnTo>
                <a:lnTo>
                  <a:pt x="9310" y="47980"/>
                </a:lnTo>
                <a:lnTo>
                  <a:pt x="9356" y="46267"/>
                </a:lnTo>
                <a:lnTo>
                  <a:pt x="9402" y="42840"/>
                </a:lnTo>
                <a:lnTo>
                  <a:pt x="9448" y="41172"/>
                </a:lnTo>
                <a:lnTo>
                  <a:pt x="9495" y="39551"/>
                </a:lnTo>
                <a:lnTo>
                  <a:pt x="9541" y="38255"/>
                </a:lnTo>
                <a:lnTo>
                  <a:pt x="10282" y="38255"/>
                </a:lnTo>
                <a:lnTo>
                  <a:pt x="10699" y="38162"/>
                </a:lnTo>
                <a:lnTo>
                  <a:pt x="11162" y="38069"/>
                </a:lnTo>
                <a:lnTo>
                  <a:pt x="11579" y="37977"/>
                </a:lnTo>
                <a:lnTo>
                  <a:pt x="11996" y="37838"/>
                </a:lnTo>
                <a:lnTo>
                  <a:pt x="12366" y="37653"/>
                </a:lnTo>
                <a:lnTo>
                  <a:pt x="12737" y="37467"/>
                </a:lnTo>
                <a:lnTo>
                  <a:pt x="13107" y="37236"/>
                </a:lnTo>
                <a:lnTo>
                  <a:pt x="13478" y="36958"/>
                </a:lnTo>
                <a:lnTo>
                  <a:pt x="13802" y="36726"/>
                </a:lnTo>
                <a:lnTo>
                  <a:pt x="14080" y="36402"/>
                </a:lnTo>
                <a:lnTo>
                  <a:pt x="14358" y="36078"/>
                </a:lnTo>
                <a:lnTo>
                  <a:pt x="14635" y="35754"/>
                </a:lnTo>
                <a:lnTo>
                  <a:pt x="14867" y="35383"/>
                </a:lnTo>
                <a:lnTo>
                  <a:pt x="15099" y="34966"/>
                </a:lnTo>
                <a:lnTo>
                  <a:pt x="15284" y="34550"/>
                </a:lnTo>
                <a:lnTo>
                  <a:pt x="15562" y="33901"/>
                </a:lnTo>
                <a:lnTo>
                  <a:pt x="15840" y="33207"/>
                </a:lnTo>
                <a:lnTo>
                  <a:pt x="16303" y="31863"/>
                </a:lnTo>
                <a:lnTo>
                  <a:pt x="17136" y="29085"/>
                </a:lnTo>
                <a:lnTo>
                  <a:pt x="17553" y="27788"/>
                </a:lnTo>
                <a:lnTo>
                  <a:pt x="17970" y="26538"/>
                </a:lnTo>
                <a:lnTo>
                  <a:pt x="18155" y="25889"/>
                </a:lnTo>
                <a:lnTo>
                  <a:pt x="18294" y="25241"/>
                </a:lnTo>
                <a:lnTo>
                  <a:pt x="18433" y="24592"/>
                </a:lnTo>
                <a:lnTo>
                  <a:pt x="18479" y="23898"/>
                </a:lnTo>
                <a:lnTo>
                  <a:pt x="18479" y="23620"/>
                </a:lnTo>
                <a:lnTo>
                  <a:pt x="18433" y="23157"/>
                </a:lnTo>
                <a:lnTo>
                  <a:pt x="18340" y="22601"/>
                </a:lnTo>
                <a:lnTo>
                  <a:pt x="18202" y="21999"/>
                </a:lnTo>
                <a:lnTo>
                  <a:pt x="17970" y="21443"/>
                </a:lnTo>
                <a:lnTo>
                  <a:pt x="17831" y="21212"/>
                </a:lnTo>
                <a:lnTo>
                  <a:pt x="17692" y="21026"/>
                </a:lnTo>
                <a:lnTo>
                  <a:pt x="17507" y="20887"/>
                </a:lnTo>
                <a:lnTo>
                  <a:pt x="17322" y="20795"/>
                </a:lnTo>
                <a:lnTo>
                  <a:pt x="17090" y="20841"/>
                </a:lnTo>
                <a:lnTo>
                  <a:pt x="16858" y="20934"/>
                </a:lnTo>
                <a:lnTo>
                  <a:pt x="16442" y="21212"/>
                </a:lnTo>
                <a:lnTo>
                  <a:pt x="16117" y="21490"/>
                </a:lnTo>
                <a:lnTo>
                  <a:pt x="15886" y="21767"/>
                </a:lnTo>
                <a:lnTo>
                  <a:pt x="15701" y="22092"/>
                </a:lnTo>
                <a:lnTo>
                  <a:pt x="15515" y="22416"/>
                </a:lnTo>
                <a:lnTo>
                  <a:pt x="15423" y="22833"/>
                </a:lnTo>
                <a:lnTo>
                  <a:pt x="15191" y="23759"/>
                </a:lnTo>
                <a:lnTo>
                  <a:pt x="14821" y="25195"/>
                </a:lnTo>
                <a:lnTo>
                  <a:pt x="14404" y="26630"/>
                </a:lnTo>
                <a:lnTo>
                  <a:pt x="13524" y="29502"/>
                </a:lnTo>
                <a:lnTo>
                  <a:pt x="12876" y="31771"/>
                </a:lnTo>
                <a:lnTo>
                  <a:pt x="12505" y="32882"/>
                </a:lnTo>
                <a:lnTo>
                  <a:pt x="12274" y="33438"/>
                </a:lnTo>
                <a:lnTo>
                  <a:pt x="12042" y="33994"/>
                </a:lnTo>
                <a:lnTo>
                  <a:pt x="11857" y="34411"/>
                </a:lnTo>
                <a:lnTo>
                  <a:pt x="11579" y="34781"/>
                </a:lnTo>
                <a:lnTo>
                  <a:pt x="11347" y="35105"/>
                </a:lnTo>
                <a:lnTo>
                  <a:pt x="11069" y="35337"/>
                </a:lnTo>
                <a:lnTo>
                  <a:pt x="10745" y="35568"/>
                </a:lnTo>
                <a:lnTo>
                  <a:pt x="10375" y="35707"/>
                </a:lnTo>
                <a:lnTo>
                  <a:pt x="10004" y="35846"/>
                </a:lnTo>
                <a:lnTo>
                  <a:pt x="9587" y="35939"/>
                </a:lnTo>
                <a:lnTo>
                  <a:pt x="9587" y="33716"/>
                </a:lnTo>
                <a:lnTo>
                  <a:pt x="9495" y="31493"/>
                </a:lnTo>
                <a:lnTo>
                  <a:pt x="9310" y="29270"/>
                </a:lnTo>
                <a:lnTo>
                  <a:pt x="9078" y="27047"/>
                </a:lnTo>
                <a:lnTo>
                  <a:pt x="8985" y="26213"/>
                </a:lnTo>
                <a:lnTo>
                  <a:pt x="8939" y="25426"/>
                </a:lnTo>
                <a:lnTo>
                  <a:pt x="8939" y="24639"/>
                </a:lnTo>
                <a:lnTo>
                  <a:pt x="8985" y="23898"/>
                </a:lnTo>
                <a:lnTo>
                  <a:pt x="9171" y="22369"/>
                </a:lnTo>
                <a:lnTo>
                  <a:pt x="9448" y="20749"/>
                </a:lnTo>
                <a:lnTo>
                  <a:pt x="9587" y="19915"/>
                </a:lnTo>
                <a:lnTo>
                  <a:pt x="9680" y="19128"/>
                </a:lnTo>
                <a:lnTo>
                  <a:pt x="9819" y="17460"/>
                </a:lnTo>
                <a:lnTo>
                  <a:pt x="9865" y="15793"/>
                </a:lnTo>
                <a:lnTo>
                  <a:pt x="9865" y="14126"/>
                </a:lnTo>
                <a:lnTo>
                  <a:pt x="9773" y="10513"/>
                </a:lnTo>
                <a:lnTo>
                  <a:pt x="9634" y="6901"/>
                </a:lnTo>
                <a:lnTo>
                  <a:pt x="9587" y="5234"/>
                </a:lnTo>
                <a:lnTo>
                  <a:pt x="9541" y="4400"/>
                </a:lnTo>
                <a:lnTo>
                  <a:pt x="9448" y="3613"/>
                </a:lnTo>
                <a:lnTo>
                  <a:pt x="9310" y="2779"/>
                </a:lnTo>
                <a:lnTo>
                  <a:pt x="9124" y="1992"/>
                </a:lnTo>
                <a:lnTo>
                  <a:pt x="8846" y="1251"/>
                </a:lnTo>
                <a:lnTo>
                  <a:pt x="8661" y="881"/>
                </a:lnTo>
                <a:lnTo>
                  <a:pt x="8430" y="510"/>
                </a:lnTo>
                <a:lnTo>
                  <a:pt x="8244" y="278"/>
                </a:lnTo>
                <a:lnTo>
                  <a:pt x="8013" y="140"/>
                </a:lnTo>
                <a:lnTo>
                  <a:pt x="7735" y="47"/>
                </a:lnTo>
                <a:lnTo>
                  <a:pt x="7457" y="1"/>
                </a:lnTo>
                <a:close/>
              </a:path>
            </a:pathLst>
          </a:custGeom>
          <a:solidFill>
            <a:schemeClr val="dk2"/>
          </a:solidFill>
          <a:ln>
            <a:noFill/>
          </a:ln>
        </p:spPr>
        <p:txBody>
          <a:bodyPr spcFirstLastPara="1" wrap="square" lIns="203167" tIns="203167" rIns="203167" bIns="203167" anchor="ctr" anchorCtr="0">
            <a:noAutofit/>
          </a:bodyPr>
          <a:lstStyle/>
          <a:p>
            <a:pPr marL="0" lvl="0" indent="0" algn="l" rtl="0">
              <a:spcBef>
                <a:spcPts val="0"/>
              </a:spcBef>
              <a:spcAft>
                <a:spcPts val="0"/>
              </a:spcAft>
              <a:buNone/>
            </a:pPr>
            <a:endParaRPr sz="6000"/>
          </a:p>
        </p:txBody>
      </p:sp>
    </p:spTree>
    <p:extLst>
      <p:ext uri="{BB962C8B-B14F-4D97-AF65-F5344CB8AC3E}">
        <p14:creationId xmlns:p14="http://schemas.microsoft.com/office/powerpoint/2010/main" val="3192857762"/>
      </p:ext>
    </p:extLst>
  </p:cSld>
  <p:clrMapOvr>
    <a:masterClrMapping/>
  </p:clrMapOvr>
</p:sldLayout>
</file>

<file path=ppt/slideLayouts/slideLayout103.xml><?xml version="1.0" encoding="utf-8"?>
<p:sldLayout xmlns:a="http://schemas.openxmlformats.org/drawingml/2006/main" xmlns:r="http://schemas.openxmlformats.org/officeDocument/2006/relationships" xmlns:p="http://schemas.openxmlformats.org/presentationml/2006/main" matchingName="Title and text 1">
  <p:cSld name="Title and text 1">
    <p:spTree>
      <p:nvGrpSpPr>
        <p:cNvPr id="1" name="Shape 292"/>
        <p:cNvGrpSpPr/>
        <p:nvPr/>
      </p:nvGrpSpPr>
      <p:grpSpPr>
        <a:xfrm>
          <a:off x="0" y="0"/>
          <a:ext cx="0" cy="0"/>
          <a:chOff x="0" y="0"/>
          <a:chExt cx="0" cy="0"/>
        </a:xfrm>
      </p:grpSpPr>
      <p:pic>
        <p:nvPicPr>
          <p:cNvPr id="293" name="Google Shape;293;p21"/>
          <p:cNvPicPr preferRelativeResize="0"/>
          <p:nvPr/>
        </p:nvPicPr>
        <p:blipFill rotWithShape="1">
          <a:blip r:embed="rId2">
            <a:alphaModFix amt="58999"/>
          </a:blip>
          <a:srcRect/>
          <a:stretch/>
        </p:blipFill>
        <p:spPr>
          <a:xfrm>
            <a:off x="0" y="0"/>
            <a:ext cx="20320000" cy="11430000"/>
          </a:xfrm>
          <a:prstGeom prst="rect">
            <a:avLst/>
          </a:prstGeom>
          <a:noFill/>
          <a:ln>
            <a:noFill/>
          </a:ln>
        </p:spPr>
      </p:pic>
      <p:grpSp>
        <p:nvGrpSpPr>
          <p:cNvPr id="294" name="Google Shape;294;p21"/>
          <p:cNvGrpSpPr/>
          <p:nvPr/>
        </p:nvGrpSpPr>
        <p:grpSpPr>
          <a:xfrm>
            <a:off x="921445" y="681333"/>
            <a:ext cx="18477111" cy="481333"/>
            <a:chOff x="414650" y="306600"/>
            <a:chExt cx="8314700" cy="216600"/>
          </a:xfrm>
        </p:grpSpPr>
        <p:grpSp>
          <p:nvGrpSpPr>
            <p:cNvPr id="295" name="Google Shape;295;p21"/>
            <p:cNvGrpSpPr/>
            <p:nvPr/>
          </p:nvGrpSpPr>
          <p:grpSpPr>
            <a:xfrm>
              <a:off x="713281" y="389286"/>
              <a:ext cx="7717437" cy="51251"/>
              <a:chOff x="450050" y="465475"/>
              <a:chExt cx="8367600" cy="51241"/>
            </a:xfrm>
          </p:grpSpPr>
          <p:cxnSp>
            <p:nvCxnSpPr>
              <p:cNvPr id="296" name="Google Shape;296;p21"/>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297" name="Google Shape;297;p21"/>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298" name="Google Shape;298;p21"/>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299" name="Google Shape;299;p21"/>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300" name="Google Shape;300;p21"/>
          <p:cNvSpPr txBox="1">
            <a:spLocks noGrp="1"/>
          </p:cNvSpPr>
          <p:nvPr>
            <p:ph type="title"/>
          </p:nvPr>
        </p:nvSpPr>
        <p:spPr>
          <a:xfrm>
            <a:off x="4641667" y="7855111"/>
            <a:ext cx="11036667" cy="1272667"/>
          </a:xfrm>
          <a:prstGeom prst="rect">
            <a:avLst/>
          </a:prstGeom>
        </p:spPr>
        <p:txBody>
          <a:bodyPr spcFirstLastPara="1" wrap="square" lIns="91425" tIns="91425" rIns="91425" bIns="91425" anchor="b" anchorCtr="0">
            <a:noAutofit/>
          </a:bodyPr>
          <a:lstStyle>
            <a:lvl1pPr lvl="0" rtl="0">
              <a:spcBef>
                <a:spcPts val="0"/>
              </a:spcBef>
              <a:spcAft>
                <a:spcPts val="0"/>
              </a:spcAft>
              <a:buSzPts val="3500"/>
              <a:buNone/>
              <a:defRPr/>
            </a:lvl1pPr>
            <a:lvl2pPr lvl="1" rtl="0">
              <a:spcBef>
                <a:spcPts val="0"/>
              </a:spcBef>
              <a:spcAft>
                <a:spcPts val="0"/>
              </a:spcAft>
              <a:buSzPts val="3500"/>
              <a:buNone/>
              <a:defRPr/>
            </a:lvl2pPr>
            <a:lvl3pPr lvl="2" rtl="0">
              <a:spcBef>
                <a:spcPts val="0"/>
              </a:spcBef>
              <a:spcAft>
                <a:spcPts val="0"/>
              </a:spcAft>
              <a:buSzPts val="3500"/>
              <a:buNone/>
              <a:defRPr/>
            </a:lvl3pPr>
            <a:lvl4pPr lvl="3" rtl="0">
              <a:spcBef>
                <a:spcPts val="0"/>
              </a:spcBef>
              <a:spcAft>
                <a:spcPts val="0"/>
              </a:spcAft>
              <a:buSzPts val="3500"/>
              <a:buNone/>
              <a:defRPr/>
            </a:lvl4pPr>
            <a:lvl5pPr lvl="4" rtl="0">
              <a:spcBef>
                <a:spcPts val="0"/>
              </a:spcBef>
              <a:spcAft>
                <a:spcPts val="0"/>
              </a:spcAft>
              <a:buSzPts val="3500"/>
              <a:buNone/>
              <a:defRPr/>
            </a:lvl5pPr>
            <a:lvl6pPr lvl="5" rtl="0">
              <a:spcBef>
                <a:spcPts val="0"/>
              </a:spcBef>
              <a:spcAft>
                <a:spcPts val="0"/>
              </a:spcAft>
              <a:buSzPts val="3500"/>
              <a:buNone/>
              <a:defRPr/>
            </a:lvl6pPr>
            <a:lvl7pPr lvl="6" rtl="0">
              <a:spcBef>
                <a:spcPts val="0"/>
              </a:spcBef>
              <a:spcAft>
                <a:spcPts val="0"/>
              </a:spcAft>
              <a:buSzPts val="3500"/>
              <a:buNone/>
              <a:defRPr/>
            </a:lvl7pPr>
            <a:lvl8pPr lvl="7" rtl="0">
              <a:spcBef>
                <a:spcPts val="0"/>
              </a:spcBef>
              <a:spcAft>
                <a:spcPts val="0"/>
              </a:spcAft>
              <a:buSzPts val="3500"/>
              <a:buNone/>
              <a:defRPr/>
            </a:lvl8pPr>
            <a:lvl9pPr lvl="8" rtl="0">
              <a:spcBef>
                <a:spcPts val="0"/>
              </a:spcBef>
              <a:spcAft>
                <a:spcPts val="0"/>
              </a:spcAft>
              <a:buSzPts val="3500"/>
              <a:buNone/>
              <a:defRPr/>
            </a:lvl9pPr>
          </a:lstStyle>
          <a:p>
            <a:endParaRPr/>
          </a:p>
        </p:txBody>
      </p:sp>
      <p:sp>
        <p:nvSpPr>
          <p:cNvPr id="301" name="Google Shape;301;p21"/>
          <p:cNvSpPr txBox="1">
            <a:spLocks noGrp="1"/>
          </p:cNvSpPr>
          <p:nvPr>
            <p:ph type="subTitle" idx="1"/>
          </p:nvPr>
        </p:nvSpPr>
        <p:spPr>
          <a:xfrm>
            <a:off x="4641667" y="8958444"/>
            <a:ext cx="11036667" cy="1272667"/>
          </a:xfrm>
          <a:prstGeom prst="rect">
            <a:avLst/>
          </a:prstGeom>
        </p:spPr>
        <p:txBody>
          <a:bodyPr spcFirstLastPara="1" wrap="square" lIns="91425" tIns="91425" rIns="91425" bIns="91425" anchor="t" anchorCtr="0">
            <a:noAutofit/>
          </a:bodyPr>
          <a:lstStyle>
            <a:lvl1pPr lvl="0" algn="ctr" rtl="0">
              <a:lnSpc>
                <a:spcPct val="100000"/>
              </a:lnSpc>
              <a:spcBef>
                <a:spcPts val="0"/>
              </a:spcBef>
              <a:spcAft>
                <a:spcPts val="0"/>
              </a:spcAft>
              <a:buSzPts val="1400"/>
              <a:buNone/>
              <a:defRPr/>
            </a:lvl1pPr>
            <a:lvl2pPr lvl="1" algn="ctr" rtl="0">
              <a:lnSpc>
                <a:spcPct val="100000"/>
              </a:lnSpc>
              <a:spcBef>
                <a:spcPts val="0"/>
              </a:spcBef>
              <a:spcAft>
                <a:spcPts val="0"/>
              </a:spcAft>
              <a:buSzPts val="1400"/>
              <a:buNone/>
              <a:defRPr/>
            </a:lvl2pPr>
            <a:lvl3pPr lvl="2" algn="ctr" rtl="0">
              <a:lnSpc>
                <a:spcPct val="100000"/>
              </a:lnSpc>
              <a:spcBef>
                <a:spcPts val="3556"/>
              </a:spcBef>
              <a:spcAft>
                <a:spcPts val="0"/>
              </a:spcAft>
              <a:buSzPts val="1400"/>
              <a:buNone/>
              <a:defRPr/>
            </a:lvl3pPr>
            <a:lvl4pPr lvl="3" algn="ctr" rtl="0">
              <a:lnSpc>
                <a:spcPct val="100000"/>
              </a:lnSpc>
              <a:spcBef>
                <a:spcPts val="3556"/>
              </a:spcBef>
              <a:spcAft>
                <a:spcPts val="0"/>
              </a:spcAft>
              <a:buSzPts val="1400"/>
              <a:buNone/>
              <a:defRPr/>
            </a:lvl4pPr>
            <a:lvl5pPr lvl="4" algn="ctr" rtl="0">
              <a:lnSpc>
                <a:spcPct val="100000"/>
              </a:lnSpc>
              <a:spcBef>
                <a:spcPts val="3556"/>
              </a:spcBef>
              <a:spcAft>
                <a:spcPts val="0"/>
              </a:spcAft>
              <a:buSzPts val="1400"/>
              <a:buNone/>
              <a:defRPr/>
            </a:lvl5pPr>
            <a:lvl6pPr lvl="5" algn="ctr" rtl="0">
              <a:lnSpc>
                <a:spcPct val="100000"/>
              </a:lnSpc>
              <a:spcBef>
                <a:spcPts val="3556"/>
              </a:spcBef>
              <a:spcAft>
                <a:spcPts val="0"/>
              </a:spcAft>
              <a:buSzPts val="1400"/>
              <a:buNone/>
              <a:defRPr/>
            </a:lvl6pPr>
            <a:lvl7pPr lvl="6" algn="ctr" rtl="0">
              <a:lnSpc>
                <a:spcPct val="100000"/>
              </a:lnSpc>
              <a:spcBef>
                <a:spcPts val="3556"/>
              </a:spcBef>
              <a:spcAft>
                <a:spcPts val="0"/>
              </a:spcAft>
              <a:buSzPts val="1400"/>
              <a:buNone/>
              <a:defRPr/>
            </a:lvl7pPr>
            <a:lvl8pPr lvl="7" algn="ctr" rtl="0">
              <a:lnSpc>
                <a:spcPct val="100000"/>
              </a:lnSpc>
              <a:spcBef>
                <a:spcPts val="3556"/>
              </a:spcBef>
              <a:spcAft>
                <a:spcPts val="0"/>
              </a:spcAft>
              <a:buSzPts val="1400"/>
              <a:buNone/>
              <a:defRPr/>
            </a:lvl8pPr>
            <a:lvl9pPr lvl="8" algn="ctr" rtl="0">
              <a:lnSpc>
                <a:spcPct val="100000"/>
              </a:lnSpc>
              <a:spcBef>
                <a:spcPts val="3556"/>
              </a:spcBef>
              <a:spcAft>
                <a:spcPts val="3556"/>
              </a:spcAft>
              <a:buSzPts val="1400"/>
              <a:buNone/>
              <a:defRPr/>
            </a:lvl9pPr>
          </a:lstStyle>
          <a:p>
            <a:endParaRPr/>
          </a:p>
        </p:txBody>
      </p:sp>
      <p:grpSp>
        <p:nvGrpSpPr>
          <p:cNvPr id="302" name="Google Shape;302;p21"/>
          <p:cNvGrpSpPr/>
          <p:nvPr/>
        </p:nvGrpSpPr>
        <p:grpSpPr>
          <a:xfrm flipH="1">
            <a:off x="20" y="10350054"/>
            <a:ext cx="20319813" cy="1079444"/>
            <a:chOff x="0" y="4569614"/>
            <a:chExt cx="9143916" cy="573969"/>
          </a:xfrm>
        </p:grpSpPr>
        <p:sp>
          <p:nvSpPr>
            <p:cNvPr id="303" name="Google Shape;303;p21"/>
            <p:cNvSpPr/>
            <p:nvPr/>
          </p:nvSpPr>
          <p:spPr>
            <a:xfrm>
              <a:off x="0" y="4569614"/>
              <a:ext cx="9143916" cy="502399"/>
            </a:xfrm>
            <a:custGeom>
              <a:avLst/>
              <a:gdLst/>
              <a:ahLst/>
              <a:cxnLst/>
              <a:rect l="l" t="t" r="r" b="b"/>
              <a:pathLst>
                <a:path w="285057" h="13941" extrusionOk="0">
                  <a:moveTo>
                    <a:pt x="238141" y="0"/>
                  </a:moveTo>
                  <a:lnTo>
                    <a:pt x="234529" y="47"/>
                  </a:lnTo>
                  <a:lnTo>
                    <a:pt x="230777" y="186"/>
                  </a:lnTo>
                  <a:lnTo>
                    <a:pt x="226933" y="325"/>
                  </a:lnTo>
                  <a:lnTo>
                    <a:pt x="222997" y="602"/>
                  </a:lnTo>
                  <a:lnTo>
                    <a:pt x="218921" y="927"/>
                  </a:lnTo>
                  <a:lnTo>
                    <a:pt x="214799" y="1343"/>
                  </a:lnTo>
                  <a:lnTo>
                    <a:pt x="210585" y="1853"/>
                  </a:lnTo>
                  <a:lnTo>
                    <a:pt x="206278" y="2455"/>
                  </a:lnTo>
                  <a:lnTo>
                    <a:pt x="204009" y="2733"/>
                  </a:lnTo>
                  <a:lnTo>
                    <a:pt x="201647" y="3057"/>
                  </a:lnTo>
                  <a:lnTo>
                    <a:pt x="199053" y="3289"/>
                  </a:lnTo>
                  <a:lnTo>
                    <a:pt x="196367" y="3566"/>
                  </a:lnTo>
                  <a:lnTo>
                    <a:pt x="193542" y="3798"/>
                  </a:lnTo>
                  <a:lnTo>
                    <a:pt x="190578" y="4030"/>
                  </a:lnTo>
                  <a:lnTo>
                    <a:pt x="184279" y="4400"/>
                  </a:lnTo>
                  <a:lnTo>
                    <a:pt x="177518" y="4724"/>
                  </a:lnTo>
                  <a:lnTo>
                    <a:pt x="170386" y="5002"/>
                  </a:lnTo>
                  <a:lnTo>
                    <a:pt x="162883" y="5187"/>
                  </a:lnTo>
                  <a:lnTo>
                    <a:pt x="155056" y="5326"/>
                  </a:lnTo>
                  <a:lnTo>
                    <a:pt x="146998" y="5465"/>
                  </a:lnTo>
                  <a:lnTo>
                    <a:pt x="138708" y="5512"/>
                  </a:lnTo>
                  <a:lnTo>
                    <a:pt x="130232" y="5512"/>
                  </a:lnTo>
                  <a:lnTo>
                    <a:pt x="121711" y="5465"/>
                  </a:lnTo>
                  <a:lnTo>
                    <a:pt x="113050" y="5419"/>
                  </a:lnTo>
                  <a:lnTo>
                    <a:pt x="104436" y="5280"/>
                  </a:lnTo>
                  <a:lnTo>
                    <a:pt x="95776" y="5187"/>
                  </a:lnTo>
                  <a:lnTo>
                    <a:pt x="87254" y="5002"/>
                  </a:lnTo>
                  <a:lnTo>
                    <a:pt x="70581" y="4632"/>
                  </a:lnTo>
                  <a:lnTo>
                    <a:pt x="54789" y="4215"/>
                  </a:lnTo>
                  <a:lnTo>
                    <a:pt x="40293" y="3752"/>
                  </a:lnTo>
                  <a:lnTo>
                    <a:pt x="27418" y="3242"/>
                  </a:lnTo>
                  <a:lnTo>
                    <a:pt x="16534" y="2825"/>
                  </a:lnTo>
                  <a:lnTo>
                    <a:pt x="8105" y="2409"/>
                  </a:lnTo>
                  <a:lnTo>
                    <a:pt x="2455" y="2131"/>
                  </a:lnTo>
                  <a:lnTo>
                    <a:pt x="834" y="1992"/>
                  </a:lnTo>
                  <a:lnTo>
                    <a:pt x="1" y="1946"/>
                  </a:lnTo>
                  <a:lnTo>
                    <a:pt x="1" y="13940"/>
                  </a:lnTo>
                  <a:lnTo>
                    <a:pt x="285056" y="13940"/>
                  </a:lnTo>
                  <a:lnTo>
                    <a:pt x="285056" y="5512"/>
                  </a:lnTo>
                  <a:lnTo>
                    <a:pt x="283574" y="5095"/>
                  </a:lnTo>
                  <a:lnTo>
                    <a:pt x="281768" y="4632"/>
                  </a:lnTo>
                  <a:lnTo>
                    <a:pt x="279267" y="4076"/>
                  </a:lnTo>
                  <a:lnTo>
                    <a:pt x="276118" y="3428"/>
                  </a:lnTo>
                  <a:lnTo>
                    <a:pt x="272366" y="2733"/>
                  </a:lnTo>
                  <a:lnTo>
                    <a:pt x="270236" y="2362"/>
                  </a:lnTo>
                  <a:lnTo>
                    <a:pt x="268013" y="2038"/>
                  </a:lnTo>
                  <a:lnTo>
                    <a:pt x="265605" y="1714"/>
                  </a:lnTo>
                  <a:lnTo>
                    <a:pt x="263057" y="1390"/>
                  </a:lnTo>
                  <a:lnTo>
                    <a:pt x="260371" y="1112"/>
                  </a:lnTo>
                  <a:lnTo>
                    <a:pt x="257593" y="834"/>
                  </a:lnTo>
                  <a:lnTo>
                    <a:pt x="254629" y="602"/>
                  </a:lnTo>
                  <a:lnTo>
                    <a:pt x="251572" y="371"/>
                  </a:lnTo>
                  <a:lnTo>
                    <a:pt x="248423" y="232"/>
                  </a:lnTo>
                  <a:lnTo>
                    <a:pt x="245088" y="93"/>
                  </a:lnTo>
                  <a:lnTo>
                    <a:pt x="241661" y="47"/>
                  </a:lnTo>
                  <a:lnTo>
                    <a:pt x="238141" y="0"/>
                  </a:lnTo>
                  <a:close/>
                </a:path>
              </a:pathLst>
            </a:custGeom>
            <a:solidFill>
              <a:schemeClr val="l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304" name="Google Shape;304;p21"/>
            <p:cNvSpPr/>
            <p:nvPr/>
          </p:nvSpPr>
          <p:spPr>
            <a:xfrm>
              <a:off x="0" y="4612402"/>
              <a:ext cx="9143916" cy="531181"/>
            </a:xfrm>
            <a:custGeom>
              <a:avLst/>
              <a:gdLst/>
              <a:ahLst/>
              <a:cxnLst/>
              <a:rect l="l" t="t" r="r" b="b"/>
              <a:pathLst>
                <a:path w="285057" h="21397" extrusionOk="0">
                  <a:moveTo>
                    <a:pt x="60439" y="1"/>
                  </a:moveTo>
                  <a:lnTo>
                    <a:pt x="57058" y="47"/>
                  </a:lnTo>
                  <a:lnTo>
                    <a:pt x="55530" y="47"/>
                  </a:lnTo>
                  <a:lnTo>
                    <a:pt x="54048" y="140"/>
                  </a:lnTo>
                  <a:lnTo>
                    <a:pt x="52658" y="232"/>
                  </a:lnTo>
                  <a:lnTo>
                    <a:pt x="51362" y="371"/>
                  </a:lnTo>
                  <a:lnTo>
                    <a:pt x="50157" y="510"/>
                  </a:lnTo>
                  <a:lnTo>
                    <a:pt x="49046" y="695"/>
                  </a:lnTo>
                  <a:lnTo>
                    <a:pt x="48073" y="927"/>
                  </a:lnTo>
                  <a:lnTo>
                    <a:pt x="47147" y="1205"/>
                  </a:lnTo>
                  <a:lnTo>
                    <a:pt x="43674" y="2270"/>
                  </a:lnTo>
                  <a:lnTo>
                    <a:pt x="40015" y="3335"/>
                  </a:lnTo>
                  <a:lnTo>
                    <a:pt x="36171" y="4400"/>
                  </a:lnTo>
                  <a:lnTo>
                    <a:pt x="32234" y="5419"/>
                  </a:lnTo>
                  <a:lnTo>
                    <a:pt x="28298" y="6392"/>
                  </a:lnTo>
                  <a:lnTo>
                    <a:pt x="24361" y="7318"/>
                  </a:lnTo>
                  <a:lnTo>
                    <a:pt x="16859" y="9032"/>
                  </a:lnTo>
                  <a:lnTo>
                    <a:pt x="10190" y="10467"/>
                  </a:lnTo>
                  <a:lnTo>
                    <a:pt x="4864" y="11579"/>
                  </a:lnTo>
                  <a:lnTo>
                    <a:pt x="1" y="12551"/>
                  </a:lnTo>
                  <a:lnTo>
                    <a:pt x="1" y="21397"/>
                  </a:lnTo>
                  <a:lnTo>
                    <a:pt x="285056" y="21397"/>
                  </a:lnTo>
                  <a:lnTo>
                    <a:pt x="285056" y="1205"/>
                  </a:lnTo>
                  <a:lnTo>
                    <a:pt x="280934" y="1853"/>
                  </a:lnTo>
                  <a:lnTo>
                    <a:pt x="275840" y="2687"/>
                  </a:lnTo>
                  <a:lnTo>
                    <a:pt x="263382" y="4910"/>
                  </a:lnTo>
                  <a:lnTo>
                    <a:pt x="248700" y="7503"/>
                  </a:lnTo>
                  <a:lnTo>
                    <a:pt x="240874" y="8846"/>
                  </a:lnTo>
                  <a:lnTo>
                    <a:pt x="232861" y="10143"/>
                  </a:lnTo>
                  <a:lnTo>
                    <a:pt x="224849" y="11440"/>
                  </a:lnTo>
                  <a:lnTo>
                    <a:pt x="216884" y="12551"/>
                  </a:lnTo>
                  <a:lnTo>
                    <a:pt x="212993" y="13107"/>
                  </a:lnTo>
                  <a:lnTo>
                    <a:pt x="209196" y="13570"/>
                  </a:lnTo>
                  <a:lnTo>
                    <a:pt x="205491" y="14033"/>
                  </a:lnTo>
                  <a:lnTo>
                    <a:pt x="201878" y="14404"/>
                  </a:lnTo>
                  <a:lnTo>
                    <a:pt x="198405" y="14728"/>
                  </a:lnTo>
                  <a:lnTo>
                    <a:pt x="195070" y="15006"/>
                  </a:lnTo>
                  <a:lnTo>
                    <a:pt x="191875" y="15191"/>
                  </a:lnTo>
                  <a:lnTo>
                    <a:pt x="188864" y="15330"/>
                  </a:lnTo>
                  <a:lnTo>
                    <a:pt x="186039" y="15423"/>
                  </a:lnTo>
                  <a:lnTo>
                    <a:pt x="183446" y="15376"/>
                  </a:lnTo>
                  <a:lnTo>
                    <a:pt x="181037" y="15284"/>
                  </a:lnTo>
                  <a:lnTo>
                    <a:pt x="179926" y="15191"/>
                  </a:lnTo>
                  <a:lnTo>
                    <a:pt x="178907" y="15052"/>
                  </a:lnTo>
                  <a:lnTo>
                    <a:pt x="174044" y="14404"/>
                  </a:lnTo>
                  <a:lnTo>
                    <a:pt x="167746" y="13478"/>
                  </a:lnTo>
                  <a:lnTo>
                    <a:pt x="151721" y="10977"/>
                  </a:lnTo>
                  <a:lnTo>
                    <a:pt x="142366" y="9495"/>
                  </a:lnTo>
                  <a:lnTo>
                    <a:pt x="132455" y="8013"/>
                  </a:lnTo>
                  <a:lnTo>
                    <a:pt x="122128" y="6484"/>
                  </a:lnTo>
                  <a:lnTo>
                    <a:pt x="111661" y="4956"/>
                  </a:lnTo>
                  <a:lnTo>
                    <a:pt x="101194" y="3567"/>
                  </a:lnTo>
                  <a:lnTo>
                    <a:pt x="96053" y="2965"/>
                  </a:lnTo>
                  <a:lnTo>
                    <a:pt x="91005" y="2363"/>
                  </a:lnTo>
                  <a:lnTo>
                    <a:pt x="86096" y="1807"/>
                  </a:lnTo>
                  <a:lnTo>
                    <a:pt x="81280" y="1344"/>
                  </a:lnTo>
                  <a:lnTo>
                    <a:pt x="76695" y="881"/>
                  </a:lnTo>
                  <a:lnTo>
                    <a:pt x="72249" y="556"/>
                  </a:lnTo>
                  <a:lnTo>
                    <a:pt x="68081" y="279"/>
                  </a:lnTo>
                  <a:lnTo>
                    <a:pt x="64098" y="93"/>
                  </a:lnTo>
                  <a:lnTo>
                    <a:pt x="60439" y="1"/>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grpSp>
        <p:nvGrpSpPr>
          <p:cNvPr id="305" name="Google Shape;305;p21"/>
          <p:cNvGrpSpPr/>
          <p:nvPr/>
        </p:nvGrpSpPr>
        <p:grpSpPr>
          <a:xfrm>
            <a:off x="-320892" y="5736168"/>
            <a:ext cx="20215838" cy="5234691"/>
            <a:chOff x="-144402" y="2581275"/>
            <a:chExt cx="9097127" cy="2355611"/>
          </a:xfrm>
        </p:grpSpPr>
        <p:sp>
          <p:nvSpPr>
            <p:cNvPr id="306" name="Google Shape;306;p21"/>
            <p:cNvSpPr/>
            <p:nvPr/>
          </p:nvSpPr>
          <p:spPr>
            <a:xfrm>
              <a:off x="8490725" y="3443888"/>
              <a:ext cx="462000" cy="1352350"/>
            </a:xfrm>
            <a:custGeom>
              <a:avLst/>
              <a:gdLst/>
              <a:ahLst/>
              <a:cxnLst/>
              <a:rect l="l" t="t" r="r" b="b"/>
              <a:pathLst>
                <a:path w="18480" h="54094" extrusionOk="0">
                  <a:moveTo>
                    <a:pt x="2177" y="27464"/>
                  </a:moveTo>
                  <a:lnTo>
                    <a:pt x="2363" y="27973"/>
                  </a:lnTo>
                  <a:lnTo>
                    <a:pt x="2594" y="28436"/>
                  </a:lnTo>
                  <a:lnTo>
                    <a:pt x="2872" y="28853"/>
                  </a:lnTo>
                  <a:lnTo>
                    <a:pt x="3243" y="29224"/>
                  </a:lnTo>
                  <a:lnTo>
                    <a:pt x="3613" y="29548"/>
                  </a:lnTo>
                  <a:lnTo>
                    <a:pt x="4122" y="29779"/>
                  </a:lnTo>
                  <a:lnTo>
                    <a:pt x="4632" y="30011"/>
                  </a:lnTo>
                  <a:lnTo>
                    <a:pt x="5188" y="30196"/>
                  </a:lnTo>
                  <a:lnTo>
                    <a:pt x="5327" y="31539"/>
                  </a:lnTo>
                  <a:lnTo>
                    <a:pt x="4863" y="31493"/>
                  </a:lnTo>
                  <a:lnTo>
                    <a:pt x="4447" y="31400"/>
                  </a:lnTo>
                  <a:lnTo>
                    <a:pt x="3984" y="31261"/>
                  </a:lnTo>
                  <a:lnTo>
                    <a:pt x="3613" y="31076"/>
                  </a:lnTo>
                  <a:lnTo>
                    <a:pt x="3243" y="30845"/>
                  </a:lnTo>
                  <a:lnTo>
                    <a:pt x="2918" y="30613"/>
                  </a:lnTo>
                  <a:lnTo>
                    <a:pt x="2687" y="30335"/>
                  </a:lnTo>
                  <a:lnTo>
                    <a:pt x="2502" y="30011"/>
                  </a:lnTo>
                  <a:lnTo>
                    <a:pt x="2409" y="29733"/>
                  </a:lnTo>
                  <a:lnTo>
                    <a:pt x="2316" y="29455"/>
                  </a:lnTo>
                  <a:lnTo>
                    <a:pt x="2224" y="28807"/>
                  </a:lnTo>
                  <a:lnTo>
                    <a:pt x="2224" y="28158"/>
                  </a:lnTo>
                  <a:lnTo>
                    <a:pt x="2177" y="27464"/>
                  </a:lnTo>
                  <a:close/>
                  <a:moveTo>
                    <a:pt x="7457" y="1"/>
                  </a:moveTo>
                  <a:lnTo>
                    <a:pt x="7179" y="47"/>
                  </a:lnTo>
                  <a:lnTo>
                    <a:pt x="6901" y="140"/>
                  </a:lnTo>
                  <a:lnTo>
                    <a:pt x="6670" y="278"/>
                  </a:lnTo>
                  <a:lnTo>
                    <a:pt x="6484" y="510"/>
                  </a:lnTo>
                  <a:lnTo>
                    <a:pt x="6299" y="881"/>
                  </a:lnTo>
                  <a:lnTo>
                    <a:pt x="6114" y="1251"/>
                  </a:lnTo>
                  <a:lnTo>
                    <a:pt x="5882" y="2038"/>
                  </a:lnTo>
                  <a:lnTo>
                    <a:pt x="5697" y="2826"/>
                  </a:lnTo>
                  <a:lnTo>
                    <a:pt x="5604" y="3613"/>
                  </a:lnTo>
                  <a:lnTo>
                    <a:pt x="5558" y="4400"/>
                  </a:lnTo>
                  <a:lnTo>
                    <a:pt x="5558" y="5234"/>
                  </a:lnTo>
                  <a:lnTo>
                    <a:pt x="5558" y="6901"/>
                  </a:lnTo>
                  <a:lnTo>
                    <a:pt x="5558" y="10004"/>
                  </a:lnTo>
                  <a:lnTo>
                    <a:pt x="5604" y="13107"/>
                  </a:lnTo>
                  <a:lnTo>
                    <a:pt x="5651" y="14913"/>
                  </a:lnTo>
                  <a:lnTo>
                    <a:pt x="5604" y="16719"/>
                  </a:lnTo>
                  <a:lnTo>
                    <a:pt x="5558" y="18479"/>
                  </a:lnTo>
                  <a:lnTo>
                    <a:pt x="5466" y="19405"/>
                  </a:lnTo>
                  <a:lnTo>
                    <a:pt x="5327" y="20285"/>
                  </a:lnTo>
                  <a:lnTo>
                    <a:pt x="5095" y="21860"/>
                  </a:lnTo>
                  <a:lnTo>
                    <a:pt x="4817" y="23388"/>
                  </a:lnTo>
                  <a:lnTo>
                    <a:pt x="4771" y="24176"/>
                  </a:lnTo>
                  <a:lnTo>
                    <a:pt x="4725" y="24963"/>
                  </a:lnTo>
                  <a:lnTo>
                    <a:pt x="4725" y="25750"/>
                  </a:lnTo>
                  <a:lnTo>
                    <a:pt x="4817" y="26538"/>
                  </a:lnTo>
                  <a:lnTo>
                    <a:pt x="4910" y="27603"/>
                  </a:lnTo>
                  <a:lnTo>
                    <a:pt x="4539" y="27047"/>
                  </a:lnTo>
                  <a:lnTo>
                    <a:pt x="4261" y="26445"/>
                  </a:lnTo>
                  <a:lnTo>
                    <a:pt x="4030" y="25797"/>
                  </a:lnTo>
                  <a:lnTo>
                    <a:pt x="3891" y="25195"/>
                  </a:lnTo>
                  <a:lnTo>
                    <a:pt x="3845" y="24546"/>
                  </a:lnTo>
                  <a:lnTo>
                    <a:pt x="3798" y="23851"/>
                  </a:lnTo>
                  <a:lnTo>
                    <a:pt x="3845" y="22416"/>
                  </a:lnTo>
                  <a:lnTo>
                    <a:pt x="3798" y="21721"/>
                  </a:lnTo>
                  <a:lnTo>
                    <a:pt x="3752" y="21397"/>
                  </a:lnTo>
                  <a:lnTo>
                    <a:pt x="3659" y="21073"/>
                  </a:lnTo>
                  <a:lnTo>
                    <a:pt x="3567" y="20795"/>
                  </a:lnTo>
                  <a:lnTo>
                    <a:pt x="3428" y="20517"/>
                  </a:lnTo>
                  <a:lnTo>
                    <a:pt x="3243" y="20285"/>
                  </a:lnTo>
                  <a:lnTo>
                    <a:pt x="3011" y="20054"/>
                  </a:lnTo>
                  <a:lnTo>
                    <a:pt x="2965" y="20008"/>
                  </a:lnTo>
                  <a:lnTo>
                    <a:pt x="2872" y="20054"/>
                  </a:lnTo>
                  <a:lnTo>
                    <a:pt x="2502" y="20332"/>
                  </a:lnTo>
                  <a:lnTo>
                    <a:pt x="2224" y="20656"/>
                  </a:lnTo>
                  <a:lnTo>
                    <a:pt x="1992" y="21026"/>
                  </a:lnTo>
                  <a:lnTo>
                    <a:pt x="1853" y="21490"/>
                  </a:lnTo>
                  <a:lnTo>
                    <a:pt x="1761" y="21953"/>
                  </a:lnTo>
                  <a:lnTo>
                    <a:pt x="1714" y="22416"/>
                  </a:lnTo>
                  <a:lnTo>
                    <a:pt x="1668" y="22925"/>
                  </a:lnTo>
                  <a:lnTo>
                    <a:pt x="1668" y="23435"/>
                  </a:lnTo>
                  <a:lnTo>
                    <a:pt x="1483" y="22694"/>
                  </a:lnTo>
                  <a:lnTo>
                    <a:pt x="1297" y="21953"/>
                  </a:lnTo>
                  <a:lnTo>
                    <a:pt x="1020" y="21212"/>
                  </a:lnTo>
                  <a:lnTo>
                    <a:pt x="742" y="20424"/>
                  </a:lnTo>
                  <a:lnTo>
                    <a:pt x="695" y="20378"/>
                  </a:lnTo>
                  <a:lnTo>
                    <a:pt x="603" y="20424"/>
                  </a:lnTo>
                  <a:lnTo>
                    <a:pt x="371" y="21397"/>
                  </a:lnTo>
                  <a:lnTo>
                    <a:pt x="232" y="22323"/>
                  </a:lnTo>
                  <a:lnTo>
                    <a:pt x="93" y="23296"/>
                  </a:lnTo>
                  <a:lnTo>
                    <a:pt x="1" y="24268"/>
                  </a:lnTo>
                  <a:lnTo>
                    <a:pt x="1" y="25195"/>
                  </a:lnTo>
                  <a:lnTo>
                    <a:pt x="1" y="26167"/>
                  </a:lnTo>
                  <a:lnTo>
                    <a:pt x="47" y="28158"/>
                  </a:lnTo>
                  <a:lnTo>
                    <a:pt x="140" y="28853"/>
                  </a:lnTo>
                  <a:lnTo>
                    <a:pt x="186" y="29455"/>
                  </a:lnTo>
                  <a:lnTo>
                    <a:pt x="325" y="30057"/>
                  </a:lnTo>
                  <a:lnTo>
                    <a:pt x="510" y="30567"/>
                  </a:lnTo>
                  <a:lnTo>
                    <a:pt x="788" y="31030"/>
                  </a:lnTo>
                  <a:lnTo>
                    <a:pt x="1112" y="31493"/>
                  </a:lnTo>
                  <a:lnTo>
                    <a:pt x="1575" y="31863"/>
                  </a:lnTo>
                  <a:lnTo>
                    <a:pt x="2177" y="32234"/>
                  </a:lnTo>
                  <a:lnTo>
                    <a:pt x="2548" y="32419"/>
                  </a:lnTo>
                  <a:lnTo>
                    <a:pt x="2918" y="32604"/>
                  </a:lnTo>
                  <a:lnTo>
                    <a:pt x="3752" y="32836"/>
                  </a:lnTo>
                  <a:lnTo>
                    <a:pt x="4586" y="33021"/>
                  </a:lnTo>
                  <a:lnTo>
                    <a:pt x="5002" y="33068"/>
                  </a:lnTo>
                  <a:lnTo>
                    <a:pt x="5419" y="33068"/>
                  </a:lnTo>
                  <a:lnTo>
                    <a:pt x="5466" y="34503"/>
                  </a:lnTo>
                  <a:lnTo>
                    <a:pt x="5466" y="35985"/>
                  </a:lnTo>
                  <a:lnTo>
                    <a:pt x="5466" y="37514"/>
                  </a:lnTo>
                  <a:lnTo>
                    <a:pt x="5419" y="39042"/>
                  </a:lnTo>
                  <a:lnTo>
                    <a:pt x="5141" y="45711"/>
                  </a:lnTo>
                  <a:lnTo>
                    <a:pt x="5002" y="47517"/>
                  </a:lnTo>
                  <a:lnTo>
                    <a:pt x="4863" y="49370"/>
                  </a:lnTo>
                  <a:lnTo>
                    <a:pt x="4863" y="50249"/>
                  </a:lnTo>
                  <a:lnTo>
                    <a:pt x="4863" y="51176"/>
                  </a:lnTo>
                  <a:lnTo>
                    <a:pt x="4863" y="52056"/>
                  </a:lnTo>
                  <a:lnTo>
                    <a:pt x="5002" y="52936"/>
                  </a:lnTo>
                  <a:lnTo>
                    <a:pt x="5095" y="53260"/>
                  </a:lnTo>
                  <a:lnTo>
                    <a:pt x="5234" y="53538"/>
                  </a:lnTo>
                  <a:lnTo>
                    <a:pt x="5419" y="53769"/>
                  </a:lnTo>
                  <a:lnTo>
                    <a:pt x="5697" y="53908"/>
                  </a:lnTo>
                  <a:lnTo>
                    <a:pt x="5975" y="54001"/>
                  </a:lnTo>
                  <a:lnTo>
                    <a:pt x="6299" y="54093"/>
                  </a:lnTo>
                  <a:lnTo>
                    <a:pt x="6948" y="54093"/>
                  </a:lnTo>
                  <a:lnTo>
                    <a:pt x="7272" y="54047"/>
                  </a:lnTo>
                  <a:lnTo>
                    <a:pt x="7596" y="53954"/>
                  </a:lnTo>
                  <a:lnTo>
                    <a:pt x="7874" y="53816"/>
                  </a:lnTo>
                  <a:lnTo>
                    <a:pt x="8105" y="53677"/>
                  </a:lnTo>
                  <a:lnTo>
                    <a:pt x="8337" y="53538"/>
                  </a:lnTo>
                  <a:lnTo>
                    <a:pt x="8476" y="53352"/>
                  </a:lnTo>
                  <a:lnTo>
                    <a:pt x="8568" y="53121"/>
                  </a:lnTo>
                  <a:lnTo>
                    <a:pt x="8568" y="52936"/>
                  </a:lnTo>
                  <a:lnTo>
                    <a:pt x="8754" y="52102"/>
                  </a:lnTo>
                  <a:lnTo>
                    <a:pt x="8939" y="51315"/>
                  </a:lnTo>
                  <a:lnTo>
                    <a:pt x="9171" y="49647"/>
                  </a:lnTo>
                  <a:lnTo>
                    <a:pt x="9310" y="47980"/>
                  </a:lnTo>
                  <a:lnTo>
                    <a:pt x="9356" y="46267"/>
                  </a:lnTo>
                  <a:lnTo>
                    <a:pt x="9402" y="42840"/>
                  </a:lnTo>
                  <a:lnTo>
                    <a:pt x="9448" y="41172"/>
                  </a:lnTo>
                  <a:lnTo>
                    <a:pt x="9495" y="39551"/>
                  </a:lnTo>
                  <a:lnTo>
                    <a:pt x="9541" y="38255"/>
                  </a:lnTo>
                  <a:lnTo>
                    <a:pt x="10282" y="38255"/>
                  </a:lnTo>
                  <a:lnTo>
                    <a:pt x="10699" y="38162"/>
                  </a:lnTo>
                  <a:lnTo>
                    <a:pt x="11162" y="38069"/>
                  </a:lnTo>
                  <a:lnTo>
                    <a:pt x="11579" y="37977"/>
                  </a:lnTo>
                  <a:lnTo>
                    <a:pt x="11996" y="37838"/>
                  </a:lnTo>
                  <a:lnTo>
                    <a:pt x="12366" y="37653"/>
                  </a:lnTo>
                  <a:lnTo>
                    <a:pt x="12737" y="37467"/>
                  </a:lnTo>
                  <a:lnTo>
                    <a:pt x="13107" y="37236"/>
                  </a:lnTo>
                  <a:lnTo>
                    <a:pt x="13478" y="36958"/>
                  </a:lnTo>
                  <a:lnTo>
                    <a:pt x="13802" y="36726"/>
                  </a:lnTo>
                  <a:lnTo>
                    <a:pt x="14080" y="36402"/>
                  </a:lnTo>
                  <a:lnTo>
                    <a:pt x="14358" y="36078"/>
                  </a:lnTo>
                  <a:lnTo>
                    <a:pt x="14635" y="35754"/>
                  </a:lnTo>
                  <a:lnTo>
                    <a:pt x="14867" y="35383"/>
                  </a:lnTo>
                  <a:lnTo>
                    <a:pt x="15099" y="34966"/>
                  </a:lnTo>
                  <a:lnTo>
                    <a:pt x="15284" y="34550"/>
                  </a:lnTo>
                  <a:lnTo>
                    <a:pt x="15562" y="33901"/>
                  </a:lnTo>
                  <a:lnTo>
                    <a:pt x="15840" y="33207"/>
                  </a:lnTo>
                  <a:lnTo>
                    <a:pt x="16303" y="31863"/>
                  </a:lnTo>
                  <a:lnTo>
                    <a:pt x="17136" y="29085"/>
                  </a:lnTo>
                  <a:lnTo>
                    <a:pt x="17553" y="27788"/>
                  </a:lnTo>
                  <a:lnTo>
                    <a:pt x="17970" y="26538"/>
                  </a:lnTo>
                  <a:lnTo>
                    <a:pt x="18155" y="25889"/>
                  </a:lnTo>
                  <a:lnTo>
                    <a:pt x="18294" y="25241"/>
                  </a:lnTo>
                  <a:lnTo>
                    <a:pt x="18433" y="24592"/>
                  </a:lnTo>
                  <a:lnTo>
                    <a:pt x="18479" y="23898"/>
                  </a:lnTo>
                  <a:lnTo>
                    <a:pt x="18479" y="23620"/>
                  </a:lnTo>
                  <a:lnTo>
                    <a:pt x="18433" y="23157"/>
                  </a:lnTo>
                  <a:lnTo>
                    <a:pt x="18340" y="22601"/>
                  </a:lnTo>
                  <a:lnTo>
                    <a:pt x="18202" y="21999"/>
                  </a:lnTo>
                  <a:lnTo>
                    <a:pt x="17970" y="21443"/>
                  </a:lnTo>
                  <a:lnTo>
                    <a:pt x="17831" y="21212"/>
                  </a:lnTo>
                  <a:lnTo>
                    <a:pt x="17692" y="21026"/>
                  </a:lnTo>
                  <a:lnTo>
                    <a:pt x="17507" y="20887"/>
                  </a:lnTo>
                  <a:lnTo>
                    <a:pt x="17322" y="20795"/>
                  </a:lnTo>
                  <a:lnTo>
                    <a:pt x="17090" y="20841"/>
                  </a:lnTo>
                  <a:lnTo>
                    <a:pt x="16858" y="20934"/>
                  </a:lnTo>
                  <a:lnTo>
                    <a:pt x="16442" y="21212"/>
                  </a:lnTo>
                  <a:lnTo>
                    <a:pt x="16117" y="21490"/>
                  </a:lnTo>
                  <a:lnTo>
                    <a:pt x="15886" y="21767"/>
                  </a:lnTo>
                  <a:lnTo>
                    <a:pt x="15701" y="22092"/>
                  </a:lnTo>
                  <a:lnTo>
                    <a:pt x="15515" y="22416"/>
                  </a:lnTo>
                  <a:lnTo>
                    <a:pt x="15423" y="22833"/>
                  </a:lnTo>
                  <a:lnTo>
                    <a:pt x="15191" y="23759"/>
                  </a:lnTo>
                  <a:lnTo>
                    <a:pt x="14821" y="25195"/>
                  </a:lnTo>
                  <a:lnTo>
                    <a:pt x="14404" y="26630"/>
                  </a:lnTo>
                  <a:lnTo>
                    <a:pt x="13524" y="29502"/>
                  </a:lnTo>
                  <a:lnTo>
                    <a:pt x="12876" y="31771"/>
                  </a:lnTo>
                  <a:lnTo>
                    <a:pt x="12505" y="32882"/>
                  </a:lnTo>
                  <a:lnTo>
                    <a:pt x="12274" y="33438"/>
                  </a:lnTo>
                  <a:lnTo>
                    <a:pt x="12042" y="33994"/>
                  </a:lnTo>
                  <a:lnTo>
                    <a:pt x="11857" y="34411"/>
                  </a:lnTo>
                  <a:lnTo>
                    <a:pt x="11579" y="34781"/>
                  </a:lnTo>
                  <a:lnTo>
                    <a:pt x="11347" y="35105"/>
                  </a:lnTo>
                  <a:lnTo>
                    <a:pt x="11069" y="35337"/>
                  </a:lnTo>
                  <a:lnTo>
                    <a:pt x="10745" y="35568"/>
                  </a:lnTo>
                  <a:lnTo>
                    <a:pt x="10375" y="35707"/>
                  </a:lnTo>
                  <a:lnTo>
                    <a:pt x="10004" y="35846"/>
                  </a:lnTo>
                  <a:lnTo>
                    <a:pt x="9587" y="35939"/>
                  </a:lnTo>
                  <a:lnTo>
                    <a:pt x="9587" y="33716"/>
                  </a:lnTo>
                  <a:lnTo>
                    <a:pt x="9495" y="31493"/>
                  </a:lnTo>
                  <a:lnTo>
                    <a:pt x="9310" y="29270"/>
                  </a:lnTo>
                  <a:lnTo>
                    <a:pt x="9078" y="27047"/>
                  </a:lnTo>
                  <a:lnTo>
                    <a:pt x="8985" y="26213"/>
                  </a:lnTo>
                  <a:lnTo>
                    <a:pt x="8939" y="25426"/>
                  </a:lnTo>
                  <a:lnTo>
                    <a:pt x="8939" y="24639"/>
                  </a:lnTo>
                  <a:lnTo>
                    <a:pt x="8985" y="23898"/>
                  </a:lnTo>
                  <a:lnTo>
                    <a:pt x="9171" y="22369"/>
                  </a:lnTo>
                  <a:lnTo>
                    <a:pt x="9448" y="20749"/>
                  </a:lnTo>
                  <a:lnTo>
                    <a:pt x="9587" y="19915"/>
                  </a:lnTo>
                  <a:lnTo>
                    <a:pt x="9680" y="19128"/>
                  </a:lnTo>
                  <a:lnTo>
                    <a:pt x="9819" y="17460"/>
                  </a:lnTo>
                  <a:lnTo>
                    <a:pt x="9865" y="15793"/>
                  </a:lnTo>
                  <a:lnTo>
                    <a:pt x="9865" y="14126"/>
                  </a:lnTo>
                  <a:lnTo>
                    <a:pt x="9773" y="10513"/>
                  </a:lnTo>
                  <a:lnTo>
                    <a:pt x="9634" y="6901"/>
                  </a:lnTo>
                  <a:lnTo>
                    <a:pt x="9587" y="5234"/>
                  </a:lnTo>
                  <a:lnTo>
                    <a:pt x="9541" y="4400"/>
                  </a:lnTo>
                  <a:lnTo>
                    <a:pt x="9448" y="3613"/>
                  </a:lnTo>
                  <a:lnTo>
                    <a:pt x="9310" y="2779"/>
                  </a:lnTo>
                  <a:lnTo>
                    <a:pt x="9124" y="1992"/>
                  </a:lnTo>
                  <a:lnTo>
                    <a:pt x="8846" y="1251"/>
                  </a:lnTo>
                  <a:lnTo>
                    <a:pt x="8661" y="881"/>
                  </a:lnTo>
                  <a:lnTo>
                    <a:pt x="8430" y="510"/>
                  </a:lnTo>
                  <a:lnTo>
                    <a:pt x="8244" y="278"/>
                  </a:lnTo>
                  <a:lnTo>
                    <a:pt x="8013" y="140"/>
                  </a:lnTo>
                  <a:lnTo>
                    <a:pt x="7735" y="47"/>
                  </a:lnTo>
                  <a:lnTo>
                    <a:pt x="7457" y="1"/>
                  </a:lnTo>
                  <a:close/>
                </a:path>
              </a:pathLst>
            </a:custGeom>
            <a:solidFill>
              <a:schemeClr val="l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307" name="Google Shape;307;p21"/>
            <p:cNvSpPr/>
            <p:nvPr/>
          </p:nvSpPr>
          <p:spPr>
            <a:xfrm>
              <a:off x="8084873" y="4031300"/>
              <a:ext cx="230989" cy="777232"/>
            </a:xfrm>
            <a:custGeom>
              <a:avLst/>
              <a:gdLst/>
              <a:ahLst/>
              <a:cxnLst/>
              <a:rect l="l" t="t" r="r" b="b"/>
              <a:pathLst>
                <a:path w="11672" h="39274" extrusionOk="0">
                  <a:moveTo>
                    <a:pt x="6253" y="1"/>
                  </a:moveTo>
                  <a:lnTo>
                    <a:pt x="6068" y="47"/>
                  </a:lnTo>
                  <a:lnTo>
                    <a:pt x="5929" y="140"/>
                  </a:lnTo>
                  <a:lnTo>
                    <a:pt x="5558" y="603"/>
                  </a:lnTo>
                  <a:lnTo>
                    <a:pt x="5327" y="1112"/>
                  </a:lnTo>
                  <a:lnTo>
                    <a:pt x="5141" y="1622"/>
                  </a:lnTo>
                  <a:lnTo>
                    <a:pt x="5002" y="2177"/>
                  </a:lnTo>
                  <a:lnTo>
                    <a:pt x="4910" y="2733"/>
                  </a:lnTo>
                  <a:lnTo>
                    <a:pt x="4863" y="3289"/>
                  </a:lnTo>
                  <a:lnTo>
                    <a:pt x="4817" y="4447"/>
                  </a:lnTo>
                  <a:lnTo>
                    <a:pt x="4771" y="6855"/>
                  </a:lnTo>
                  <a:lnTo>
                    <a:pt x="4725" y="9263"/>
                  </a:lnTo>
                  <a:lnTo>
                    <a:pt x="4771" y="11903"/>
                  </a:lnTo>
                  <a:lnTo>
                    <a:pt x="4817" y="14543"/>
                  </a:lnTo>
                  <a:lnTo>
                    <a:pt x="4586" y="14172"/>
                  </a:lnTo>
                  <a:lnTo>
                    <a:pt x="4447" y="13755"/>
                  </a:lnTo>
                  <a:lnTo>
                    <a:pt x="4308" y="13339"/>
                  </a:lnTo>
                  <a:lnTo>
                    <a:pt x="4215" y="12922"/>
                  </a:lnTo>
                  <a:lnTo>
                    <a:pt x="4169" y="12459"/>
                  </a:lnTo>
                  <a:lnTo>
                    <a:pt x="4076" y="11533"/>
                  </a:lnTo>
                  <a:lnTo>
                    <a:pt x="4030" y="10699"/>
                  </a:lnTo>
                  <a:lnTo>
                    <a:pt x="4076" y="10189"/>
                  </a:lnTo>
                  <a:lnTo>
                    <a:pt x="4076" y="9680"/>
                  </a:lnTo>
                  <a:lnTo>
                    <a:pt x="4030" y="8661"/>
                  </a:lnTo>
                  <a:lnTo>
                    <a:pt x="3798" y="6670"/>
                  </a:lnTo>
                  <a:lnTo>
                    <a:pt x="3752" y="5605"/>
                  </a:lnTo>
                  <a:lnTo>
                    <a:pt x="3659" y="4586"/>
                  </a:lnTo>
                  <a:lnTo>
                    <a:pt x="3613" y="4076"/>
                  </a:lnTo>
                  <a:lnTo>
                    <a:pt x="3520" y="3567"/>
                  </a:lnTo>
                  <a:lnTo>
                    <a:pt x="3381" y="3057"/>
                  </a:lnTo>
                  <a:lnTo>
                    <a:pt x="3150" y="2594"/>
                  </a:lnTo>
                  <a:lnTo>
                    <a:pt x="3104" y="2502"/>
                  </a:lnTo>
                  <a:lnTo>
                    <a:pt x="3011" y="2409"/>
                  </a:lnTo>
                  <a:lnTo>
                    <a:pt x="2826" y="2363"/>
                  </a:lnTo>
                  <a:lnTo>
                    <a:pt x="2594" y="2455"/>
                  </a:lnTo>
                  <a:lnTo>
                    <a:pt x="2548" y="2502"/>
                  </a:lnTo>
                  <a:lnTo>
                    <a:pt x="2455" y="2594"/>
                  </a:lnTo>
                  <a:lnTo>
                    <a:pt x="2224" y="3104"/>
                  </a:lnTo>
                  <a:lnTo>
                    <a:pt x="2038" y="3613"/>
                  </a:lnTo>
                  <a:lnTo>
                    <a:pt x="1946" y="4169"/>
                  </a:lnTo>
                  <a:lnTo>
                    <a:pt x="1853" y="4725"/>
                  </a:lnTo>
                  <a:lnTo>
                    <a:pt x="1853" y="5280"/>
                  </a:lnTo>
                  <a:lnTo>
                    <a:pt x="1853" y="5836"/>
                  </a:lnTo>
                  <a:lnTo>
                    <a:pt x="1899" y="6994"/>
                  </a:lnTo>
                  <a:lnTo>
                    <a:pt x="1992" y="8105"/>
                  </a:lnTo>
                  <a:lnTo>
                    <a:pt x="2131" y="9171"/>
                  </a:lnTo>
                  <a:lnTo>
                    <a:pt x="2177" y="10421"/>
                  </a:lnTo>
                  <a:lnTo>
                    <a:pt x="2270" y="11625"/>
                  </a:lnTo>
                  <a:lnTo>
                    <a:pt x="2455" y="12737"/>
                  </a:lnTo>
                  <a:lnTo>
                    <a:pt x="2548" y="13292"/>
                  </a:lnTo>
                  <a:lnTo>
                    <a:pt x="2687" y="13802"/>
                  </a:lnTo>
                  <a:lnTo>
                    <a:pt x="2872" y="14265"/>
                  </a:lnTo>
                  <a:lnTo>
                    <a:pt x="3057" y="14682"/>
                  </a:lnTo>
                  <a:lnTo>
                    <a:pt x="3289" y="15052"/>
                  </a:lnTo>
                  <a:lnTo>
                    <a:pt x="3567" y="15376"/>
                  </a:lnTo>
                  <a:lnTo>
                    <a:pt x="3845" y="15654"/>
                  </a:lnTo>
                  <a:lnTo>
                    <a:pt x="4169" y="15886"/>
                  </a:lnTo>
                  <a:lnTo>
                    <a:pt x="4493" y="16025"/>
                  </a:lnTo>
                  <a:lnTo>
                    <a:pt x="4863" y="16071"/>
                  </a:lnTo>
                  <a:lnTo>
                    <a:pt x="5002" y="18850"/>
                  </a:lnTo>
                  <a:lnTo>
                    <a:pt x="5049" y="19545"/>
                  </a:lnTo>
                  <a:lnTo>
                    <a:pt x="4910" y="19591"/>
                  </a:lnTo>
                  <a:lnTo>
                    <a:pt x="4586" y="19730"/>
                  </a:lnTo>
                  <a:lnTo>
                    <a:pt x="4261" y="19730"/>
                  </a:lnTo>
                  <a:lnTo>
                    <a:pt x="3984" y="19683"/>
                  </a:lnTo>
                  <a:lnTo>
                    <a:pt x="3752" y="19545"/>
                  </a:lnTo>
                  <a:lnTo>
                    <a:pt x="3520" y="19359"/>
                  </a:lnTo>
                  <a:lnTo>
                    <a:pt x="3289" y="19128"/>
                  </a:lnTo>
                  <a:lnTo>
                    <a:pt x="3104" y="18804"/>
                  </a:lnTo>
                  <a:lnTo>
                    <a:pt x="2965" y="18479"/>
                  </a:lnTo>
                  <a:lnTo>
                    <a:pt x="2687" y="17692"/>
                  </a:lnTo>
                  <a:lnTo>
                    <a:pt x="2455" y="16812"/>
                  </a:lnTo>
                  <a:lnTo>
                    <a:pt x="2316" y="15886"/>
                  </a:lnTo>
                  <a:lnTo>
                    <a:pt x="2224" y="15052"/>
                  </a:lnTo>
                  <a:lnTo>
                    <a:pt x="2224" y="14033"/>
                  </a:lnTo>
                  <a:lnTo>
                    <a:pt x="2177" y="13061"/>
                  </a:lnTo>
                  <a:lnTo>
                    <a:pt x="1992" y="11069"/>
                  </a:lnTo>
                  <a:lnTo>
                    <a:pt x="1899" y="9958"/>
                  </a:lnTo>
                  <a:lnTo>
                    <a:pt x="1807" y="9402"/>
                  </a:lnTo>
                  <a:lnTo>
                    <a:pt x="1714" y="8893"/>
                  </a:lnTo>
                  <a:lnTo>
                    <a:pt x="1529" y="8383"/>
                  </a:lnTo>
                  <a:lnTo>
                    <a:pt x="1344" y="7874"/>
                  </a:lnTo>
                  <a:lnTo>
                    <a:pt x="1066" y="7364"/>
                  </a:lnTo>
                  <a:lnTo>
                    <a:pt x="742" y="6901"/>
                  </a:lnTo>
                  <a:lnTo>
                    <a:pt x="649" y="6809"/>
                  </a:lnTo>
                  <a:lnTo>
                    <a:pt x="556" y="6762"/>
                  </a:lnTo>
                  <a:lnTo>
                    <a:pt x="417" y="6762"/>
                  </a:lnTo>
                  <a:lnTo>
                    <a:pt x="279" y="6809"/>
                  </a:lnTo>
                  <a:lnTo>
                    <a:pt x="186" y="6855"/>
                  </a:lnTo>
                  <a:lnTo>
                    <a:pt x="93" y="6948"/>
                  </a:lnTo>
                  <a:lnTo>
                    <a:pt x="47" y="7087"/>
                  </a:lnTo>
                  <a:lnTo>
                    <a:pt x="1" y="7179"/>
                  </a:lnTo>
                  <a:lnTo>
                    <a:pt x="47" y="8430"/>
                  </a:lnTo>
                  <a:lnTo>
                    <a:pt x="140" y="9634"/>
                  </a:lnTo>
                  <a:lnTo>
                    <a:pt x="232" y="10838"/>
                  </a:lnTo>
                  <a:lnTo>
                    <a:pt x="325" y="12088"/>
                  </a:lnTo>
                  <a:lnTo>
                    <a:pt x="371" y="13153"/>
                  </a:lnTo>
                  <a:lnTo>
                    <a:pt x="464" y="14265"/>
                  </a:lnTo>
                  <a:lnTo>
                    <a:pt x="510" y="15284"/>
                  </a:lnTo>
                  <a:lnTo>
                    <a:pt x="603" y="16256"/>
                  </a:lnTo>
                  <a:lnTo>
                    <a:pt x="742" y="17275"/>
                  </a:lnTo>
                  <a:lnTo>
                    <a:pt x="834" y="17738"/>
                  </a:lnTo>
                  <a:lnTo>
                    <a:pt x="973" y="18201"/>
                  </a:lnTo>
                  <a:lnTo>
                    <a:pt x="1066" y="18572"/>
                  </a:lnTo>
                  <a:lnTo>
                    <a:pt x="1205" y="18896"/>
                  </a:lnTo>
                  <a:lnTo>
                    <a:pt x="1575" y="19498"/>
                  </a:lnTo>
                  <a:lnTo>
                    <a:pt x="2038" y="20054"/>
                  </a:lnTo>
                  <a:lnTo>
                    <a:pt x="2270" y="20332"/>
                  </a:lnTo>
                  <a:lnTo>
                    <a:pt x="2548" y="20563"/>
                  </a:lnTo>
                  <a:lnTo>
                    <a:pt x="2826" y="20749"/>
                  </a:lnTo>
                  <a:lnTo>
                    <a:pt x="3104" y="20934"/>
                  </a:lnTo>
                  <a:lnTo>
                    <a:pt x="3428" y="21073"/>
                  </a:lnTo>
                  <a:lnTo>
                    <a:pt x="3752" y="21165"/>
                  </a:lnTo>
                  <a:lnTo>
                    <a:pt x="4076" y="21258"/>
                  </a:lnTo>
                  <a:lnTo>
                    <a:pt x="4771" y="21258"/>
                  </a:lnTo>
                  <a:lnTo>
                    <a:pt x="5095" y="21212"/>
                  </a:lnTo>
                  <a:lnTo>
                    <a:pt x="5141" y="23388"/>
                  </a:lnTo>
                  <a:lnTo>
                    <a:pt x="5141" y="25519"/>
                  </a:lnTo>
                  <a:lnTo>
                    <a:pt x="5188" y="29872"/>
                  </a:lnTo>
                  <a:lnTo>
                    <a:pt x="5188" y="32049"/>
                  </a:lnTo>
                  <a:lnTo>
                    <a:pt x="5234" y="34179"/>
                  </a:lnTo>
                  <a:lnTo>
                    <a:pt x="5327" y="36356"/>
                  </a:lnTo>
                  <a:lnTo>
                    <a:pt x="5466" y="38533"/>
                  </a:lnTo>
                  <a:lnTo>
                    <a:pt x="5512" y="38672"/>
                  </a:lnTo>
                  <a:lnTo>
                    <a:pt x="5558" y="38857"/>
                  </a:lnTo>
                  <a:lnTo>
                    <a:pt x="5697" y="38949"/>
                  </a:lnTo>
                  <a:lnTo>
                    <a:pt x="5836" y="39088"/>
                  </a:lnTo>
                  <a:lnTo>
                    <a:pt x="6021" y="39135"/>
                  </a:lnTo>
                  <a:lnTo>
                    <a:pt x="6207" y="39227"/>
                  </a:lnTo>
                  <a:lnTo>
                    <a:pt x="6577" y="39274"/>
                  </a:lnTo>
                  <a:lnTo>
                    <a:pt x="6994" y="39227"/>
                  </a:lnTo>
                  <a:lnTo>
                    <a:pt x="7179" y="39135"/>
                  </a:lnTo>
                  <a:lnTo>
                    <a:pt x="7318" y="39088"/>
                  </a:lnTo>
                  <a:lnTo>
                    <a:pt x="7457" y="38949"/>
                  </a:lnTo>
                  <a:lnTo>
                    <a:pt x="7596" y="38857"/>
                  </a:lnTo>
                  <a:lnTo>
                    <a:pt x="7642" y="38718"/>
                  </a:lnTo>
                  <a:lnTo>
                    <a:pt x="7689" y="38533"/>
                  </a:lnTo>
                  <a:lnTo>
                    <a:pt x="7689" y="36587"/>
                  </a:lnTo>
                  <a:lnTo>
                    <a:pt x="7596" y="34642"/>
                  </a:lnTo>
                  <a:lnTo>
                    <a:pt x="7411" y="30798"/>
                  </a:lnTo>
                  <a:lnTo>
                    <a:pt x="7179" y="26955"/>
                  </a:lnTo>
                  <a:lnTo>
                    <a:pt x="6948" y="23111"/>
                  </a:lnTo>
                  <a:lnTo>
                    <a:pt x="6948" y="23111"/>
                  </a:lnTo>
                  <a:lnTo>
                    <a:pt x="7225" y="23157"/>
                  </a:lnTo>
                  <a:lnTo>
                    <a:pt x="7828" y="23157"/>
                  </a:lnTo>
                  <a:lnTo>
                    <a:pt x="8152" y="23111"/>
                  </a:lnTo>
                  <a:lnTo>
                    <a:pt x="8430" y="23018"/>
                  </a:lnTo>
                  <a:lnTo>
                    <a:pt x="8707" y="22879"/>
                  </a:lnTo>
                  <a:lnTo>
                    <a:pt x="9217" y="22555"/>
                  </a:lnTo>
                  <a:lnTo>
                    <a:pt x="9726" y="22184"/>
                  </a:lnTo>
                  <a:lnTo>
                    <a:pt x="10143" y="21721"/>
                  </a:lnTo>
                  <a:lnTo>
                    <a:pt x="10514" y="21165"/>
                  </a:lnTo>
                  <a:lnTo>
                    <a:pt x="10792" y="20656"/>
                  </a:lnTo>
                  <a:lnTo>
                    <a:pt x="11116" y="19730"/>
                  </a:lnTo>
                  <a:lnTo>
                    <a:pt x="11394" y="18757"/>
                  </a:lnTo>
                  <a:lnTo>
                    <a:pt x="11579" y="17785"/>
                  </a:lnTo>
                  <a:lnTo>
                    <a:pt x="11671" y="16766"/>
                  </a:lnTo>
                  <a:lnTo>
                    <a:pt x="11671" y="15747"/>
                  </a:lnTo>
                  <a:lnTo>
                    <a:pt x="11625" y="15237"/>
                  </a:lnTo>
                  <a:lnTo>
                    <a:pt x="11533" y="14728"/>
                  </a:lnTo>
                  <a:lnTo>
                    <a:pt x="11440" y="14265"/>
                  </a:lnTo>
                  <a:lnTo>
                    <a:pt x="11301" y="13755"/>
                  </a:lnTo>
                  <a:lnTo>
                    <a:pt x="11162" y="13339"/>
                  </a:lnTo>
                  <a:lnTo>
                    <a:pt x="10977" y="12876"/>
                  </a:lnTo>
                  <a:lnTo>
                    <a:pt x="10884" y="12783"/>
                  </a:lnTo>
                  <a:lnTo>
                    <a:pt x="10792" y="12690"/>
                  </a:lnTo>
                  <a:lnTo>
                    <a:pt x="10653" y="12644"/>
                  </a:lnTo>
                  <a:lnTo>
                    <a:pt x="10560" y="12690"/>
                  </a:lnTo>
                  <a:lnTo>
                    <a:pt x="10421" y="12690"/>
                  </a:lnTo>
                  <a:lnTo>
                    <a:pt x="10328" y="12783"/>
                  </a:lnTo>
                  <a:lnTo>
                    <a:pt x="10236" y="12876"/>
                  </a:lnTo>
                  <a:lnTo>
                    <a:pt x="10189" y="12968"/>
                  </a:lnTo>
                  <a:lnTo>
                    <a:pt x="10004" y="13524"/>
                  </a:lnTo>
                  <a:lnTo>
                    <a:pt x="9912" y="14033"/>
                  </a:lnTo>
                  <a:lnTo>
                    <a:pt x="9726" y="15099"/>
                  </a:lnTo>
                  <a:lnTo>
                    <a:pt x="9448" y="17229"/>
                  </a:lnTo>
                  <a:lnTo>
                    <a:pt x="9263" y="18433"/>
                  </a:lnTo>
                  <a:lnTo>
                    <a:pt x="9078" y="19128"/>
                  </a:lnTo>
                  <a:lnTo>
                    <a:pt x="8846" y="19822"/>
                  </a:lnTo>
                  <a:lnTo>
                    <a:pt x="8707" y="20054"/>
                  </a:lnTo>
                  <a:lnTo>
                    <a:pt x="8569" y="20286"/>
                  </a:lnTo>
                  <a:lnTo>
                    <a:pt x="8383" y="20471"/>
                  </a:lnTo>
                  <a:lnTo>
                    <a:pt x="8198" y="20610"/>
                  </a:lnTo>
                  <a:lnTo>
                    <a:pt x="7920" y="20702"/>
                  </a:lnTo>
                  <a:lnTo>
                    <a:pt x="7689" y="20749"/>
                  </a:lnTo>
                  <a:lnTo>
                    <a:pt x="7364" y="20749"/>
                  </a:lnTo>
                  <a:lnTo>
                    <a:pt x="6994" y="20702"/>
                  </a:lnTo>
                  <a:lnTo>
                    <a:pt x="6855" y="20656"/>
                  </a:lnTo>
                  <a:lnTo>
                    <a:pt x="6809" y="18850"/>
                  </a:lnTo>
                  <a:lnTo>
                    <a:pt x="6809" y="17877"/>
                  </a:lnTo>
                  <a:lnTo>
                    <a:pt x="7225" y="17831"/>
                  </a:lnTo>
                  <a:lnTo>
                    <a:pt x="7550" y="17738"/>
                  </a:lnTo>
                  <a:lnTo>
                    <a:pt x="7874" y="17599"/>
                  </a:lnTo>
                  <a:lnTo>
                    <a:pt x="8105" y="17414"/>
                  </a:lnTo>
                  <a:lnTo>
                    <a:pt x="8337" y="17229"/>
                  </a:lnTo>
                  <a:lnTo>
                    <a:pt x="8476" y="17044"/>
                  </a:lnTo>
                  <a:lnTo>
                    <a:pt x="8615" y="16812"/>
                  </a:lnTo>
                  <a:lnTo>
                    <a:pt x="8754" y="16534"/>
                  </a:lnTo>
                  <a:lnTo>
                    <a:pt x="8893" y="16349"/>
                  </a:lnTo>
                  <a:lnTo>
                    <a:pt x="9032" y="16117"/>
                  </a:lnTo>
                  <a:lnTo>
                    <a:pt x="9217" y="15562"/>
                  </a:lnTo>
                  <a:lnTo>
                    <a:pt x="9356" y="15006"/>
                  </a:lnTo>
                  <a:lnTo>
                    <a:pt x="9402" y="14404"/>
                  </a:lnTo>
                  <a:lnTo>
                    <a:pt x="9448" y="13061"/>
                  </a:lnTo>
                  <a:lnTo>
                    <a:pt x="9819" y="11394"/>
                  </a:lnTo>
                  <a:lnTo>
                    <a:pt x="9912" y="10560"/>
                  </a:lnTo>
                  <a:lnTo>
                    <a:pt x="10004" y="9726"/>
                  </a:lnTo>
                  <a:lnTo>
                    <a:pt x="10004" y="8893"/>
                  </a:lnTo>
                  <a:lnTo>
                    <a:pt x="9912" y="8059"/>
                  </a:lnTo>
                  <a:lnTo>
                    <a:pt x="9819" y="7642"/>
                  </a:lnTo>
                  <a:lnTo>
                    <a:pt x="9726" y="7225"/>
                  </a:lnTo>
                  <a:lnTo>
                    <a:pt x="9541" y="6809"/>
                  </a:lnTo>
                  <a:lnTo>
                    <a:pt x="9356" y="6392"/>
                  </a:lnTo>
                  <a:lnTo>
                    <a:pt x="9263" y="6299"/>
                  </a:lnTo>
                  <a:lnTo>
                    <a:pt x="9171" y="6207"/>
                  </a:lnTo>
                  <a:lnTo>
                    <a:pt x="8939" y="6207"/>
                  </a:lnTo>
                  <a:lnTo>
                    <a:pt x="8846" y="6253"/>
                  </a:lnTo>
                  <a:lnTo>
                    <a:pt x="8707" y="6299"/>
                  </a:lnTo>
                  <a:lnTo>
                    <a:pt x="8661" y="6392"/>
                  </a:lnTo>
                  <a:lnTo>
                    <a:pt x="8569" y="6531"/>
                  </a:lnTo>
                  <a:lnTo>
                    <a:pt x="8383" y="7179"/>
                  </a:lnTo>
                  <a:lnTo>
                    <a:pt x="8198" y="7920"/>
                  </a:lnTo>
                  <a:lnTo>
                    <a:pt x="8059" y="8661"/>
                  </a:lnTo>
                  <a:lnTo>
                    <a:pt x="7966" y="9448"/>
                  </a:lnTo>
                  <a:lnTo>
                    <a:pt x="7828" y="10977"/>
                  </a:lnTo>
                  <a:lnTo>
                    <a:pt x="7735" y="12459"/>
                  </a:lnTo>
                  <a:lnTo>
                    <a:pt x="7689" y="13014"/>
                  </a:lnTo>
                  <a:lnTo>
                    <a:pt x="7735" y="13570"/>
                  </a:lnTo>
                  <a:lnTo>
                    <a:pt x="7735" y="14126"/>
                  </a:lnTo>
                  <a:lnTo>
                    <a:pt x="7735" y="14404"/>
                  </a:lnTo>
                  <a:lnTo>
                    <a:pt x="7689" y="14682"/>
                  </a:lnTo>
                  <a:lnTo>
                    <a:pt x="7550" y="15099"/>
                  </a:lnTo>
                  <a:lnTo>
                    <a:pt x="7318" y="15423"/>
                  </a:lnTo>
                  <a:lnTo>
                    <a:pt x="7087" y="15654"/>
                  </a:lnTo>
                  <a:lnTo>
                    <a:pt x="6809" y="15886"/>
                  </a:lnTo>
                  <a:lnTo>
                    <a:pt x="6809" y="12551"/>
                  </a:lnTo>
                  <a:lnTo>
                    <a:pt x="6855" y="9263"/>
                  </a:lnTo>
                  <a:lnTo>
                    <a:pt x="6948" y="6670"/>
                  </a:lnTo>
                  <a:lnTo>
                    <a:pt x="7087" y="4076"/>
                  </a:lnTo>
                  <a:lnTo>
                    <a:pt x="7133" y="3057"/>
                  </a:lnTo>
                  <a:lnTo>
                    <a:pt x="7179" y="2548"/>
                  </a:lnTo>
                  <a:lnTo>
                    <a:pt x="7133" y="2038"/>
                  </a:lnTo>
                  <a:lnTo>
                    <a:pt x="7087" y="1529"/>
                  </a:lnTo>
                  <a:lnTo>
                    <a:pt x="6994" y="1066"/>
                  </a:lnTo>
                  <a:lnTo>
                    <a:pt x="6809" y="603"/>
                  </a:lnTo>
                  <a:lnTo>
                    <a:pt x="6531" y="140"/>
                  </a:lnTo>
                  <a:lnTo>
                    <a:pt x="6438" y="47"/>
                  </a:lnTo>
                  <a:lnTo>
                    <a:pt x="6253" y="1"/>
                  </a:lnTo>
                  <a:close/>
                </a:path>
              </a:pathLst>
            </a:custGeom>
            <a:solidFill>
              <a:schemeClr val="l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308" name="Google Shape;308;p21"/>
            <p:cNvSpPr/>
            <p:nvPr/>
          </p:nvSpPr>
          <p:spPr>
            <a:xfrm flipH="1">
              <a:off x="-144402" y="2581275"/>
              <a:ext cx="612253" cy="2355611"/>
            </a:xfrm>
            <a:custGeom>
              <a:avLst/>
              <a:gdLst/>
              <a:ahLst/>
              <a:cxnLst/>
              <a:rect l="l" t="t" r="r" b="b"/>
              <a:pathLst>
                <a:path w="24361" h="93737" extrusionOk="0">
                  <a:moveTo>
                    <a:pt x="11069" y="0"/>
                  </a:moveTo>
                  <a:lnTo>
                    <a:pt x="10606" y="47"/>
                  </a:lnTo>
                  <a:lnTo>
                    <a:pt x="10189" y="139"/>
                  </a:lnTo>
                  <a:lnTo>
                    <a:pt x="9957" y="232"/>
                  </a:lnTo>
                  <a:lnTo>
                    <a:pt x="9818" y="371"/>
                  </a:lnTo>
                  <a:lnTo>
                    <a:pt x="9679" y="510"/>
                  </a:lnTo>
                  <a:lnTo>
                    <a:pt x="9541" y="649"/>
                  </a:lnTo>
                  <a:lnTo>
                    <a:pt x="9263" y="1297"/>
                  </a:lnTo>
                  <a:lnTo>
                    <a:pt x="9031" y="1899"/>
                  </a:lnTo>
                  <a:lnTo>
                    <a:pt x="8800" y="2548"/>
                  </a:lnTo>
                  <a:lnTo>
                    <a:pt x="8661" y="3196"/>
                  </a:lnTo>
                  <a:lnTo>
                    <a:pt x="8522" y="3844"/>
                  </a:lnTo>
                  <a:lnTo>
                    <a:pt x="8429" y="4539"/>
                  </a:lnTo>
                  <a:lnTo>
                    <a:pt x="8383" y="5187"/>
                  </a:lnTo>
                  <a:lnTo>
                    <a:pt x="8336" y="5836"/>
                  </a:lnTo>
                  <a:lnTo>
                    <a:pt x="8336" y="7179"/>
                  </a:lnTo>
                  <a:lnTo>
                    <a:pt x="8429" y="8522"/>
                  </a:lnTo>
                  <a:lnTo>
                    <a:pt x="8661" y="11208"/>
                  </a:lnTo>
                  <a:lnTo>
                    <a:pt x="8938" y="14172"/>
                  </a:lnTo>
                  <a:lnTo>
                    <a:pt x="9124" y="17090"/>
                  </a:lnTo>
                  <a:lnTo>
                    <a:pt x="9216" y="20054"/>
                  </a:lnTo>
                  <a:lnTo>
                    <a:pt x="9216" y="21489"/>
                  </a:lnTo>
                  <a:lnTo>
                    <a:pt x="9216" y="22971"/>
                  </a:lnTo>
                  <a:lnTo>
                    <a:pt x="9124" y="25194"/>
                  </a:lnTo>
                  <a:lnTo>
                    <a:pt x="8985" y="27417"/>
                  </a:lnTo>
                  <a:lnTo>
                    <a:pt x="8707" y="31863"/>
                  </a:lnTo>
                  <a:lnTo>
                    <a:pt x="8383" y="36263"/>
                  </a:lnTo>
                  <a:lnTo>
                    <a:pt x="8058" y="40709"/>
                  </a:lnTo>
                  <a:lnTo>
                    <a:pt x="7873" y="40061"/>
                  </a:lnTo>
                  <a:lnTo>
                    <a:pt x="7595" y="39412"/>
                  </a:lnTo>
                  <a:lnTo>
                    <a:pt x="7225" y="38857"/>
                  </a:lnTo>
                  <a:lnTo>
                    <a:pt x="6808" y="38347"/>
                  </a:lnTo>
                  <a:lnTo>
                    <a:pt x="6669" y="38254"/>
                  </a:lnTo>
                  <a:lnTo>
                    <a:pt x="6438" y="38208"/>
                  </a:lnTo>
                  <a:lnTo>
                    <a:pt x="6252" y="38208"/>
                  </a:lnTo>
                  <a:lnTo>
                    <a:pt x="6160" y="38254"/>
                  </a:lnTo>
                  <a:lnTo>
                    <a:pt x="6067" y="38347"/>
                  </a:lnTo>
                  <a:lnTo>
                    <a:pt x="5835" y="38671"/>
                  </a:lnTo>
                  <a:lnTo>
                    <a:pt x="5650" y="39042"/>
                  </a:lnTo>
                  <a:lnTo>
                    <a:pt x="5465" y="39412"/>
                  </a:lnTo>
                  <a:lnTo>
                    <a:pt x="5326" y="39783"/>
                  </a:lnTo>
                  <a:lnTo>
                    <a:pt x="5233" y="40153"/>
                  </a:lnTo>
                  <a:lnTo>
                    <a:pt x="5141" y="40570"/>
                  </a:lnTo>
                  <a:lnTo>
                    <a:pt x="5048" y="41357"/>
                  </a:lnTo>
                  <a:lnTo>
                    <a:pt x="5048" y="42191"/>
                  </a:lnTo>
                  <a:lnTo>
                    <a:pt x="5048" y="43025"/>
                  </a:lnTo>
                  <a:lnTo>
                    <a:pt x="5094" y="44646"/>
                  </a:lnTo>
                  <a:lnTo>
                    <a:pt x="5141" y="46730"/>
                  </a:lnTo>
                  <a:lnTo>
                    <a:pt x="5187" y="48814"/>
                  </a:lnTo>
                  <a:lnTo>
                    <a:pt x="5419" y="52935"/>
                  </a:lnTo>
                  <a:lnTo>
                    <a:pt x="5511" y="54927"/>
                  </a:lnTo>
                  <a:lnTo>
                    <a:pt x="5558" y="56965"/>
                  </a:lnTo>
                  <a:lnTo>
                    <a:pt x="5558" y="56965"/>
                  </a:lnTo>
                  <a:lnTo>
                    <a:pt x="5326" y="56177"/>
                  </a:lnTo>
                  <a:lnTo>
                    <a:pt x="5141" y="55436"/>
                  </a:lnTo>
                  <a:lnTo>
                    <a:pt x="4956" y="54649"/>
                  </a:lnTo>
                  <a:lnTo>
                    <a:pt x="4817" y="53862"/>
                  </a:lnTo>
                  <a:lnTo>
                    <a:pt x="4770" y="53074"/>
                  </a:lnTo>
                  <a:lnTo>
                    <a:pt x="4724" y="52287"/>
                  </a:lnTo>
                  <a:lnTo>
                    <a:pt x="4678" y="50759"/>
                  </a:lnTo>
                  <a:lnTo>
                    <a:pt x="4817" y="47656"/>
                  </a:lnTo>
                  <a:lnTo>
                    <a:pt x="4817" y="45896"/>
                  </a:lnTo>
                  <a:lnTo>
                    <a:pt x="4770" y="44090"/>
                  </a:lnTo>
                  <a:lnTo>
                    <a:pt x="4678" y="42330"/>
                  </a:lnTo>
                  <a:lnTo>
                    <a:pt x="4585" y="40524"/>
                  </a:lnTo>
                  <a:lnTo>
                    <a:pt x="4261" y="36958"/>
                  </a:lnTo>
                  <a:lnTo>
                    <a:pt x="4029" y="33392"/>
                  </a:lnTo>
                  <a:lnTo>
                    <a:pt x="3937" y="31400"/>
                  </a:lnTo>
                  <a:lnTo>
                    <a:pt x="3844" y="30428"/>
                  </a:lnTo>
                  <a:lnTo>
                    <a:pt x="3751" y="29918"/>
                  </a:lnTo>
                  <a:lnTo>
                    <a:pt x="3659" y="29455"/>
                  </a:lnTo>
                  <a:lnTo>
                    <a:pt x="3520" y="29038"/>
                  </a:lnTo>
                  <a:lnTo>
                    <a:pt x="3335" y="28621"/>
                  </a:lnTo>
                  <a:lnTo>
                    <a:pt x="3103" y="28251"/>
                  </a:lnTo>
                  <a:lnTo>
                    <a:pt x="2779" y="27927"/>
                  </a:lnTo>
                  <a:lnTo>
                    <a:pt x="2455" y="27649"/>
                  </a:lnTo>
                  <a:lnTo>
                    <a:pt x="2038" y="27464"/>
                  </a:lnTo>
                  <a:lnTo>
                    <a:pt x="1528" y="27278"/>
                  </a:lnTo>
                  <a:lnTo>
                    <a:pt x="973" y="27232"/>
                  </a:lnTo>
                  <a:lnTo>
                    <a:pt x="648" y="27232"/>
                  </a:lnTo>
                  <a:lnTo>
                    <a:pt x="463" y="27325"/>
                  </a:lnTo>
                  <a:lnTo>
                    <a:pt x="278" y="27417"/>
                  </a:lnTo>
                  <a:lnTo>
                    <a:pt x="139" y="27510"/>
                  </a:lnTo>
                  <a:lnTo>
                    <a:pt x="46" y="27695"/>
                  </a:lnTo>
                  <a:lnTo>
                    <a:pt x="0" y="27834"/>
                  </a:lnTo>
                  <a:lnTo>
                    <a:pt x="0" y="28019"/>
                  </a:lnTo>
                  <a:lnTo>
                    <a:pt x="232" y="28668"/>
                  </a:lnTo>
                  <a:lnTo>
                    <a:pt x="324" y="29316"/>
                  </a:lnTo>
                  <a:lnTo>
                    <a:pt x="417" y="30011"/>
                  </a:lnTo>
                  <a:lnTo>
                    <a:pt x="463" y="30706"/>
                  </a:lnTo>
                  <a:lnTo>
                    <a:pt x="463" y="32049"/>
                  </a:lnTo>
                  <a:lnTo>
                    <a:pt x="463" y="33392"/>
                  </a:lnTo>
                  <a:lnTo>
                    <a:pt x="556" y="35244"/>
                  </a:lnTo>
                  <a:lnTo>
                    <a:pt x="648" y="37097"/>
                  </a:lnTo>
                  <a:lnTo>
                    <a:pt x="648" y="38023"/>
                  </a:lnTo>
                  <a:lnTo>
                    <a:pt x="648" y="38949"/>
                  </a:lnTo>
                  <a:lnTo>
                    <a:pt x="648" y="39875"/>
                  </a:lnTo>
                  <a:lnTo>
                    <a:pt x="556" y="40802"/>
                  </a:lnTo>
                  <a:lnTo>
                    <a:pt x="371" y="42469"/>
                  </a:lnTo>
                  <a:lnTo>
                    <a:pt x="232" y="44229"/>
                  </a:lnTo>
                  <a:lnTo>
                    <a:pt x="139" y="45989"/>
                  </a:lnTo>
                  <a:lnTo>
                    <a:pt x="93" y="47795"/>
                  </a:lnTo>
                  <a:lnTo>
                    <a:pt x="93" y="49555"/>
                  </a:lnTo>
                  <a:lnTo>
                    <a:pt x="185" y="51315"/>
                  </a:lnTo>
                  <a:lnTo>
                    <a:pt x="324" y="53074"/>
                  </a:lnTo>
                  <a:lnTo>
                    <a:pt x="556" y="54742"/>
                  </a:lnTo>
                  <a:lnTo>
                    <a:pt x="695" y="55575"/>
                  </a:lnTo>
                  <a:lnTo>
                    <a:pt x="880" y="56409"/>
                  </a:lnTo>
                  <a:lnTo>
                    <a:pt x="1297" y="57984"/>
                  </a:lnTo>
                  <a:lnTo>
                    <a:pt x="1714" y="59604"/>
                  </a:lnTo>
                  <a:lnTo>
                    <a:pt x="1899" y="60438"/>
                  </a:lnTo>
                  <a:lnTo>
                    <a:pt x="2038" y="61272"/>
                  </a:lnTo>
                  <a:lnTo>
                    <a:pt x="2223" y="62661"/>
                  </a:lnTo>
                  <a:lnTo>
                    <a:pt x="2408" y="64097"/>
                  </a:lnTo>
                  <a:lnTo>
                    <a:pt x="2547" y="64791"/>
                  </a:lnTo>
                  <a:lnTo>
                    <a:pt x="2686" y="65486"/>
                  </a:lnTo>
                  <a:lnTo>
                    <a:pt x="2918" y="66181"/>
                  </a:lnTo>
                  <a:lnTo>
                    <a:pt x="3196" y="66829"/>
                  </a:lnTo>
                  <a:lnTo>
                    <a:pt x="3566" y="67478"/>
                  </a:lnTo>
                  <a:lnTo>
                    <a:pt x="3983" y="68126"/>
                  </a:lnTo>
                  <a:lnTo>
                    <a:pt x="4446" y="68682"/>
                  </a:lnTo>
                  <a:lnTo>
                    <a:pt x="4956" y="69237"/>
                  </a:lnTo>
                  <a:lnTo>
                    <a:pt x="5511" y="69701"/>
                  </a:lnTo>
                  <a:lnTo>
                    <a:pt x="6113" y="70164"/>
                  </a:lnTo>
                  <a:lnTo>
                    <a:pt x="6715" y="70534"/>
                  </a:lnTo>
                  <a:lnTo>
                    <a:pt x="7364" y="70812"/>
                  </a:lnTo>
                  <a:lnTo>
                    <a:pt x="7179" y="72572"/>
                  </a:lnTo>
                  <a:lnTo>
                    <a:pt x="7086" y="73452"/>
                  </a:lnTo>
                  <a:lnTo>
                    <a:pt x="7040" y="74332"/>
                  </a:lnTo>
                  <a:lnTo>
                    <a:pt x="7086" y="75767"/>
                  </a:lnTo>
                  <a:lnTo>
                    <a:pt x="7179" y="77203"/>
                  </a:lnTo>
                  <a:lnTo>
                    <a:pt x="7317" y="78639"/>
                  </a:lnTo>
                  <a:lnTo>
                    <a:pt x="7410" y="80075"/>
                  </a:lnTo>
                  <a:lnTo>
                    <a:pt x="7456" y="81603"/>
                  </a:lnTo>
                  <a:lnTo>
                    <a:pt x="7456" y="83131"/>
                  </a:lnTo>
                  <a:lnTo>
                    <a:pt x="7503" y="86188"/>
                  </a:lnTo>
                  <a:lnTo>
                    <a:pt x="7549" y="87716"/>
                  </a:lnTo>
                  <a:lnTo>
                    <a:pt x="7642" y="89244"/>
                  </a:lnTo>
                  <a:lnTo>
                    <a:pt x="7827" y="90773"/>
                  </a:lnTo>
                  <a:lnTo>
                    <a:pt x="7966" y="91514"/>
                  </a:lnTo>
                  <a:lnTo>
                    <a:pt x="8151" y="92208"/>
                  </a:lnTo>
                  <a:lnTo>
                    <a:pt x="8197" y="92440"/>
                  </a:lnTo>
                  <a:lnTo>
                    <a:pt x="8290" y="92625"/>
                  </a:lnTo>
                  <a:lnTo>
                    <a:pt x="8522" y="92996"/>
                  </a:lnTo>
                  <a:lnTo>
                    <a:pt x="8846" y="93274"/>
                  </a:lnTo>
                  <a:lnTo>
                    <a:pt x="9263" y="93505"/>
                  </a:lnTo>
                  <a:lnTo>
                    <a:pt x="9679" y="93644"/>
                  </a:lnTo>
                  <a:lnTo>
                    <a:pt x="10143" y="93737"/>
                  </a:lnTo>
                  <a:lnTo>
                    <a:pt x="10652" y="93737"/>
                  </a:lnTo>
                  <a:lnTo>
                    <a:pt x="11161" y="93690"/>
                  </a:lnTo>
                  <a:lnTo>
                    <a:pt x="11671" y="93598"/>
                  </a:lnTo>
                  <a:lnTo>
                    <a:pt x="12180" y="93459"/>
                  </a:lnTo>
                  <a:lnTo>
                    <a:pt x="12643" y="93274"/>
                  </a:lnTo>
                  <a:lnTo>
                    <a:pt x="13060" y="93042"/>
                  </a:lnTo>
                  <a:lnTo>
                    <a:pt x="13431" y="92764"/>
                  </a:lnTo>
                  <a:lnTo>
                    <a:pt x="13709" y="92440"/>
                  </a:lnTo>
                  <a:lnTo>
                    <a:pt x="13940" y="92116"/>
                  </a:lnTo>
                  <a:lnTo>
                    <a:pt x="14079" y="91699"/>
                  </a:lnTo>
                  <a:lnTo>
                    <a:pt x="14218" y="91004"/>
                  </a:lnTo>
                  <a:lnTo>
                    <a:pt x="14311" y="90310"/>
                  </a:lnTo>
                  <a:lnTo>
                    <a:pt x="14403" y="88874"/>
                  </a:lnTo>
                  <a:lnTo>
                    <a:pt x="14450" y="87392"/>
                  </a:lnTo>
                  <a:lnTo>
                    <a:pt x="14403" y="85910"/>
                  </a:lnTo>
                  <a:lnTo>
                    <a:pt x="14264" y="82992"/>
                  </a:lnTo>
                  <a:lnTo>
                    <a:pt x="14218" y="81510"/>
                  </a:lnTo>
                  <a:lnTo>
                    <a:pt x="14218" y="80075"/>
                  </a:lnTo>
                  <a:lnTo>
                    <a:pt x="14218" y="78546"/>
                  </a:lnTo>
                  <a:lnTo>
                    <a:pt x="14311" y="76972"/>
                  </a:lnTo>
                  <a:lnTo>
                    <a:pt x="14311" y="75443"/>
                  </a:lnTo>
                  <a:lnTo>
                    <a:pt x="14311" y="74656"/>
                  </a:lnTo>
                  <a:lnTo>
                    <a:pt x="14264" y="73915"/>
                  </a:lnTo>
                  <a:lnTo>
                    <a:pt x="14125" y="72711"/>
                  </a:lnTo>
                  <a:lnTo>
                    <a:pt x="13940" y="71507"/>
                  </a:lnTo>
                  <a:lnTo>
                    <a:pt x="14403" y="71321"/>
                  </a:lnTo>
                  <a:lnTo>
                    <a:pt x="14820" y="71136"/>
                  </a:lnTo>
                  <a:lnTo>
                    <a:pt x="15237" y="70905"/>
                  </a:lnTo>
                  <a:lnTo>
                    <a:pt x="15654" y="70627"/>
                  </a:lnTo>
                  <a:lnTo>
                    <a:pt x="16395" y="70025"/>
                  </a:lnTo>
                  <a:lnTo>
                    <a:pt x="17089" y="69376"/>
                  </a:lnTo>
                  <a:lnTo>
                    <a:pt x="17738" y="68635"/>
                  </a:lnTo>
                  <a:lnTo>
                    <a:pt x="18294" y="67848"/>
                  </a:lnTo>
                  <a:lnTo>
                    <a:pt x="18849" y="66968"/>
                  </a:lnTo>
                  <a:lnTo>
                    <a:pt x="19313" y="66088"/>
                  </a:lnTo>
                  <a:lnTo>
                    <a:pt x="19729" y="65162"/>
                  </a:lnTo>
                  <a:lnTo>
                    <a:pt x="20100" y="64189"/>
                  </a:lnTo>
                  <a:lnTo>
                    <a:pt x="20424" y="63263"/>
                  </a:lnTo>
                  <a:lnTo>
                    <a:pt x="20702" y="62291"/>
                  </a:lnTo>
                  <a:lnTo>
                    <a:pt x="20933" y="61318"/>
                  </a:lnTo>
                  <a:lnTo>
                    <a:pt x="21119" y="60345"/>
                  </a:lnTo>
                  <a:lnTo>
                    <a:pt x="21258" y="59419"/>
                  </a:lnTo>
                  <a:lnTo>
                    <a:pt x="21350" y="58493"/>
                  </a:lnTo>
                  <a:lnTo>
                    <a:pt x="21628" y="55622"/>
                  </a:lnTo>
                  <a:lnTo>
                    <a:pt x="21906" y="52797"/>
                  </a:lnTo>
                  <a:lnTo>
                    <a:pt x="22091" y="51407"/>
                  </a:lnTo>
                  <a:lnTo>
                    <a:pt x="22277" y="49971"/>
                  </a:lnTo>
                  <a:lnTo>
                    <a:pt x="22508" y="48582"/>
                  </a:lnTo>
                  <a:lnTo>
                    <a:pt x="22786" y="47146"/>
                  </a:lnTo>
                  <a:lnTo>
                    <a:pt x="23064" y="45942"/>
                  </a:lnTo>
                  <a:lnTo>
                    <a:pt x="23434" y="44738"/>
                  </a:lnTo>
                  <a:lnTo>
                    <a:pt x="23759" y="43488"/>
                  </a:lnTo>
                  <a:lnTo>
                    <a:pt x="24083" y="42237"/>
                  </a:lnTo>
                  <a:lnTo>
                    <a:pt x="24175" y="41635"/>
                  </a:lnTo>
                  <a:lnTo>
                    <a:pt x="24268" y="41033"/>
                  </a:lnTo>
                  <a:lnTo>
                    <a:pt x="24361" y="40385"/>
                  </a:lnTo>
                  <a:lnTo>
                    <a:pt x="24361" y="39783"/>
                  </a:lnTo>
                  <a:lnTo>
                    <a:pt x="24361" y="39181"/>
                  </a:lnTo>
                  <a:lnTo>
                    <a:pt x="24268" y="38532"/>
                  </a:lnTo>
                  <a:lnTo>
                    <a:pt x="24129" y="37930"/>
                  </a:lnTo>
                  <a:lnTo>
                    <a:pt x="23944" y="37375"/>
                  </a:lnTo>
                  <a:lnTo>
                    <a:pt x="23897" y="37236"/>
                  </a:lnTo>
                  <a:lnTo>
                    <a:pt x="23805" y="37189"/>
                  </a:lnTo>
                  <a:lnTo>
                    <a:pt x="23666" y="37143"/>
                  </a:lnTo>
                  <a:lnTo>
                    <a:pt x="23573" y="37097"/>
                  </a:lnTo>
                  <a:lnTo>
                    <a:pt x="23295" y="37097"/>
                  </a:lnTo>
                  <a:lnTo>
                    <a:pt x="23064" y="37189"/>
                  </a:lnTo>
                  <a:lnTo>
                    <a:pt x="22647" y="37513"/>
                  </a:lnTo>
                  <a:lnTo>
                    <a:pt x="22277" y="37838"/>
                  </a:lnTo>
                  <a:lnTo>
                    <a:pt x="21906" y="38162"/>
                  </a:lnTo>
                  <a:lnTo>
                    <a:pt x="21582" y="38532"/>
                  </a:lnTo>
                  <a:lnTo>
                    <a:pt x="20933" y="39273"/>
                  </a:lnTo>
                  <a:lnTo>
                    <a:pt x="20378" y="40107"/>
                  </a:lnTo>
                  <a:lnTo>
                    <a:pt x="20378" y="39459"/>
                  </a:lnTo>
                  <a:lnTo>
                    <a:pt x="20331" y="38764"/>
                  </a:lnTo>
                  <a:lnTo>
                    <a:pt x="20239" y="38162"/>
                  </a:lnTo>
                  <a:lnTo>
                    <a:pt x="20100" y="37560"/>
                  </a:lnTo>
                  <a:lnTo>
                    <a:pt x="19915" y="36958"/>
                  </a:lnTo>
                  <a:lnTo>
                    <a:pt x="19637" y="36402"/>
                  </a:lnTo>
                  <a:lnTo>
                    <a:pt x="19266" y="35893"/>
                  </a:lnTo>
                  <a:lnTo>
                    <a:pt x="18849" y="35383"/>
                  </a:lnTo>
                  <a:lnTo>
                    <a:pt x="18757" y="35290"/>
                  </a:lnTo>
                  <a:lnTo>
                    <a:pt x="18618" y="35244"/>
                  </a:lnTo>
                  <a:lnTo>
                    <a:pt x="18340" y="35152"/>
                  </a:lnTo>
                  <a:lnTo>
                    <a:pt x="18016" y="35198"/>
                  </a:lnTo>
                  <a:lnTo>
                    <a:pt x="17877" y="35244"/>
                  </a:lnTo>
                  <a:lnTo>
                    <a:pt x="17738" y="35290"/>
                  </a:lnTo>
                  <a:lnTo>
                    <a:pt x="17414" y="35568"/>
                  </a:lnTo>
                  <a:lnTo>
                    <a:pt x="17136" y="35893"/>
                  </a:lnTo>
                  <a:lnTo>
                    <a:pt x="16904" y="36170"/>
                  </a:lnTo>
                  <a:lnTo>
                    <a:pt x="16673" y="36495"/>
                  </a:lnTo>
                  <a:lnTo>
                    <a:pt x="16256" y="37097"/>
                  </a:lnTo>
                  <a:lnTo>
                    <a:pt x="15978" y="37791"/>
                  </a:lnTo>
                  <a:lnTo>
                    <a:pt x="15746" y="38532"/>
                  </a:lnTo>
                  <a:lnTo>
                    <a:pt x="15607" y="39273"/>
                  </a:lnTo>
                  <a:lnTo>
                    <a:pt x="15469" y="40061"/>
                  </a:lnTo>
                  <a:lnTo>
                    <a:pt x="15376" y="40894"/>
                  </a:lnTo>
                  <a:lnTo>
                    <a:pt x="15144" y="42978"/>
                  </a:lnTo>
                  <a:lnTo>
                    <a:pt x="15005" y="45062"/>
                  </a:lnTo>
                  <a:lnTo>
                    <a:pt x="14774" y="49277"/>
                  </a:lnTo>
                  <a:lnTo>
                    <a:pt x="14728" y="51268"/>
                  </a:lnTo>
                  <a:lnTo>
                    <a:pt x="14589" y="53260"/>
                  </a:lnTo>
                  <a:lnTo>
                    <a:pt x="14542" y="54279"/>
                  </a:lnTo>
                  <a:lnTo>
                    <a:pt x="14403" y="55251"/>
                  </a:lnTo>
                  <a:lnTo>
                    <a:pt x="14218" y="56224"/>
                  </a:lnTo>
                  <a:lnTo>
                    <a:pt x="13987" y="57196"/>
                  </a:lnTo>
                  <a:lnTo>
                    <a:pt x="13801" y="57752"/>
                  </a:lnTo>
                  <a:lnTo>
                    <a:pt x="13570" y="58261"/>
                  </a:lnTo>
                  <a:lnTo>
                    <a:pt x="13338" y="58678"/>
                  </a:lnTo>
                  <a:lnTo>
                    <a:pt x="13060" y="59095"/>
                  </a:lnTo>
                  <a:lnTo>
                    <a:pt x="12968" y="55853"/>
                  </a:lnTo>
                  <a:lnTo>
                    <a:pt x="12921" y="52611"/>
                  </a:lnTo>
                  <a:lnTo>
                    <a:pt x="12875" y="46128"/>
                  </a:lnTo>
                  <a:lnTo>
                    <a:pt x="12829" y="40477"/>
                  </a:lnTo>
                  <a:lnTo>
                    <a:pt x="12782" y="34827"/>
                  </a:lnTo>
                  <a:lnTo>
                    <a:pt x="12551" y="23527"/>
                  </a:lnTo>
                  <a:lnTo>
                    <a:pt x="12458" y="17877"/>
                  </a:lnTo>
                  <a:lnTo>
                    <a:pt x="12412" y="12227"/>
                  </a:lnTo>
                  <a:lnTo>
                    <a:pt x="12412" y="9402"/>
                  </a:lnTo>
                  <a:lnTo>
                    <a:pt x="12458" y="6530"/>
                  </a:lnTo>
                  <a:lnTo>
                    <a:pt x="12458" y="5141"/>
                  </a:lnTo>
                  <a:lnTo>
                    <a:pt x="12458" y="3705"/>
                  </a:lnTo>
                  <a:lnTo>
                    <a:pt x="12412" y="2316"/>
                  </a:lnTo>
                  <a:lnTo>
                    <a:pt x="12319" y="927"/>
                  </a:lnTo>
                  <a:lnTo>
                    <a:pt x="12273" y="695"/>
                  </a:lnTo>
                  <a:lnTo>
                    <a:pt x="12180" y="510"/>
                  </a:lnTo>
                  <a:lnTo>
                    <a:pt x="12041" y="371"/>
                  </a:lnTo>
                  <a:lnTo>
                    <a:pt x="11902" y="232"/>
                  </a:lnTo>
                  <a:lnTo>
                    <a:pt x="11717" y="139"/>
                  </a:lnTo>
                  <a:lnTo>
                    <a:pt x="11486" y="47"/>
                  </a:lnTo>
                  <a:lnTo>
                    <a:pt x="11069" y="0"/>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Tree>
    <p:extLst>
      <p:ext uri="{BB962C8B-B14F-4D97-AF65-F5344CB8AC3E}">
        <p14:creationId xmlns:p14="http://schemas.microsoft.com/office/powerpoint/2010/main" val="3956754902"/>
      </p:ext>
    </p:extLst>
  </p:cSld>
  <p:clrMapOvr>
    <a:masterClrMapping/>
  </p:clrMapOvr>
</p:sldLayout>
</file>

<file path=ppt/slideLayouts/slideLayout104.xml><?xml version="1.0" encoding="utf-8"?>
<p:sldLayout xmlns:a="http://schemas.openxmlformats.org/drawingml/2006/main" xmlns:r="http://schemas.openxmlformats.org/officeDocument/2006/relationships" xmlns:p="http://schemas.openxmlformats.org/presentationml/2006/main" matchingName="Title and text 2">
  <p:cSld name="Title and text 2">
    <p:spTree>
      <p:nvGrpSpPr>
        <p:cNvPr id="1" name="Shape 309"/>
        <p:cNvGrpSpPr/>
        <p:nvPr/>
      </p:nvGrpSpPr>
      <p:grpSpPr>
        <a:xfrm>
          <a:off x="0" y="0"/>
          <a:ext cx="0" cy="0"/>
          <a:chOff x="0" y="0"/>
          <a:chExt cx="0" cy="0"/>
        </a:xfrm>
      </p:grpSpPr>
      <p:pic>
        <p:nvPicPr>
          <p:cNvPr id="310" name="Google Shape;310;p22"/>
          <p:cNvPicPr preferRelativeResize="0"/>
          <p:nvPr/>
        </p:nvPicPr>
        <p:blipFill rotWithShape="1">
          <a:blip r:embed="rId2">
            <a:alphaModFix amt="58999"/>
          </a:blip>
          <a:srcRect/>
          <a:stretch/>
        </p:blipFill>
        <p:spPr>
          <a:xfrm>
            <a:off x="0" y="0"/>
            <a:ext cx="20320000" cy="11430000"/>
          </a:xfrm>
          <a:prstGeom prst="rect">
            <a:avLst/>
          </a:prstGeom>
          <a:noFill/>
          <a:ln>
            <a:noFill/>
          </a:ln>
        </p:spPr>
      </p:pic>
      <p:grpSp>
        <p:nvGrpSpPr>
          <p:cNvPr id="311" name="Google Shape;311;p22"/>
          <p:cNvGrpSpPr/>
          <p:nvPr/>
        </p:nvGrpSpPr>
        <p:grpSpPr>
          <a:xfrm>
            <a:off x="921445" y="681333"/>
            <a:ext cx="18477111" cy="481333"/>
            <a:chOff x="414650" y="306600"/>
            <a:chExt cx="8314700" cy="216600"/>
          </a:xfrm>
        </p:grpSpPr>
        <p:grpSp>
          <p:nvGrpSpPr>
            <p:cNvPr id="312" name="Google Shape;312;p22"/>
            <p:cNvGrpSpPr/>
            <p:nvPr/>
          </p:nvGrpSpPr>
          <p:grpSpPr>
            <a:xfrm>
              <a:off x="713281" y="389286"/>
              <a:ext cx="7717437" cy="51251"/>
              <a:chOff x="450050" y="465475"/>
              <a:chExt cx="8367600" cy="51241"/>
            </a:xfrm>
          </p:grpSpPr>
          <p:cxnSp>
            <p:nvCxnSpPr>
              <p:cNvPr id="313" name="Google Shape;313;p22"/>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314" name="Google Shape;314;p22"/>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315" name="Google Shape;315;p22"/>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316" name="Google Shape;316;p22"/>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317" name="Google Shape;317;p22"/>
          <p:cNvSpPr txBox="1">
            <a:spLocks noGrp="1"/>
          </p:cNvSpPr>
          <p:nvPr>
            <p:ph type="title"/>
          </p:nvPr>
        </p:nvSpPr>
        <p:spPr>
          <a:xfrm>
            <a:off x="9186529" y="4193307"/>
            <a:ext cx="8487333" cy="1272667"/>
          </a:xfrm>
          <a:prstGeom prst="rect">
            <a:avLst/>
          </a:prstGeom>
        </p:spPr>
        <p:txBody>
          <a:bodyPr spcFirstLastPara="1" wrap="square" lIns="91425" tIns="91425" rIns="91425" bIns="91425" anchor="b" anchorCtr="0">
            <a:noAutofit/>
          </a:bodyPr>
          <a:lstStyle>
            <a:lvl1pPr lvl="0" algn="l" rtl="0">
              <a:spcBef>
                <a:spcPts val="0"/>
              </a:spcBef>
              <a:spcAft>
                <a:spcPts val="0"/>
              </a:spcAft>
              <a:buSzPts val="3500"/>
              <a:buNone/>
              <a:defRPr/>
            </a:lvl1pPr>
            <a:lvl2pPr lvl="1" rtl="0">
              <a:spcBef>
                <a:spcPts val="0"/>
              </a:spcBef>
              <a:spcAft>
                <a:spcPts val="0"/>
              </a:spcAft>
              <a:buSzPts val="3500"/>
              <a:buNone/>
              <a:defRPr/>
            </a:lvl2pPr>
            <a:lvl3pPr lvl="2" rtl="0">
              <a:spcBef>
                <a:spcPts val="0"/>
              </a:spcBef>
              <a:spcAft>
                <a:spcPts val="0"/>
              </a:spcAft>
              <a:buSzPts val="3500"/>
              <a:buNone/>
              <a:defRPr/>
            </a:lvl3pPr>
            <a:lvl4pPr lvl="3" rtl="0">
              <a:spcBef>
                <a:spcPts val="0"/>
              </a:spcBef>
              <a:spcAft>
                <a:spcPts val="0"/>
              </a:spcAft>
              <a:buSzPts val="3500"/>
              <a:buNone/>
              <a:defRPr/>
            </a:lvl4pPr>
            <a:lvl5pPr lvl="4" rtl="0">
              <a:spcBef>
                <a:spcPts val="0"/>
              </a:spcBef>
              <a:spcAft>
                <a:spcPts val="0"/>
              </a:spcAft>
              <a:buSzPts val="3500"/>
              <a:buNone/>
              <a:defRPr/>
            </a:lvl5pPr>
            <a:lvl6pPr lvl="5" rtl="0">
              <a:spcBef>
                <a:spcPts val="0"/>
              </a:spcBef>
              <a:spcAft>
                <a:spcPts val="0"/>
              </a:spcAft>
              <a:buSzPts val="3500"/>
              <a:buNone/>
              <a:defRPr/>
            </a:lvl6pPr>
            <a:lvl7pPr lvl="6" rtl="0">
              <a:spcBef>
                <a:spcPts val="0"/>
              </a:spcBef>
              <a:spcAft>
                <a:spcPts val="0"/>
              </a:spcAft>
              <a:buSzPts val="3500"/>
              <a:buNone/>
              <a:defRPr/>
            </a:lvl7pPr>
            <a:lvl8pPr lvl="7" rtl="0">
              <a:spcBef>
                <a:spcPts val="0"/>
              </a:spcBef>
              <a:spcAft>
                <a:spcPts val="0"/>
              </a:spcAft>
              <a:buSzPts val="3500"/>
              <a:buNone/>
              <a:defRPr/>
            </a:lvl8pPr>
            <a:lvl9pPr lvl="8" rtl="0">
              <a:spcBef>
                <a:spcPts val="0"/>
              </a:spcBef>
              <a:spcAft>
                <a:spcPts val="0"/>
              </a:spcAft>
              <a:buSzPts val="3500"/>
              <a:buNone/>
              <a:defRPr/>
            </a:lvl9pPr>
          </a:lstStyle>
          <a:p>
            <a:endParaRPr/>
          </a:p>
        </p:txBody>
      </p:sp>
      <p:sp>
        <p:nvSpPr>
          <p:cNvPr id="318" name="Google Shape;318;p22"/>
          <p:cNvSpPr txBox="1">
            <a:spLocks noGrp="1"/>
          </p:cNvSpPr>
          <p:nvPr>
            <p:ph type="subTitle" idx="1"/>
          </p:nvPr>
        </p:nvSpPr>
        <p:spPr>
          <a:xfrm>
            <a:off x="9186918" y="5296640"/>
            <a:ext cx="8487333" cy="1940000"/>
          </a:xfrm>
          <a:prstGeom prst="rect">
            <a:avLst/>
          </a:prstGeom>
        </p:spPr>
        <p:txBody>
          <a:bodyPr spcFirstLastPara="1" wrap="square" lIns="91425" tIns="91425" rIns="91425" bIns="91425" anchor="t" anchorCtr="0">
            <a:noAutofit/>
          </a:bodyPr>
          <a:lstStyle>
            <a:lvl1pPr lvl="0" rtl="0">
              <a:lnSpc>
                <a:spcPct val="100000"/>
              </a:lnSpc>
              <a:spcBef>
                <a:spcPts val="0"/>
              </a:spcBef>
              <a:spcAft>
                <a:spcPts val="0"/>
              </a:spcAft>
              <a:buSzPts val="1400"/>
              <a:buNone/>
              <a:defRPr/>
            </a:lvl1pPr>
            <a:lvl2pPr lvl="1" algn="ctr" rtl="0">
              <a:lnSpc>
                <a:spcPct val="100000"/>
              </a:lnSpc>
              <a:spcBef>
                <a:spcPts val="0"/>
              </a:spcBef>
              <a:spcAft>
                <a:spcPts val="0"/>
              </a:spcAft>
              <a:buSzPts val="1400"/>
              <a:buNone/>
              <a:defRPr/>
            </a:lvl2pPr>
            <a:lvl3pPr lvl="2" algn="ctr" rtl="0">
              <a:lnSpc>
                <a:spcPct val="100000"/>
              </a:lnSpc>
              <a:spcBef>
                <a:spcPts val="3556"/>
              </a:spcBef>
              <a:spcAft>
                <a:spcPts val="0"/>
              </a:spcAft>
              <a:buSzPts val="1400"/>
              <a:buNone/>
              <a:defRPr/>
            </a:lvl3pPr>
            <a:lvl4pPr lvl="3" algn="ctr" rtl="0">
              <a:lnSpc>
                <a:spcPct val="100000"/>
              </a:lnSpc>
              <a:spcBef>
                <a:spcPts val="3556"/>
              </a:spcBef>
              <a:spcAft>
                <a:spcPts val="0"/>
              </a:spcAft>
              <a:buSzPts val="1400"/>
              <a:buNone/>
              <a:defRPr/>
            </a:lvl4pPr>
            <a:lvl5pPr lvl="4" algn="ctr" rtl="0">
              <a:lnSpc>
                <a:spcPct val="100000"/>
              </a:lnSpc>
              <a:spcBef>
                <a:spcPts val="3556"/>
              </a:spcBef>
              <a:spcAft>
                <a:spcPts val="0"/>
              </a:spcAft>
              <a:buSzPts val="1400"/>
              <a:buNone/>
              <a:defRPr/>
            </a:lvl5pPr>
            <a:lvl6pPr lvl="5" algn="ctr" rtl="0">
              <a:lnSpc>
                <a:spcPct val="100000"/>
              </a:lnSpc>
              <a:spcBef>
                <a:spcPts val="3556"/>
              </a:spcBef>
              <a:spcAft>
                <a:spcPts val="0"/>
              </a:spcAft>
              <a:buSzPts val="1400"/>
              <a:buNone/>
              <a:defRPr/>
            </a:lvl6pPr>
            <a:lvl7pPr lvl="6" algn="ctr" rtl="0">
              <a:lnSpc>
                <a:spcPct val="100000"/>
              </a:lnSpc>
              <a:spcBef>
                <a:spcPts val="3556"/>
              </a:spcBef>
              <a:spcAft>
                <a:spcPts val="0"/>
              </a:spcAft>
              <a:buSzPts val="1400"/>
              <a:buNone/>
              <a:defRPr/>
            </a:lvl7pPr>
            <a:lvl8pPr lvl="7" algn="ctr" rtl="0">
              <a:lnSpc>
                <a:spcPct val="100000"/>
              </a:lnSpc>
              <a:spcBef>
                <a:spcPts val="3556"/>
              </a:spcBef>
              <a:spcAft>
                <a:spcPts val="0"/>
              </a:spcAft>
              <a:buSzPts val="1400"/>
              <a:buNone/>
              <a:defRPr/>
            </a:lvl8pPr>
            <a:lvl9pPr lvl="8" algn="ctr" rtl="0">
              <a:lnSpc>
                <a:spcPct val="100000"/>
              </a:lnSpc>
              <a:spcBef>
                <a:spcPts val="3556"/>
              </a:spcBef>
              <a:spcAft>
                <a:spcPts val="3556"/>
              </a:spcAft>
              <a:buSzPts val="1400"/>
              <a:buNone/>
              <a:defRPr/>
            </a:lvl9pPr>
          </a:lstStyle>
          <a:p>
            <a:endParaRPr/>
          </a:p>
        </p:txBody>
      </p:sp>
      <p:grpSp>
        <p:nvGrpSpPr>
          <p:cNvPr id="319" name="Google Shape;319;p22"/>
          <p:cNvGrpSpPr/>
          <p:nvPr/>
        </p:nvGrpSpPr>
        <p:grpSpPr>
          <a:xfrm flipH="1">
            <a:off x="0" y="10231110"/>
            <a:ext cx="20320000" cy="1182509"/>
            <a:chOff x="0" y="4611399"/>
            <a:chExt cx="9144000" cy="532129"/>
          </a:xfrm>
        </p:grpSpPr>
        <p:sp>
          <p:nvSpPr>
            <p:cNvPr id="320" name="Google Shape;320;p22"/>
            <p:cNvSpPr/>
            <p:nvPr/>
          </p:nvSpPr>
          <p:spPr>
            <a:xfrm>
              <a:off x="0" y="4611433"/>
              <a:ext cx="9144000" cy="532075"/>
            </a:xfrm>
            <a:custGeom>
              <a:avLst/>
              <a:gdLst/>
              <a:ahLst/>
              <a:cxnLst/>
              <a:rect l="l" t="t" r="r" b="b"/>
              <a:pathLst>
                <a:path w="285750" h="81326" extrusionOk="0">
                  <a:moveTo>
                    <a:pt x="84150" y="1"/>
                  </a:moveTo>
                  <a:lnTo>
                    <a:pt x="83270" y="47"/>
                  </a:lnTo>
                  <a:lnTo>
                    <a:pt x="82437" y="186"/>
                  </a:lnTo>
                  <a:lnTo>
                    <a:pt x="80723" y="464"/>
                  </a:lnTo>
                  <a:lnTo>
                    <a:pt x="78917" y="835"/>
                  </a:lnTo>
                  <a:lnTo>
                    <a:pt x="77111" y="1205"/>
                  </a:lnTo>
                  <a:lnTo>
                    <a:pt x="75258" y="1668"/>
                  </a:lnTo>
                  <a:lnTo>
                    <a:pt x="73359" y="2178"/>
                  </a:lnTo>
                  <a:lnTo>
                    <a:pt x="71414" y="2687"/>
                  </a:lnTo>
                  <a:lnTo>
                    <a:pt x="67478" y="3845"/>
                  </a:lnTo>
                  <a:lnTo>
                    <a:pt x="63402" y="5095"/>
                  </a:lnTo>
                  <a:lnTo>
                    <a:pt x="59280" y="6438"/>
                  </a:lnTo>
                  <a:lnTo>
                    <a:pt x="51037" y="9217"/>
                  </a:lnTo>
                  <a:lnTo>
                    <a:pt x="46961" y="10606"/>
                  </a:lnTo>
                  <a:lnTo>
                    <a:pt x="42932" y="11950"/>
                  </a:lnTo>
                  <a:lnTo>
                    <a:pt x="39042" y="13154"/>
                  </a:lnTo>
                  <a:lnTo>
                    <a:pt x="35290" y="14265"/>
                  </a:lnTo>
                  <a:lnTo>
                    <a:pt x="33484" y="14775"/>
                  </a:lnTo>
                  <a:lnTo>
                    <a:pt x="31724" y="15238"/>
                  </a:lnTo>
                  <a:lnTo>
                    <a:pt x="30011" y="15655"/>
                  </a:lnTo>
                  <a:lnTo>
                    <a:pt x="28390" y="16025"/>
                  </a:lnTo>
                  <a:lnTo>
                    <a:pt x="26815" y="16349"/>
                  </a:lnTo>
                  <a:lnTo>
                    <a:pt x="25287" y="16627"/>
                  </a:lnTo>
                  <a:lnTo>
                    <a:pt x="23851" y="16812"/>
                  </a:lnTo>
                  <a:lnTo>
                    <a:pt x="22462" y="16951"/>
                  </a:lnTo>
                  <a:lnTo>
                    <a:pt x="19868" y="17183"/>
                  </a:lnTo>
                  <a:lnTo>
                    <a:pt x="17414" y="17368"/>
                  </a:lnTo>
                  <a:lnTo>
                    <a:pt x="15098" y="17646"/>
                  </a:lnTo>
                  <a:lnTo>
                    <a:pt x="12921" y="17878"/>
                  </a:lnTo>
                  <a:lnTo>
                    <a:pt x="9077" y="18433"/>
                  </a:lnTo>
                  <a:lnTo>
                    <a:pt x="5882" y="18896"/>
                  </a:lnTo>
                  <a:lnTo>
                    <a:pt x="3335" y="19360"/>
                  </a:lnTo>
                  <a:lnTo>
                    <a:pt x="1528" y="19730"/>
                  </a:lnTo>
                  <a:lnTo>
                    <a:pt x="0" y="20101"/>
                  </a:lnTo>
                  <a:lnTo>
                    <a:pt x="0" y="81325"/>
                  </a:lnTo>
                  <a:lnTo>
                    <a:pt x="285750" y="81325"/>
                  </a:lnTo>
                  <a:lnTo>
                    <a:pt x="285750" y="16951"/>
                  </a:lnTo>
                  <a:lnTo>
                    <a:pt x="281906" y="16396"/>
                  </a:lnTo>
                  <a:lnTo>
                    <a:pt x="277460" y="15793"/>
                  </a:lnTo>
                  <a:lnTo>
                    <a:pt x="271578" y="15006"/>
                  </a:lnTo>
                  <a:lnTo>
                    <a:pt x="264492" y="14173"/>
                  </a:lnTo>
                  <a:lnTo>
                    <a:pt x="256388" y="13339"/>
                  </a:lnTo>
                  <a:lnTo>
                    <a:pt x="252034" y="12922"/>
                  </a:lnTo>
                  <a:lnTo>
                    <a:pt x="247496" y="12505"/>
                  </a:lnTo>
                  <a:lnTo>
                    <a:pt x="242818" y="12135"/>
                  </a:lnTo>
                  <a:lnTo>
                    <a:pt x="238002" y="11811"/>
                  </a:lnTo>
                  <a:lnTo>
                    <a:pt x="233139" y="11486"/>
                  </a:lnTo>
                  <a:lnTo>
                    <a:pt x="228137" y="11255"/>
                  </a:lnTo>
                  <a:lnTo>
                    <a:pt x="223135" y="11023"/>
                  </a:lnTo>
                  <a:lnTo>
                    <a:pt x="218133" y="10931"/>
                  </a:lnTo>
                  <a:lnTo>
                    <a:pt x="213132" y="10838"/>
                  </a:lnTo>
                  <a:lnTo>
                    <a:pt x="208130" y="10838"/>
                  </a:lnTo>
                  <a:lnTo>
                    <a:pt x="203221" y="10977"/>
                  </a:lnTo>
                  <a:lnTo>
                    <a:pt x="198404" y="11162"/>
                  </a:lnTo>
                  <a:lnTo>
                    <a:pt x="196042" y="11301"/>
                  </a:lnTo>
                  <a:lnTo>
                    <a:pt x="193680" y="11440"/>
                  </a:lnTo>
                  <a:lnTo>
                    <a:pt x="191365" y="11625"/>
                  </a:lnTo>
                  <a:lnTo>
                    <a:pt x="189141" y="11857"/>
                  </a:lnTo>
                  <a:lnTo>
                    <a:pt x="186918" y="12088"/>
                  </a:lnTo>
                  <a:lnTo>
                    <a:pt x="184695" y="12366"/>
                  </a:lnTo>
                  <a:lnTo>
                    <a:pt x="182565" y="12691"/>
                  </a:lnTo>
                  <a:lnTo>
                    <a:pt x="180527" y="13015"/>
                  </a:lnTo>
                  <a:lnTo>
                    <a:pt x="178490" y="13385"/>
                  </a:lnTo>
                  <a:lnTo>
                    <a:pt x="176498" y="13756"/>
                  </a:lnTo>
                  <a:lnTo>
                    <a:pt x="174599" y="14219"/>
                  </a:lnTo>
                  <a:lnTo>
                    <a:pt x="172747" y="14682"/>
                  </a:lnTo>
                  <a:lnTo>
                    <a:pt x="170987" y="15191"/>
                  </a:lnTo>
                  <a:lnTo>
                    <a:pt x="169273" y="15747"/>
                  </a:lnTo>
                  <a:lnTo>
                    <a:pt x="167652" y="16349"/>
                  </a:lnTo>
                  <a:lnTo>
                    <a:pt x="166124" y="16951"/>
                  </a:lnTo>
                  <a:lnTo>
                    <a:pt x="164596" y="17553"/>
                  </a:lnTo>
                  <a:lnTo>
                    <a:pt x="163114" y="18109"/>
                  </a:lnTo>
                  <a:lnTo>
                    <a:pt x="161585" y="18572"/>
                  </a:lnTo>
                  <a:lnTo>
                    <a:pt x="160057" y="18989"/>
                  </a:lnTo>
                  <a:lnTo>
                    <a:pt x="158529" y="19360"/>
                  </a:lnTo>
                  <a:lnTo>
                    <a:pt x="157047" y="19637"/>
                  </a:lnTo>
                  <a:lnTo>
                    <a:pt x="155518" y="19869"/>
                  </a:lnTo>
                  <a:lnTo>
                    <a:pt x="153990" y="20054"/>
                  </a:lnTo>
                  <a:lnTo>
                    <a:pt x="152508" y="20193"/>
                  </a:lnTo>
                  <a:lnTo>
                    <a:pt x="150980" y="20286"/>
                  </a:lnTo>
                  <a:lnTo>
                    <a:pt x="147969" y="20286"/>
                  </a:lnTo>
                  <a:lnTo>
                    <a:pt x="146487" y="20193"/>
                  </a:lnTo>
                  <a:lnTo>
                    <a:pt x="144959" y="20101"/>
                  </a:lnTo>
                  <a:lnTo>
                    <a:pt x="143477" y="19915"/>
                  </a:lnTo>
                  <a:lnTo>
                    <a:pt x="141995" y="19730"/>
                  </a:lnTo>
                  <a:lnTo>
                    <a:pt x="140513" y="19498"/>
                  </a:lnTo>
                  <a:lnTo>
                    <a:pt x="139031" y="19221"/>
                  </a:lnTo>
                  <a:lnTo>
                    <a:pt x="137549" y="18896"/>
                  </a:lnTo>
                  <a:lnTo>
                    <a:pt x="136067" y="18572"/>
                  </a:lnTo>
                  <a:lnTo>
                    <a:pt x="134585" y="18202"/>
                  </a:lnTo>
                  <a:lnTo>
                    <a:pt x="133149" y="17831"/>
                  </a:lnTo>
                  <a:lnTo>
                    <a:pt x="130232" y="16951"/>
                  </a:lnTo>
                  <a:lnTo>
                    <a:pt x="127360" y="15979"/>
                  </a:lnTo>
                  <a:lnTo>
                    <a:pt x="124535" y="14914"/>
                  </a:lnTo>
                  <a:lnTo>
                    <a:pt x="121710" y="13802"/>
                  </a:lnTo>
                  <a:lnTo>
                    <a:pt x="118931" y="12644"/>
                  </a:lnTo>
                  <a:lnTo>
                    <a:pt x="116245" y="11440"/>
                  </a:lnTo>
                  <a:lnTo>
                    <a:pt x="113559" y="10236"/>
                  </a:lnTo>
                  <a:lnTo>
                    <a:pt x="108326" y="7874"/>
                  </a:lnTo>
                  <a:lnTo>
                    <a:pt x="103324" y="5558"/>
                  </a:lnTo>
                  <a:lnTo>
                    <a:pt x="100916" y="4493"/>
                  </a:lnTo>
                  <a:lnTo>
                    <a:pt x="98554" y="3521"/>
                  </a:lnTo>
                  <a:lnTo>
                    <a:pt x="96284" y="2641"/>
                  </a:lnTo>
                  <a:lnTo>
                    <a:pt x="94061" y="1853"/>
                  </a:lnTo>
                  <a:lnTo>
                    <a:pt x="91931" y="1159"/>
                  </a:lnTo>
                  <a:lnTo>
                    <a:pt x="90912" y="881"/>
                  </a:lnTo>
                  <a:lnTo>
                    <a:pt x="89893" y="649"/>
                  </a:lnTo>
                  <a:lnTo>
                    <a:pt x="88874" y="418"/>
                  </a:lnTo>
                  <a:lnTo>
                    <a:pt x="87902" y="279"/>
                  </a:lnTo>
                  <a:lnTo>
                    <a:pt x="86929" y="140"/>
                  </a:lnTo>
                  <a:lnTo>
                    <a:pt x="86003" y="47"/>
                  </a:lnTo>
                  <a:lnTo>
                    <a:pt x="85077" y="1"/>
                  </a:lnTo>
                  <a:close/>
                </a:path>
              </a:pathLst>
            </a:cu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321" name="Google Shape;321;p22"/>
            <p:cNvSpPr/>
            <p:nvPr/>
          </p:nvSpPr>
          <p:spPr>
            <a:xfrm>
              <a:off x="0" y="4611399"/>
              <a:ext cx="9143916" cy="532129"/>
            </a:xfrm>
            <a:custGeom>
              <a:avLst/>
              <a:gdLst/>
              <a:ahLst/>
              <a:cxnLst/>
              <a:rect l="l" t="t" r="r" b="b"/>
              <a:pathLst>
                <a:path w="285057" h="22555" extrusionOk="0">
                  <a:moveTo>
                    <a:pt x="1" y="0"/>
                  </a:moveTo>
                  <a:lnTo>
                    <a:pt x="1" y="22554"/>
                  </a:lnTo>
                  <a:lnTo>
                    <a:pt x="285056" y="22554"/>
                  </a:lnTo>
                  <a:lnTo>
                    <a:pt x="285056" y="16904"/>
                  </a:lnTo>
                  <a:lnTo>
                    <a:pt x="281860" y="16673"/>
                  </a:lnTo>
                  <a:lnTo>
                    <a:pt x="273246" y="16117"/>
                  </a:lnTo>
                  <a:lnTo>
                    <a:pt x="267365" y="15654"/>
                  </a:lnTo>
                  <a:lnTo>
                    <a:pt x="260695" y="15144"/>
                  </a:lnTo>
                  <a:lnTo>
                    <a:pt x="253424" y="14496"/>
                  </a:lnTo>
                  <a:lnTo>
                    <a:pt x="245736" y="13801"/>
                  </a:lnTo>
                  <a:lnTo>
                    <a:pt x="237771" y="12968"/>
                  </a:lnTo>
                  <a:lnTo>
                    <a:pt x="229759" y="12088"/>
                  </a:lnTo>
                  <a:lnTo>
                    <a:pt x="225822" y="11625"/>
                  </a:lnTo>
                  <a:lnTo>
                    <a:pt x="221885" y="11115"/>
                  </a:lnTo>
                  <a:lnTo>
                    <a:pt x="218088" y="10606"/>
                  </a:lnTo>
                  <a:lnTo>
                    <a:pt x="214336" y="10050"/>
                  </a:lnTo>
                  <a:lnTo>
                    <a:pt x="210770" y="9494"/>
                  </a:lnTo>
                  <a:lnTo>
                    <a:pt x="207297" y="8892"/>
                  </a:lnTo>
                  <a:lnTo>
                    <a:pt x="204009" y="8290"/>
                  </a:lnTo>
                  <a:lnTo>
                    <a:pt x="200952" y="7688"/>
                  </a:lnTo>
                  <a:lnTo>
                    <a:pt x="198081" y="7040"/>
                  </a:lnTo>
                  <a:lnTo>
                    <a:pt x="195441" y="6391"/>
                  </a:lnTo>
                  <a:lnTo>
                    <a:pt x="193079" y="5697"/>
                  </a:lnTo>
                  <a:lnTo>
                    <a:pt x="192014" y="5326"/>
                  </a:lnTo>
                  <a:lnTo>
                    <a:pt x="190995" y="5002"/>
                  </a:lnTo>
                  <a:lnTo>
                    <a:pt x="190022" y="4632"/>
                  </a:lnTo>
                  <a:lnTo>
                    <a:pt x="189096" y="4354"/>
                  </a:lnTo>
                  <a:lnTo>
                    <a:pt x="188123" y="4030"/>
                  </a:lnTo>
                  <a:lnTo>
                    <a:pt x="187151" y="3798"/>
                  </a:lnTo>
                  <a:lnTo>
                    <a:pt x="186132" y="3566"/>
                  </a:lnTo>
                  <a:lnTo>
                    <a:pt x="185159" y="3381"/>
                  </a:lnTo>
                  <a:lnTo>
                    <a:pt x="183214" y="3057"/>
                  </a:lnTo>
                  <a:lnTo>
                    <a:pt x="181223" y="2872"/>
                  </a:lnTo>
                  <a:lnTo>
                    <a:pt x="179231" y="2733"/>
                  </a:lnTo>
                  <a:lnTo>
                    <a:pt x="177193" y="2733"/>
                  </a:lnTo>
                  <a:lnTo>
                    <a:pt x="175156" y="2779"/>
                  </a:lnTo>
                  <a:lnTo>
                    <a:pt x="173118" y="2918"/>
                  </a:lnTo>
                  <a:lnTo>
                    <a:pt x="171034" y="3103"/>
                  </a:lnTo>
                  <a:lnTo>
                    <a:pt x="168996" y="3381"/>
                  </a:lnTo>
                  <a:lnTo>
                    <a:pt x="166866" y="3705"/>
                  </a:lnTo>
                  <a:lnTo>
                    <a:pt x="164735" y="4076"/>
                  </a:lnTo>
                  <a:lnTo>
                    <a:pt x="162605" y="4493"/>
                  </a:lnTo>
                  <a:lnTo>
                    <a:pt x="160475" y="4956"/>
                  </a:lnTo>
                  <a:lnTo>
                    <a:pt x="158298" y="5465"/>
                  </a:lnTo>
                  <a:lnTo>
                    <a:pt x="153852" y="6484"/>
                  </a:lnTo>
                  <a:lnTo>
                    <a:pt x="149359" y="7596"/>
                  </a:lnTo>
                  <a:lnTo>
                    <a:pt x="144775" y="8707"/>
                  </a:lnTo>
                  <a:lnTo>
                    <a:pt x="140097" y="9772"/>
                  </a:lnTo>
                  <a:lnTo>
                    <a:pt x="137735" y="10282"/>
                  </a:lnTo>
                  <a:lnTo>
                    <a:pt x="135327" y="10745"/>
                  </a:lnTo>
                  <a:lnTo>
                    <a:pt x="132918" y="11162"/>
                  </a:lnTo>
                  <a:lnTo>
                    <a:pt x="130464" y="11532"/>
                  </a:lnTo>
                  <a:lnTo>
                    <a:pt x="127963" y="11903"/>
                  </a:lnTo>
                  <a:lnTo>
                    <a:pt x="125462" y="12180"/>
                  </a:lnTo>
                  <a:lnTo>
                    <a:pt x="122961" y="12366"/>
                  </a:lnTo>
                  <a:lnTo>
                    <a:pt x="120414" y="12505"/>
                  </a:lnTo>
                  <a:lnTo>
                    <a:pt x="117635" y="12597"/>
                  </a:lnTo>
                  <a:lnTo>
                    <a:pt x="114532" y="12597"/>
                  </a:lnTo>
                  <a:lnTo>
                    <a:pt x="111105" y="12505"/>
                  </a:lnTo>
                  <a:lnTo>
                    <a:pt x="107354" y="12319"/>
                  </a:lnTo>
                  <a:lnTo>
                    <a:pt x="103371" y="12088"/>
                  </a:lnTo>
                  <a:lnTo>
                    <a:pt x="99110" y="11810"/>
                  </a:lnTo>
                  <a:lnTo>
                    <a:pt x="94664" y="11486"/>
                  </a:lnTo>
                  <a:lnTo>
                    <a:pt x="90033" y="11069"/>
                  </a:lnTo>
                  <a:lnTo>
                    <a:pt x="85263" y="10606"/>
                  </a:lnTo>
                  <a:lnTo>
                    <a:pt x="80353" y="10143"/>
                  </a:lnTo>
                  <a:lnTo>
                    <a:pt x="70257" y="9078"/>
                  </a:lnTo>
                  <a:lnTo>
                    <a:pt x="60068" y="7920"/>
                  </a:lnTo>
                  <a:lnTo>
                    <a:pt x="49926" y="6716"/>
                  </a:lnTo>
                  <a:lnTo>
                    <a:pt x="40108" y="5465"/>
                  </a:lnTo>
                  <a:lnTo>
                    <a:pt x="30891" y="4261"/>
                  </a:lnTo>
                  <a:lnTo>
                    <a:pt x="22416" y="3150"/>
                  </a:lnTo>
                  <a:lnTo>
                    <a:pt x="14960" y="2131"/>
                  </a:lnTo>
                  <a:lnTo>
                    <a:pt x="4076" y="602"/>
                  </a:lnTo>
                  <a:lnTo>
                    <a:pt x="1" y="0"/>
                  </a:lnTo>
                  <a:close/>
                </a:path>
              </a:pathLst>
            </a:custGeom>
            <a:solidFill>
              <a:schemeClr val="l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Tree>
    <p:extLst>
      <p:ext uri="{BB962C8B-B14F-4D97-AF65-F5344CB8AC3E}">
        <p14:creationId xmlns:p14="http://schemas.microsoft.com/office/powerpoint/2010/main" val="262981106"/>
      </p:ext>
    </p:extLst>
  </p:cSld>
  <p:clrMapOvr>
    <a:masterClrMapping/>
  </p:clrMapOvr>
</p:sldLayout>
</file>

<file path=ppt/slideLayouts/slideLayout105.xml><?xml version="1.0" encoding="utf-8"?>
<p:sldLayout xmlns:a="http://schemas.openxmlformats.org/drawingml/2006/main" xmlns:r="http://schemas.openxmlformats.org/officeDocument/2006/relationships" xmlns:p="http://schemas.openxmlformats.org/presentationml/2006/main" matchingName="Title and text 3">
  <p:cSld name="Title and text 3">
    <p:spTree>
      <p:nvGrpSpPr>
        <p:cNvPr id="1" name="Shape 322"/>
        <p:cNvGrpSpPr/>
        <p:nvPr/>
      </p:nvGrpSpPr>
      <p:grpSpPr>
        <a:xfrm>
          <a:off x="0" y="0"/>
          <a:ext cx="0" cy="0"/>
          <a:chOff x="0" y="0"/>
          <a:chExt cx="0" cy="0"/>
        </a:xfrm>
      </p:grpSpPr>
      <p:pic>
        <p:nvPicPr>
          <p:cNvPr id="323" name="Google Shape;323;p23"/>
          <p:cNvPicPr preferRelativeResize="0"/>
          <p:nvPr/>
        </p:nvPicPr>
        <p:blipFill rotWithShape="1">
          <a:blip r:embed="rId2">
            <a:alphaModFix amt="58999"/>
          </a:blip>
          <a:srcRect/>
          <a:stretch/>
        </p:blipFill>
        <p:spPr>
          <a:xfrm>
            <a:off x="0" y="0"/>
            <a:ext cx="20320000" cy="11430000"/>
          </a:xfrm>
          <a:prstGeom prst="rect">
            <a:avLst/>
          </a:prstGeom>
          <a:noFill/>
          <a:ln>
            <a:noFill/>
          </a:ln>
        </p:spPr>
      </p:pic>
      <p:grpSp>
        <p:nvGrpSpPr>
          <p:cNvPr id="324" name="Google Shape;324;p23"/>
          <p:cNvGrpSpPr/>
          <p:nvPr/>
        </p:nvGrpSpPr>
        <p:grpSpPr>
          <a:xfrm>
            <a:off x="921445" y="681333"/>
            <a:ext cx="18477111" cy="481333"/>
            <a:chOff x="414650" y="306600"/>
            <a:chExt cx="8314700" cy="216600"/>
          </a:xfrm>
        </p:grpSpPr>
        <p:grpSp>
          <p:nvGrpSpPr>
            <p:cNvPr id="325" name="Google Shape;325;p23"/>
            <p:cNvGrpSpPr/>
            <p:nvPr/>
          </p:nvGrpSpPr>
          <p:grpSpPr>
            <a:xfrm>
              <a:off x="713281" y="389286"/>
              <a:ext cx="7717437" cy="51251"/>
              <a:chOff x="450050" y="465475"/>
              <a:chExt cx="8367600" cy="51241"/>
            </a:xfrm>
          </p:grpSpPr>
          <p:cxnSp>
            <p:nvCxnSpPr>
              <p:cNvPr id="326" name="Google Shape;326;p23"/>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327" name="Google Shape;327;p23"/>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328" name="Google Shape;328;p23"/>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329" name="Google Shape;329;p23"/>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330" name="Google Shape;330;p23"/>
          <p:cNvSpPr txBox="1">
            <a:spLocks noGrp="1"/>
          </p:cNvSpPr>
          <p:nvPr>
            <p:ph type="title"/>
          </p:nvPr>
        </p:nvSpPr>
        <p:spPr>
          <a:xfrm>
            <a:off x="3368140" y="4268667"/>
            <a:ext cx="8306000" cy="1272667"/>
          </a:xfrm>
          <a:prstGeom prst="rect">
            <a:avLst/>
          </a:prstGeom>
        </p:spPr>
        <p:txBody>
          <a:bodyPr spcFirstLastPara="1" wrap="square" lIns="91425" tIns="91425" rIns="91425" bIns="91425" anchor="b" anchorCtr="0">
            <a:noAutofit/>
          </a:bodyPr>
          <a:lstStyle>
            <a:lvl1pPr lvl="0" algn="l" rtl="0">
              <a:spcBef>
                <a:spcPts val="0"/>
              </a:spcBef>
              <a:spcAft>
                <a:spcPts val="0"/>
              </a:spcAft>
              <a:buSzPts val="3500"/>
              <a:buNone/>
              <a:defRPr/>
            </a:lvl1pPr>
            <a:lvl2pPr lvl="1" rtl="0">
              <a:spcBef>
                <a:spcPts val="0"/>
              </a:spcBef>
              <a:spcAft>
                <a:spcPts val="0"/>
              </a:spcAft>
              <a:buSzPts val="3500"/>
              <a:buNone/>
              <a:defRPr/>
            </a:lvl2pPr>
            <a:lvl3pPr lvl="2" rtl="0">
              <a:spcBef>
                <a:spcPts val="0"/>
              </a:spcBef>
              <a:spcAft>
                <a:spcPts val="0"/>
              </a:spcAft>
              <a:buSzPts val="3500"/>
              <a:buNone/>
              <a:defRPr/>
            </a:lvl3pPr>
            <a:lvl4pPr lvl="3" rtl="0">
              <a:spcBef>
                <a:spcPts val="0"/>
              </a:spcBef>
              <a:spcAft>
                <a:spcPts val="0"/>
              </a:spcAft>
              <a:buSzPts val="3500"/>
              <a:buNone/>
              <a:defRPr/>
            </a:lvl4pPr>
            <a:lvl5pPr lvl="4" rtl="0">
              <a:spcBef>
                <a:spcPts val="0"/>
              </a:spcBef>
              <a:spcAft>
                <a:spcPts val="0"/>
              </a:spcAft>
              <a:buSzPts val="3500"/>
              <a:buNone/>
              <a:defRPr/>
            </a:lvl5pPr>
            <a:lvl6pPr lvl="5" rtl="0">
              <a:spcBef>
                <a:spcPts val="0"/>
              </a:spcBef>
              <a:spcAft>
                <a:spcPts val="0"/>
              </a:spcAft>
              <a:buSzPts val="3500"/>
              <a:buNone/>
              <a:defRPr/>
            </a:lvl6pPr>
            <a:lvl7pPr lvl="6" rtl="0">
              <a:spcBef>
                <a:spcPts val="0"/>
              </a:spcBef>
              <a:spcAft>
                <a:spcPts val="0"/>
              </a:spcAft>
              <a:buSzPts val="3500"/>
              <a:buNone/>
              <a:defRPr/>
            </a:lvl7pPr>
            <a:lvl8pPr lvl="7" rtl="0">
              <a:spcBef>
                <a:spcPts val="0"/>
              </a:spcBef>
              <a:spcAft>
                <a:spcPts val="0"/>
              </a:spcAft>
              <a:buSzPts val="3500"/>
              <a:buNone/>
              <a:defRPr/>
            </a:lvl8pPr>
            <a:lvl9pPr lvl="8" rtl="0">
              <a:spcBef>
                <a:spcPts val="0"/>
              </a:spcBef>
              <a:spcAft>
                <a:spcPts val="0"/>
              </a:spcAft>
              <a:buSzPts val="3500"/>
              <a:buNone/>
              <a:defRPr/>
            </a:lvl9pPr>
          </a:lstStyle>
          <a:p>
            <a:endParaRPr/>
          </a:p>
        </p:txBody>
      </p:sp>
      <p:sp>
        <p:nvSpPr>
          <p:cNvPr id="331" name="Google Shape;331;p23"/>
          <p:cNvSpPr txBox="1">
            <a:spLocks noGrp="1"/>
          </p:cNvSpPr>
          <p:nvPr>
            <p:ph type="subTitle" idx="1"/>
          </p:nvPr>
        </p:nvSpPr>
        <p:spPr>
          <a:xfrm>
            <a:off x="3368140" y="5372000"/>
            <a:ext cx="8306000" cy="1789333"/>
          </a:xfrm>
          <a:prstGeom prst="rect">
            <a:avLst/>
          </a:prstGeom>
        </p:spPr>
        <p:txBody>
          <a:bodyPr spcFirstLastPara="1" wrap="square" lIns="91425" tIns="91425" rIns="91425" bIns="91425" anchor="t" anchorCtr="0">
            <a:noAutofit/>
          </a:bodyPr>
          <a:lstStyle>
            <a:lvl1pPr lvl="0" rtl="0">
              <a:lnSpc>
                <a:spcPct val="100000"/>
              </a:lnSpc>
              <a:spcBef>
                <a:spcPts val="0"/>
              </a:spcBef>
              <a:spcAft>
                <a:spcPts val="0"/>
              </a:spcAft>
              <a:buSzPts val="1400"/>
              <a:buNone/>
              <a:defRPr/>
            </a:lvl1pPr>
            <a:lvl2pPr lvl="1" algn="ctr" rtl="0">
              <a:lnSpc>
                <a:spcPct val="100000"/>
              </a:lnSpc>
              <a:spcBef>
                <a:spcPts val="0"/>
              </a:spcBef>
              <a:spcAft>
                <a:spcPts val="0"/>
              </a:spcAft>
              <a:buSzPts val="1400"/>
              <a:buNone/>
              <a:defRPr/>
            </a:lvl2pPr>
            <a:lvl3pPr lvl="2" algn="ctr" rtl="0">
              <a:lnSpc>
                <a:spcPct val="100000"/>
              </a:lnSpc>
              <a:spcBef>
                <a:spcPts val="3556"/>
              </a:spcBef>
              <a:spcAft>
                <a:spcPts val="0"/>
              </a:spcAft>
              <a:buSzPts val="1400"/>
              <a:buNone/>
              <a:defRPr/>
            </a:lvl3pPr>
            <a:lvl4pPr lvl="3" algn="ctr" rtl="0">
              <a:lnSpc>
                <a:spcPct val="100000"/>
              </a:lnSpc>
              <a:spcBef>
                <a:spcPts val="3556"/>
              </a:spcBef>
              <a:spcAft>
                <a:spcPts val="0"/>
              </a:spcAft>
              <a:buSzPts val="1400"/>
              <a:buNone/>
              <a:defRPr/>
            </a:lvl4pPr>
            <a:lvl5pPr lvl="4" algn="ctr" rtl="0">
              <a:lnSpc>
                <a:spcPct val="100000"/>
              </a:lnSpc>
              <a:spcBef>
                <a:spcPts val="3556"/>
              </a:spcBef>
              <a:spcAft>
                <a:spcPts val="0"/>
              </a:spcAft>
              <a:buSzPts val="1400"/>
              <a:buNone/>
              <a:defRPr/>
            </a:lvl5pPr>
            <a:lvl6pPr lvl="5" algn="ctr" rtl="0">
              <a:lnSpc>
                <a:spcPct val="100000"/>
              </a:lnSpc>
              <a:spcBef>
                <a:spcPts val="3556"/>
              </a:spcBef>
              <a:spcAft>
                <a:spcPts val="0"/>
              </a:spcAft>
              <a:buSzPts val="1400"/>
              <a:buNone/>
              <a:defRPr/>
            </a:lvl6pPr>
            <a:lvl7pPr lvl="6" algn="ctr" rtl="0">
              <a:lnSpc>
                <a:spcPct val="100000"/>
              </a:lnSpc>
              <a:spcBef>
                <a:spcPts val="3556"/>
              </a:spcBef>
              <a:spcAft>
                <a:spcPts val="0"/>
              </a:spcAft>
              <a:buSzPts val="1400"/>
              <a:buNone/>
              <a:defRPr/>
            </a:lvl7pPr>
            <a:lvl8pPr lvl="7" algn="ctr" rtl="0">
              <a:lnSpc>
                <a:spcPct val="100000"/>
              </a:lnSpc>
              <a:spcBef>
                <a:spcPts val="3556"/>
              </a:spcBef>
              <a:spcAft>
                <a:spcPts val="0"/>
              </a:spcAft>
              <a:buSzPts val="1400"/>
              <a:buNone/>
              <a:defRPr/>
            </a:lvl8pPr>
            <a:lvl9pPr lvl="8" algn="ctr" rtl="0">
              <a:lnSpc>
                <a:spcPct val="100000"/>
              </a:lnSpc>
              <a:spcBef>
                <a:spcPts val="3556"/>
              </a:spcBef>
              <a:spcAft>
                <a:spcPts val="3556"/>
              </a:spcAft>
              <a:buSzPts val="1400"/>
              <a:buNone/>
              <a:defRPr/>
            </a:lvl9pPr>
          </a:lstStyle>
          <a:p>
            <a:endParaRPr/>
          </a:p>
        </p:txBody>
      </p:sp>
      <p:grpSp>
        <p:nvGrpSpPr>
          <p:cNvPr id="332" name="Google Shape;332;p23"/>
          <p:cNvGrpSpPr/>
          <p:nvPr/>
        </p:nvGrpSpPr>
        <p:grpSpPr>
          <a:xfrm>
            <a:off x="20" y="10350054"/>
            <a:ext cx="20319813" cy="1079444"/>
            <a:chOff x="0" y="4569614"/>
            <a:chExt cx="9143916" cy="573969"/>
          </a:xfrm>
        </p:grpSpPr>
        <p:sp>
          <p:nvSpPr>
            <p:cNvPr id="333" name="Google Shape;333;p23"/>
            <p:cNvSpPr/>
            <p:nvPr/>
          </p:nvSpPr>
          <p:spPr>
            <a:xfrm>
              <a:off x="0" y="4569614"/>
              <a:ext cx="9143916" cy="502399"/>
            </a:xfrm>
            <a:custGeom>
              <a:avLst/>
              <a:gdLst/>
              <a:ahLst/>
              <a:cxnLst/>
              <a:rect l="l" t="t" r="r" b="b"/>
              <a:pathLst>
                <a:path w="285057" h="13941" extrusionOk="0">
                  <a:moveTo>
                    <a:pt x="238141" y="0"/>
                  </a:moveTo>
                  <a:lnTo>
                    <a:pt x="234529" y="47"/>
                  </a:lnTo>
                  <a:lnTo>
                    <a:pt x="230777" y="186"/>
                  </a:lnTo>
                  <a:lnTo>
                    <a:pt x="226933" y="325"/>
                  </a:lnTo>
                  <a:lnTo>
                    <a:pt x="222997" y="602"/>
                  </a:lnTo>
                  <a:lnTo>
                    <a:pt x="218921" y="927"/>
                  </a:lnTo>
                  <a:lnTo>
                    <a:pt x="214799" y="1343"/>
                  </a:lnTo>
                  <a:lnTo>
                    <a:pt x="210585" y="1853"/>
                  </a:lnTo>
                  <a:lnTo>
                    <a:pt x="206278" y="2455"/>
                  </a:lnTo>
                  <a:lnTo>
                    <a:pt x="204009" y="2733"/>
                  </a:lnTo>
                  <a:lnTo>
                    <a:pt x="201647" y="3057"/>
                  </a:lnTo>
                  <a:lnTo>
                    <a:pt x="199053" y="3289"/>
                  </a:lnTo>
                  <a:lnTo>
                    <a:pt x="196367" y="3566"/>
                  </a:lnTo>
                  <a:lnTo>
                    <a:pt x="193542" y="3798"/>
                  </a:lnTo>
                  <a:lnTo>
                    <a:pt x="190578" y="4030"/>
                  </a:lnTo>
                  <a:lnTo>
                    <a:pt x="184279" y="4400"/>
                  </a:lnTo>
                  <a:lnTo>
                    <a:pt x="177518" y="4724"/>
                  </a:lnTo>
                  <a:lnTo>
                    <a:pt x="170386" y="5002"/>
                  </a:lnTo>
                  <a:lnTo>
                    <a:pt x="162883" y="5187"/>
                  </a:lnTo>
                  <a:lnTo>
                    <a:pt x="155056" y="5326"/>
                  </a:lnTo>
                  <a:lnTo>
                    <a:pt x="146998" y="5465"/>
                  </a:lnTo>
                  <a:lnTo>
                    <a:pt x="138708" y="5512"/>
                  </a:lnTo>
                  <a:lnTo>
                    <a:pt x="130232" y="5512"/>
                  </a:lnTo>
                  <a:lnTo>
                    <a:pt x="121711" y="5465"/>
                  </a:lnTo>
                  <a:lnTo>
                    <a:pt x="113050" y="5419"/>
                  </a:lnTo>
                  <a:lnTo>
                    <a:pt x="104436" y="5280"/>
                  </a:lnTo>
                  <a:lnTo>
                    <a:pt x="95776" y="5187"/>
                  </a:lnTo>
                  <a:lnTo>
                    <a:pt x="87254" y="5002"/>
                  </a:lnTo>
                  <a:lnTo>
                    <a:pt x="70581" y="4632"/>
                  </a:lnTo>
                  <a:lnTo>
                    <a:pt x="54789" y="4215"/>
                  </a:lnTo>
                  <a:lnTo>
                    <a:pt x="40293" y="3752"/>
                  </a:lnTo>
                  <a:lnTo>
                    <a:pt x="27418" y="3242"/>
                  </a:lnTo>
                  <a:lnTo>
                    <a:pt x="16534" y="2825"/>
                  </a:lnTo>
                  <a:lnTo>
                    <a:pt x="8105" y="2409"/>
                  </a:lnTo>
                  <a:lnTo>
                    <a:pt x="2455" y="2131"/>
                  </a:lnTo>
                  <a:lnTo>
                    <a:pt x="834" y="1992"/>
                  </a:lnTo>
                  <a:lnTo>
                    <a:pt x="1" y="1946"/>
                  </a:lnTo>
                  <a:lnTo>
                    <a:pt x="1" y="13940"/>
                  </a:lnTo>
                  <a:lnTo>
                    <a:pt x="285056" y="13940"/>
                  </a:lnTo>
                  <a:lnTo>
                    <a:pt x="285056" y="5512"/>
                  </a:lnTo>
                  <a:lnTo>
                    <a:pt x="283574" y="5095"/>
                  </a:lnTo>
                  <a:lnTo>
                    <a:pt x="281768" y="4632"/>
                  </a:lnTo>
                  <a:lnTo>
                    <a:pt x="279267" y="4076"/>
                  </a:lnTo>
                  <a:lnTo>
                    <a:pt x="276118" y="3428"/>
                  </a:lnTo>
                  <a:lnTo>
                    <a:pt x="272366" y="2733"/>
                  </a:lnTo>
                  <a:lnTo>
                    <a:pt x="270236" y="2362"/>
                  </a:lnTo>
                  <a:lnTo>
                    <a:pt x="268013" y="2038"/>
                  </a:lnTo>
                  <a:lnTo>
                    <a:pt x="265605" y="1714"/>
                  </a:lnTo>
                  <a:lnTo>
                    <a:pt x="263057" y="1390"/>
                  </a:lnTo>
                  <a:lnTo>
                    <a:pt x="260371" y="1112"/>
                  </a:lnTo>
                  <a:lnTo>
                    <a:pt x="257593" y="834"/>
                  </a:lnTo>
                  <a:lnTo>
                    <a:pt x="254629" y="602"/>
                  </a:lnTo>
                  <a:lnTo>
                    <a:pt x="251572" y="371"/>
                  </a:lnTo>
                  <a:lnTo>
                    <a:pt x="248423" y="232"/>
                  </a:lnTo>
                  <a:lnTo>
                    <a:pt x="245088" y="93"/>
                  </a:lnTo>
                  <a:lnTo>
                    <a:pt x="241661" y="47"/>
                  </a:lnTo>
                  <a:lnTo>
                    <a:pt x="238141" y="0"/>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334" name="Google Shape;334;p23"/>
            <p:cNvSpPr/>
            <p:nvPr/>
          </p:nvSpPr>
          <p:spPr>
            <a:xfrm>
              <a:off x="0" y="4612402"/>
              <a:ext cx="9143916" cy="531181"/>
            </a:xfrm>
            <a:custGeom>
              <a:avLst/>
              <a:gdLst/>
              <a:ahLst/>
              <a:cxnLst/>
              <a:rect l="l" t="t" r="r" b="b"/>
              <a:pathLst>
                <a:path w="285057" h="21397" extrusionOk="0">
                  <a:moveTo>
                    <a:pt x="60439" y="1"/>
                  </a:moveTo>
                  <a:lnTo>
                    <a:pt x="57058" y="47"/>
                  </a:lnTo>
                  <a:lnTo>
                    <a:pt x="55530" y="47"/>
                  </a:lnTo>
                  <a:lnTo>
                    <a:pt x="54048" y="140"/>
                  </a:lnTo>
                  <a:lnTo>
                    <a:pt x="52658" y="232"/>
                  </a:lnTo>
                  <a:lnTo>
                    <a:pt x="51362" y="371"/>
                  </a:lnTo>
                  <a:lnTo>
                    <a:pt x="50157" y="510"/>
                  </a:lnTo>
                  <a:lnTo>
                    <a:pt x="49046" y="695"/>
                  </a:lnTo>
                  <a:lnTo>
                    <a:pt x="48073" y="927"/>
                  </a:lnTo>
                  <a:lnTo>
                    <a:pt x="47147" y="1205"/>
                  </a:lnTo>
                  <a:lnTo>
                    <a:pt x="43674" y="2270"/>
                  </a:lnTo>
                  <a:lnTo>
                    <a:pt x="40015" y="3335"/>
                  </a:lnTo>
                  <a:lnTo>
                    <a:pt x="36171" y="4400"/>
                  </a:lnTo>
                  <a:lnTo>
                    <a:pt x="32234" y="5419"/>
                  </a:lnTo>
                  <a:lnTo>
                    <a:pt x="28298" y="6392"/>
                  </a:lnTo>
                  <a:lnTo>
                    <a:pt x="24361" y="7318"/>
                  </a:lnTo>
                  <a:lnTo>
                    <a:pt x="16859" y="9032"/>
                  </a:lnTo>
                  <a:lnTo>
                    <a:pt x="10190" y="10467"/>
                  </a:lnTo>
                  <a:lnTo>
                    <a:pt x="4864" y="11579"/>
                  </a:lnTo>
                  <a:lnTo>
                    <a:pt x="1" y="12551"/>
                  </a:lnTo>
                  <a:lnTo>
                    <a:pt x="1" y="21397"/>
                  </a:lnTo>
                  <a:lnTo>
                    <a:pt x="285056" y="21397"/>
                  </a:lnTo>
                  <a:lnTo>
                    <a:pt x="285056" y="1205"/>
                  </a:lnTo>
                  <a:lnTo>
                    <a:pt x="280934" y="1853"/>
                  </a:lnTo>
                  <a:lnTo>
                    <a:pt x="275840" y="2687"/>
                  </a:lnTo>
                  <a:lnTo>
                    <a:pt x="263382" y="4910"/>
                  </a:lnTo>
                  <a:lnTo>
                    <a:pt x="248700" y="7503"/>
                  </a:lnTo>
                  <a:lnTo>
                    <a:pt x="240874" y="8846"/>
                  </a:lnTo>
                  <a:lnTo>
                    <a:pt x="232861" y="10143"/>
                  </a:lnTo>
                  <a:lnTo>
                    <a:pt x="224849" y="11440"/>
                  </a:lnTo>
                  <a:lnTo>
                    <a:pt x="216884" y="12551"/>
                  </a:lnTo>
                  <a:lnTo>
                    <a:pt x="212993" y="13107"/>
                  </a:lnTo>
                  <a:lnTo>
                    <a:pt x="209196" y="13570"/>
                  </a:lnTo>
                  <a:lnTo>
                    <a:pt x="205491" y="14033"/>
                  </a:lnTo>
                  <a:lnTo>
                    <a:pt x="201878" y="14404"/>
                  </a:lnTo>
                  <a:lnTo>
                    <a:pt x="198405" y="14728"/>
                  </a:lnTo>
                  <a:lnTo>
                    <a:pt x="195070" y="15006"/>
                  </a:lnTo>
                  <a:lnTo>
                    <a:pt x="191875" y="15191"/>
                  </a:lnTo>
                  <a:lnTo>
                    <a:pt x="188864" y="15330"/>
                  </a:lnTo>
                  <a:lnTo>
                    <a:pt x="186039" y="15423"/>
                  </a:lnTo>
                  <a:lnTo>
                    <a:pt x="183446" y="15376"/>
                  </a:lnTo>
                  <a:lnTo>
                    <a:pt x="181037" y="15284"/>
                  </a:lnTo>
                  <a:lnTo>
                    <a:pt x="179926" y="15191"/>
                  </a:lnTo>
                  <a:lnTo>
                    <a:pt x="178907" y="15052"/>
                  </a:lnTo>
                  <a:lnTo>
                    <a:pt x="174044" y="14404"/>
                  </a:lnTo>
                  <a:lnTo>
                    <a:pt x="167746" y="13478"/>
                  </a:lnTo>
                  <a:lnTo>
                    <a:pt x="151721" y="10977"/>
                  </a:lnTo>
                  <a:lnTo>
                    <a:pt x="142366" y="9495"/>
                  </a:lnTo>
                  <a:lnTo>
                    <a:pt x="132455" y="8013"/>
                  </a:lnTo>
                  <a:lnTo>
                    <a:pt x="122128" y="6484"/>
                  </a:lnTo>
                  <a:lnTo>
                    <a:pt x="111661" y="4956"/>
                  </a:lnTo>
                  <a:lnTo>
                    <a:pt x="101194" y="3567"/>
                  </a:lnTo>
                  <a:lnTo>
                    <a:pt x="96053" y="2965"/>
                  </a:lnTo>
                  <a:lnTo>
                    <a:pt x="91005" y="2363"/>
                  </a:lnTo>
                  <a:lnTo>
                    <a:pt x="86096" y="1807"/>
                  </a:lnTo>
                  <a:lnTo>
                    <a:pt x="81280" y="1344"/>
                  </a:lnTo>
                  <a:lnTo>
                    <a:pt x="76695" y="881"/>
                  </a:lnTo>
                  <a:lnTo>
                    <a:pt x="72249" y="556"/>
                  </a:lnTo>
                  <a:lnTo>
                    <a:pt x="68081" y="279"/>
                  </a:lnTo>
                  <a:lnTo>
                    <a:pt x="64098" y="93"/>
                  </a:lnTo>
                  <a:lnTo>
                    <a:pt x="60439" y="1"/>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335" name="Google Shape;335;p23"/>
          <p:cNvSpPr/>
          <p:nvPr/>
        </p:nvSpPr>
        <p:spPr>
          <a:xfrm flipH="1">
            <a:off x="585176" y="7411736"/>
            <a:ext cx="766742" cy="3741920"/>
          </a:xfrm>
          <a:custGeom>
            <a:avLst/>
            <a:gdLst/>
            <a:ahLst/>
            <a:cxnLst/>
            <a:rect l="l" t="t" r="r" b="b"/>
            <a:pathLst>
              <a:path w="16256" h="79334" extrusionOk="0">
                <a:moveTo>
                  <a:pt x="7457" y="1"/>
                </a:moveTo>
                <a:lnTo>
                  <a:pt x="7179" y="93"/>
                </a:lnTo>
                <a:lnTo>
                  <a:pt x="6901" y="186"/>
                </a:lnTo>
                <a:lnTo>
                  <a:pt x="6762" y="371"/>
                </a:lnTo>
                <a:lnTo>
                  <a:pt x="6669" y="510"/>
                </a:lnTo>
                <a:lnTo>
                  <a:pt x="6669" y="649"/>
                </a:lnTo>
                <a:lnTo>
                  <a:pt x="6391" y="2455"/>
                </a:lnTo>
                <a:lnTo>
                  <a:pt x="6160" y="4261"/>
                </a:lnTo>
                <a:lnTo>
                  <a:pt x="5975" y="6114"/>
                </a:lnTo>
                <a:lnTo>
                  <a:pt x="5882" y="7966"/>
                </a:lnTo>
                <a:lnTo>
                  <a:pt x="5836" y="10560"/>
                </a:lnTo>
                <a:lnTo>
                  <a:pt x="5882" y="13153"/>
                </a:lnTo>
                <a:lnTo>
                  <a:pt x="5975" y="15747"/>
                </a:lnTo>
                <a:lnTo>
                  <a:pt x="6113" y="18340"/>
                </a:lnTo>
                <a:lnTo>
                  <a:pt x="6484" y="23620"/>
                </a:lnTo>
                <a:lnTo>
                  <a:pt x="6762" y="28946"/>
                </a:lnTo>
                <a:lnTo>
                  <a:pt x="6901" y="31586"/>
                </a:lnTo>
                <a:lnTo>
                  <a:pt x="6993" y="34226"/>
                </a:lnTo>
                <a:lnTo>
                  <a:pt x="7040" y="36912"/>
                </a:lnTo>
                <a:lnTo>
                  <a:pt x="7086" y="39551"/>
                </a:lnTo>
                <a:lnTo>
                  <a:pt x="7040" y="41635"/>
                </a:lnTo>
                <a:lnTo>
                  <a:pt x="6993" y="43673"/>
                </a:lnTo>
                <a:lnTo>
                  <a:pt x="6854" y="45757"/>
                </a:lnTo>
                <a:lnTo>
                  <a:pt x="6716" y="47795"/>
                </a:lnTo>
                <a:lnTo>
                  <a:pt x="6391" y="51917"/>
                </a:lnTo>
                <a:lnTo>
                  <a:pt x="6067" y="56039"/>
                </a:lnTo>
                <a:lnTo>
                  <a:pt x="5743" y="55807"/>
                </a:lnTo>
                <a:lnTo>
                  <a:pt x="5465" y="55529"/>
                </a:lnTo>
                <a:lnTo>
                  <a:pt x="5187" y="55251"/>
                </a:lnTo>
                <a:lnTo>
                  <a:pt x="4956" y="54927"/>
                </a:lnTo>
                <a:lnTo>
                  <a:pt x="4539" y="54232"/>
                </a:lnTo>
                <a:lnTo>
                  <a:pt x="4307" y="53723"/>
                </a:lnTo>
                <a:lnTo>
                  <a:pt x="4215" y="53353"/>
                </a:lnTo>
                <a:lnTo>
                  <a:pt x="4122" y="52982"/>
                </a:lnTo>
                <a:lnTo>
                  <a:pt x="4076" y="52241"/>
                </a:lnTo>
                <a:lnTo>
                  <a:pt x="4029" y="51454"/>
                </a:lnTo>
                <a:lnTo>
                  <a:pt x="4029" y="50713"/>
                </a:lnTo>
                <a:lnTo>
                  <a:pt x="3983" y="48073"/>
                </a:lnTo>
                <a:lnTo>
                  <a:pt x="4029" y="45479"/>
                </a:lnTo>
                <a:lnTo>
                  <a:pt x="4076" y="43117"/>
                </a:lnTo>
                <a:lnTo>
                  <a:pt x="4122" y="41960"/>
                </a:lnTo>
                <a:lnTo>
                  <a:pt x="4076" y="40802"/>
                </a:lnTo>
                <a:lnTo>
                  <a:pt x="4076" y="39644"/>
                </a:lnTo>
                <a:lnTo>
                  <a:pt x="3937" y="38486"/>
                </a:lnTo>
                <a:lnTo>
                  <a:pt x="3798" y="37328"/>
                </a:lnTo>
                <a:lnTo>
                  <a:pt x="3566" y="36171"/>
                </a:lnTo>
                <a:lnTo>
                  <a:pt x="3474" y="35939"/>
                </a:lnTo>
                <a:lnTo>
                  <a:pt x="3288" y="35754"/>
                </a:lnTo>
                <a:lnTo>
                  <a:pt x="3103" y="35569"/>
                </a:lnTo>
                <a:lnTo>
                  <a:pt x="2825" y="35476"/>
                </a:lnTo>
                <a:lnTo>
                  <a:pt x="2547" y="35383"/>
                </a:lnTo>
                <a:lnTo>
                  <a:pt x="2223" y="35337"/>
                </a:lnTo>
                <a:lnTo>
                  <a:pt x="1899" y="35291"/>
                </a:lnTo>
                <a:lnTo>
                  <a:pt x="1575" y="35291"/>
                </a:lnTo>
                <a:lnTo>
                  <a:pt x="1251" y="35337"/>
                </a:lnTo>
                <a:lnTo>
                  <a:pt x="926" y="35430"/>
                </a:lnTo>
                <a:lnTo>
                  <a:pt x="649" y="35522"/>
                </a:lnTo>
                <a:lnTo>
                  <a:pt x="371" y="35661"/>
                </a:lnTo>
                <a:lnTo>
                  <a:pt x="185" y="35800"/>
                </a:lnTo>
                <a:lnTo>
                  <a:pt x="46" y="36032"/>
                </a:lnTo>
                <a:lnTo>
                  <a:pt x="0" y="36217"/>
                </a:lnTo>
                <a:lnTo>
                  <a:pt x="0" y="36495"/>
                </a:lnTo>
                <a:lnTo>
                  <a:pt x="139" y="37467"/>
                </a:lnTo>
                <a:lnTo>
                  <a:pt x="278" y="38440"/>
                </a:lnTo>
                <a:lnTo>
                  <a:pt x="510" y="40385"/>
                </a:lnTo>
                <a:lnTo>
                  <a:pt x="649" y="42330"/>
                </a:lnTo>
                <a:lnTo>
                  <a:pt x="741" y="44275"/>
                </a:lnTo>
                <a:lnTo>
                  <a:pt x="880" y="48212"/>
                </a:lnTo>
                <a:lnTo>
                  <a:pt x="1019" y="50157"/>
                </a:lnTo>
                <a:lnTo>
                  <a:pt x="1204" y="52148"/>
                </a:lnTo>
                <a:lnTo>
                  <a:pt x="1390" y="53353"/>
                </a:lnTo>
                <a:lnTo>
                  <a:pt x="1528" y="53908"/>
                </a:lnTo>
                <a:lnTo>
                  <a:pt x="1667" y="54510"/>
                </a:lnTo>
                <a:lnTo>
                  <a:pt x="1853" y="55020"/>
                </a:lnTo>
                <a:lnTo>
                  <a:pt x="2038" y="55529"/>
                </a:lnTo>
                <a:lnTo>
                  <a:pt x="2269" y="56039"/>
                </a:lnTo>
                <a:lnTo>
                  <a:pt x="2547" y="56502"/>
                </a:lnTo>
                <a:lnTo>
                  <a:pt x="2872" y="56919"/>
                </a:lnTo>
                <a:lnTo>
                  <a:pt x="3196" y="57289"/>
                </a:lnTo>
                <a:lnTo>
                  <a:pt x="3566" y="57660"/>
                </a:lnTo>
                <a:lnTo>
                  <a:pt x="3937" y="57937"/>
                </a:lnTo>
                <a:lnTo>
                  <a:pt x="4400" y="58215"/>
                </a:lnTo>
                <a:lnTo>
                  <a:pt x="4863" y="58447"/>
                </a:lnTo>
                <a:lnTo>
                  <a:pt x="5372" y="58632"/>
                </a:lnTo>
                <a:lnTo>
                  <a:pt x="5882" y="58771"/>
                </a:lnTo>
                <a:lnTo>
                  <a:pt x="5836" y="59790"/>
                </a:lnTo>
                <a:lnTo>
                  <a:pt x="5743" y="62244"/>
                </a:lnTo>
                <a:lnTo>
                  <a:pt x="5604" y="64653"/>
                </a:lnTo>
                <a:lnTo>
                  <a:pt x="5558" y="67061"/>
                </a:lnTo>
                <a:lnTo>
                  <a:pt x="5558" y="68265"/>
                </a:lnTo>
                <a:lnTo>
                  <a:pt x="5604" y="69469"/>
                </a:lnTo>
                <a:lnTo>
                  <a:pt x="5650" y="71692"/>
                </a:lnTo>
                <a:lnTo>
                  <a:pt x="5650" y="72804"/>
                </a:lnTo>
                <a:lnTo>
                  <a:pt x="5650" y="73915"/>
                </a:lnTo>
                <a:lnTo>
                  <a:pt x="5558" y="74471"/>
                </a:lnTo>
                <a:lnTo>
                  <a:pt x="5511" y="74980"/>
                </a:lnTo>
                <a:lnTo>
                  <a:pt x="5372" y="76046"/>
                </a:lnTo>
                <a:lnTo>
                  <a:pt x="5326" y="76555"/>
                </a:lnTo>
                <a:lnTo>
                  <a:pt x="5326" y="77064"/>
                </a:lnTo>
                <a:lnTo>
                  <a:pt x="5465" y="77574"/>
                </a:lnTo>
                <a:lnTo>
                  <a:pt x="5650" y="78130"/>
                </a:lnTo>
                <a:lnTo>
                  <a:pt x="5789" y="78361"/>
                </a:lnTo>
                <a:lnTo>
                  <a:pt x="5975" y="78593"/>
                </a:lnTo>
                <a:lnTo>
                  <a:pt x="6160" y="78778"/>
                </a:lnTo>
                <a:lnTo>
                  <a:pt x="6438" y="78963"/>
                </a:lnTo>
                <a:lnTo>
                  <a:pt x="6669" y="79102"/>
                </a:lnTo>
                <a:lnTo>
                  <a:pt x="6947" y="79195"/>
                </a:lnTo>
                <a:lnTo>
                  <a:pt x="7271" y="79287"/>
                </a:lnTo>
                <a:lnTo>
                  <a:pt x="7549" y="79334"/>
                </a:lnTo>
                <a:lnTo>
                  <a:pt x="8198" y="79334"/>
                </a:lnTo>
                <a:lnTo>
                  <a:pt x="8800" y="79287"/>
                </a:lnTo>
                <a:lnTo>
                  <a:pt x="9402" y="79102"/>
                </a:lnTo>
                <a:lnTo>
                  <a:pt x="9633" y="78963"/>
                </a:lnTo>
                <a:lnTo>
                  <a:pt x="9865" y="78824"/>
                </a:lnTo>
                <a:lnTo>
                  <a:pt x="10328" y="78500"/>
                </a:lnTo>
                <a:lnTo>
                  <a:pt x="10698" y="78130"/>
                </a:lnTo>
                <a:lnTo>
                  <a:pt x="11069" y="77713"/>
                </a:lnTo>
                <a:lnTo>
                  <a:pt x="11347" y="77296"/>
                </a:lnTo>
                <a:lnTo>
                  <a:pt x="11578" y="76833"/>
                </a:lnTo>
                <a:lnTo>
                  <a:pt x="11764" y="76370"/>
                </a:lnTo>
                <a:lnTo>
                  <a:pt x="11949" y="75860"/>
                </a:lnTo>
                <a:lnTo>
                  <a:pt x="12041" y="75305"/>
                </a:lnTo>
                <a:lnTo>
                  <a:pt x="12134" y="74749"/>
                </a:lnTo>
                <a:lnTo>
                  <a:pt x="12180" y="74193"/>
                </a:lnTo>
                <a:lnTo>
                  <a:pt x="12180" y="73637"/>
                </a:lnTo>
                <a:lnTo>
                  <a:pt x="12180" y="73035"/>
                </a:lnTo>
                <a:lnTo>
                  <a:pt x="12041" y="71831"/>
                </a:lnTo>
                <a:lnTo>
                  <a:pt x="11856" y="70581"/>
                </a:lnTo>
                <a:lnTo>
                  <a:pt x="11625" y="69330"/>
                </a:lnTo>
                <a:lnTo>
                  <a:pt x="11347" y="68034"/>
                </a:lnTo>
                <a:lnTo>
                  <a:pt x="10745" y="65579"/>
                </a:lnTo>
                <a:lnTo>
                  <a:pt x="10467" y="64421"/>
                </a:lnTo>
                <a:lnTo>
                  <a:pt x="10235" y="63310"/>
                </a:lnTo>
                <a:lnTo>
                  <a:pt x="10050" y="62244"/>
                </a:lnTo>
                <a:lnTo>
                  <a:pt x="10004" y="61318"/>
                </a:lnTo>
                <a:lnTo>
                  <a:pt x="9957" y="58678"/>
                </a:lnTo>
                <a:lnTo>
                  <a:pt x="10004" y="55992"/>
                </a:lnTo>
                <a:lnTo>
                  <a:pt x="10143" y="53353"/>
                </a:lnTo>
                <a:lnTo>
                  <a:pt x="10282" y="50713"/>
                </a:lnTo>
                <a:lnTo>
                  <a:pt x="10559" y="45387"/>
                </a:lnTo>
                <a:lnTo>
                  <a:pt x="10652" y="42701"/>
                </a:lnTo>
                <a:lnTo>
                  <a:pt x="10698" y="40061"/>
                </a:lnTo>
                <a:lnTo>
                  <a:pt x="10698" y="37375"/>
                </a:lnTo>
                <a:lnTo>
                  <a:pt x="10652" y="34642"/>
                </a:lnTo>
                <a:lnTo>
                  <a:pt x="11115" y="34689"/>
                </a:lnTo>
                <a:lnTo>
                  <a:pt x="11578" y="34689"/>
                </a:lnTo>
                <a:lnTo>
                  <a:pt x="11995" y="34642"/>
                </a:lnTo>
                <a:lnTo>
                  <a:pt x="12412" y="34596"/>
                </a:lnTo>
                <a:lnTo>
                  <a:pt x="12829" y="34503"/>
                </a:lnTo>
                <a:lnTo>
                  <a:pt x="13199" y="34364"/>
                </a:lnTo>
                <a:lnTo>
                  <a:pt x="13570" y="34179"/>
                </a:lnTo>
                <a:lnTo>
                  <a:pt x="13894" y="33994"/>
                </a:lnTo>
                <a:lnTo>
                  <a:pt x="14218" y="33762"/>
                </a:lnTo>
                <a:lnTo>
                  <a:pt x="14496" y="33485"/>
                </a:lnTo>
                <a:lnTo>
                  <a:pt x="14774" y="33207"/>
                </a:lnTo>
                <a:lnTo>
                  <a:pt x="15006" y="32882"/>
                </a:lnTo>
                <a:lnTo>
                  <a:pt x="15237" y="32512"/>
                </a:lnTo>
                <a:lnTo>
                  <a:pt x="15422" y="32095"/>
                </a:lnTo>
                <a:lnTo>
                  <a:pt x="15561" y="31678"/>
                </a:lnTo>
                <a:lnTo>
                  <a:pt x="15654" y="31169"/>
                </a:lnTo>
                <a:lnTo>
                  <a:pt x="15885" y="30150"/>
                </a:lnTo>
                <a:lnTo>
                  <a:pt x="16071" y="29039"/>
                </a:lnTo>
                <a:lnTo>
                  <a:pt x="16163" y="27881"/>
                </a:lnTo>
                <a:lnTo>
                  <a:pt x="16256" y="26677"/>
                </a:lnTo>
                <a:lnTo>
                  <a:pt x="16210" y="26075"/>
                </a:lnTo>
                <a:lnTo>
                  <a:pt x="16163" y="25519"/>
                </a:lnTo>
                <a:lnTo>
                  <a:pt x="16117" y="24917"/>
                </a:lnTo>
                <a:lnTo>
                  <a:pt x="16024" y="24361"/>
                </a:lnTo>
                <a:lnTo>
                  <a:pt x="15839" y="23852"/>
                </a:lnTo>
                <a:lnTo>
                  <a:pt x="15654" y="23342"/>
                </a:lnTo>
                <a:lnTo>
                  <a:pt x="15422" y="22879"/>
                </a:lnTo>
                <a:lnTo>
                  <a:pt x="15144" y="22462"/>
                </a:lnTo>
                <a:lnTo>
                  <a:pt x="15052" y="22416"/>
                </a:lnTo>
                <a:lnTo>
                  <a:pt x="15006" y="22416"/>
                </a:lnTo>
                <a:lnTo>
                  <a:pt x="14867" y="22462"/>
                </a:lnTo>
                <a:lnTo>
                  <a:pt x="14403" y="22972"/>
                </a:lnTo>
                <a:lnTo>
                  <a:pt x="14033" y="23527"/>
                </a:lnTo>
                <a:lnTo>
                  <a:pt x="13709" y="24083"/>
                </a:lnTo>
                <a:lnTo>
                  <a:pt x="13477" y="24685"/>
                </a:lnTo>
                <a:lnTo>
                  <a:pt x="13292" y="25334"/>
                </a:lnTo>
                <a:lnTo>
                  <a:pt x="13107" y="25982"/>
                </a:lnTo>
                <a:lnTo>
                  <a:pt x="12921" y="27325"/>
                </a:lnTo>
                <a:lnTo>
                  <a:pt x="12829" y="27973"/>
                </a:lnTo>
                <a:lnTo>
                  <a:pt x="12782" y="28714"/>
                </a:lnTo>
                <a:lnTo>
                  <a:pt x="12736" y="29455"/>
                </a:lnTo>
                <a:lnTo>
                  <a:pt x="12597" y="30150"/>
                </a:lnTo>
                <a:lnTo>
                  <a:pt x="12505" y="30474"/>
                </a:lnTo>
                <a:lnTo>
                  <a:pt x="12366" y="30798"/>
                </a:lnTo>
                <a:lnTo>
                  <a:pt x="12227" y="31076"/>
                </a:lnTo>
                <a:lnTo>
                  <a:pt x="12041" y="31308"/>
                </a:lnTo>
                <a:lnTo>
                  <a:pt x="11810" y="31493"/>
                </a:lnTo>
                <a:lnTo>
                  <a:pt x="11532" y="31632"/>
                </a:lnTo>
                <a:lnTo>
                  <a:pt x="11208" y="31725"/>
                </a:lnTo>
                <a:lnTo>
                  <a:pt x="10837" y="31771"/>
                </a:lnTo>
                <a:lnTo>
                  <a:pt x="10606" y="31771"/>
                </a:lnTo>
                <a:lnTo>
                  <a:pt x="10374" y="25287"/>
                </a:lnTo>
                <a:lnTo>
                  <a:pt x="10189" y="18850"/>
                </a:lnTo>
                <a:lnTo>
                  <a:pt x="10096" y="16117"/>
                </a:lnTo>
                <a:lnTo>
                  <a:pt x="10004" y="13431"/>
                </a:lnTo>
                <a:lnTo>
                  <a:pt x="9865" y="10699"/>
                </a:lnTo>
                <a:lnTo>
                  <a:pt x="9680" y="7966"/>
                </a:lnTo>
                <a:lnTo>
                  <a:pt x="9633" y="6994"/>
                </a:lnTo>
                <a:lnTo>
                  <a:pt x="9633" y="5975"/>
                </a:lnTo>
                <a:lnTo>
                  <a:pt x="9633" y="4956"/>
                </a:lnTo>
                <a:lnTo>
                  <a:pt x="9633" y="3937"/>
                </a:lnTo>
                <a:lnTo>
                  <a:pt x="9494" y="2965"/>
                </a:lnTo>
                <a:lnTo>
                  <a:pt x="9448" y="2455"/>
                </a:lnTo>
                <a:lnTo>
                  <a:pt x="9309" y="1992"/>
                </a:lnTo>
                <a:lnTo>
                  <a:pt x="9170" y="1575"/>
                </a:lnTo>
                <a:lnTo>
                  <a:pt x="8985" y="1112"/>
                </a:lnTo>
                <a:lnTo>
                  <a:pt x="8753" y="695"/>
                </a:lnTo>
                <a:lnTo>
                  <a:pt x="8475" y="325"/>
                </a:lnTo>
                <a:lnTo>
                  <a:pt x="8244" y="140"/>
                </a:lnTo>
                <a:lnTo>
                  <a:pt x="8012" y="47"/>
                </a:lnTo>
                <a:lnTo>
                  <a:pt x="7734" y="1"/>
                </a:lnTo>
                <a:close/>
              </a:path>
            </a:pathLst>
          </a:custGeom>
          <a:solidFill>
            <a:schemeClr val="dk1"/>
          </a:solidFill>
          <a:ln>
            <a:noFill/>
          </a:ln>
        </p:spPr>
        <p:txBody>
          <a:bodyPr spcFirstLastPara="1" wrap="square" lIns="203167" tIns="203167" rIns="203167" bIns="203167" anchor="ctr" anchorCtr="0">
            <a:noAutofit/>
          </a:bodyPr>
          <a:lstStyle/>
          <a:p>
            <a:pPr marL="0" lvl="0" indent="0" algn="l" rtl="0">
              <a:spcBef>
                <a:spcPts val="0"/>
              </a:spcBef>
              <a:spcAft>
                <a:spcPts val="0"/>
              </a:spcAft>
              <a:buNone/>
            </a:pPr>
            <a:endParaRPr sz="6000"/>
          </a:p>
        </p:txBody>
      </p:sp>
    </p:spTree>
    <p:extLst>
      <p:ext uri="{BB962C8B-B14F-4D97-AF65-F5344CB8AC3E}">
        <p14:creationId xmlns:p14="http://schemas.microsoft.com/office/powerpoint/2010/main" val="1843973302"/>
      </p:ext>
    </p:extLst>
  </p:cSld>
  <p:clrMapOvr>
    <a:masterClrMapping/>
  </p:clrMapOvr>
</p:sldLayout>
</file>

<file path=ppt/slideLayouts/slideLayout106.xml><?xml version="1.0" encoding="utf-8"?>
<p:sldLayout xmlns:a="http://schemas.openxmlformats.org/drawingml/2006/main" xmlns:r="http://schemas.openxmlformats.org/officeDocument/2006/relationships" xmlns:p="http://schemas.openxmlformats.org/presentationml/2006/main" matchingName="Title and text 4">
  <p:cSld name="Title and text 4">
    <p:spTree>
      <p:nvGrpSpPr>
        <p:cNvPr id="1" name="Shape 336"/>
        <p:cNvGrpSpPr/>
        <p:nvPr/>
      </p:nvGrpSpPr>
      <p:grpSpPr>
        <a:xfrm>
          <a:off x="0" y="0"/>
          <a:ext cx="0" cy="0"/>
          <a:chOff x="0" y="0"/>
          <a:chExt cx="0" cy="0"/>
        </a:xfrm>
      </p:grpSpPr>
      <p:pic>
        <p:nvPicPr>
          <p:cNvPr id="337" name="Google Shape;337;p24"/>
          <p:cNvPicPr preferRelativeResize="0"/>
          <p:nvPr/>
        </p:nvPicPr>
        <p:blipFill rotWithShape="1">
          <a:blip r:embed="rId2">
            <a:alphaModFix amt="58999"/>
          </a:blip>
          <a:srcRect/>
          <a:stretch/>
        </p:blipFill>
        <p:spPr>
          <a:xfrm>
            <a:off x="0" y="0"/>
            <a:ext cx="20320000" cy="11430000"/>
          </a:xfrm>
          <a:prstGeom prst="rect">
            <a:avLst/>
          </a:prstGeom>
          <a:noFill/>
          <a:ln>
            <a:noFill/>
          </a:ln>
        </p:spPr>
      </p:pic>
      <p:grpSp>
        <p:nvGrpSpPr>
          <p:cNvPr id="338" name="Google Shape;338;p24"/>
          <p:cNvGrpSpPr/>
          <p:nvPr/>
        </p:nvGrpSpPr>
        <p:grpSpPr>
          <a:xfrm>
            <a:off x="921445" y="681333"/>
            <a:ext cx="18477111" cy="481333"/>
            <a:chOff x="414650" y="306600"/>
            <a:chExt cx="8314700" cy="216600"/>
          </a:xfrm>
        </p:grpSpPr>
        <p:grpSp>
          <p:nvGrpSpPr>
            <p:cNvPr id="339" name="Google Shape;339;p24"/>
            <p:cNvGrpSpPr/>
            <p:nvPr/>
          </p:nvGrpSpPr>
          <p:grpSpPr>
            <a:xfrm>
              <a:off x="713281" y="389286"/>
              <a:ext cx="7717437" cy="51251"/>
              <a:chOff x="450050" y="465475"/>
              <a:chExt cx="8367600" cy="51241"/>
            </a:xfrm>
          </p:grpSpPr>
          <p:cxnSp>
            <p:nvCxnSpPr>
              <p:cNvPr id="340" name="Google Shape;340;p24"/>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341" name="Google Shape;341;p24"/>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342" name="Google Shape;342;p24"/>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343" name="Google Shape;343;p24"/>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344" name="Google Shape;344;p24"/>
          <p:cNvSpPr txBox="1">
            <a:spLocks noGrp="1"/>
          </p:cNvSpPr>
          <p:nvPr>
            <p:ph type="title"/>
          </p:nvPr>
        </p:nvSpPr>
        <p:spPr>
          <a:xfrm>
            <a:off x="1584944" y="3661833"/>
            <a:ext cx="10422000" cy="1688667"/>
          </a:xfrm>
          <a:prstGeom prst="rect">
            <a:avLst/>
          </a:prstGeom>
        </p:spPr>
        <p:txBody>
          <a:bodyPr spcFirstLastPara="1" wrap="square" lIns="91425" tIns="91425" rIns="91425" bIns="91425" anchor="b" anchorCtr="0">
            <a:noAutofit/>
          </a:bodyPr>
          <a:lstStyle>
            <a:lvl1pPr lvl="0" algn="l" rtl="0">
              <a:spcBef>
                <a:spcPts val="0"/>
              </a:spcBef>
              <a:spcAft>
                <a:spcPts val="0"/>
              </a:spcAft>
              <a:buSzPts val="4000"/>
              <a:buNone/>
              <a:defRPr sz="8889"/>
            </a:lvl1pPr>
            <a:lvl2pPr lvl="1" rtl="0">
              <a:spcBef>
                <a:spcPts val="0"/>
              </a:spcBef>
              <a:spcAft>
                <a:spcPts val="0"/>
              </a:spcAft>
              <a:buSzPts val="4000"/>
              <a:buNone/>
              <a:defRPr sz="8889"/>
            </a:lvl2pPr>
            <a:lvl3pPr lvl="2" rtl="0">
              <a:spcBef>
                <a:spcPts val="0"/>
              </a:spcBef>
              <a:spcAft>
                <a:spcPts val="0"/>
              </a:spcAft>
              <a:buSzPts val="4000"/>
              <a:buNone/>
              <a:defRPr sz="8889"/>
            </a:lvl3pPr>
            <a:lvl4pPr lvl="3" rtl="0">
              <a:spcBef>
                <a:spcPts val="0"/>
              </a:spcBef>
              <a:spcAft>
                <a:spcPts val="0"/>
              </a:spcAft>
              <a:buSzPts val="4000"/>
              <a:buNone/>
              <a:defRPr sz="8889"/>
            </a:lvl4pPr>
            <a:lvl5pPr lvl="4" rtl="0">
              <a:spcBef>
                <a:spcPts val="0"/>
              </a:spcBef>
              <a:spcAft>
                <a:spcPts val="0"/>
              </a:spcAft>
              <a:buSzPts val="4000"/>
              <a:buNone/>
              <a:defRPr sz="8889"/>
            </a:lvl5pPr>
            <a:lvl6pPr lvl="5" rtl="0">
              <a:spcBef>
                <a:spcPts val="0"/>
              </a:spcBef>
              <a:spcAft>
                <a:spcPts val="0"/>
              </a:spcAft>
              <a:buSzPts val="4000"/>
              <a:buNone/>
              <a:defRPr sz="8889"/>
            </a:lvl6pPr>
            <a:lvl7pPr lvl="6" rtl="0">
              <a:spcBef>
                <a:spcPts val="0"/>
              </a:spcBef>
              <a:spcAft>
                <a:spcPts val="0"/>
              </a:spcAft>
              <a:buSzPts val="4000"/>
              <a:buNone/>
              <a:defRPr sz="8889"/>
            </a:lvl7pPr>
            <a:lvl8pPr lvl="7" rtl="0">
              <a:spcBef>
                <a:spcPts val="0"/>
              </a:spcBef>
              <a:spcAft>
                <a:spcPts val="0"/>
              </a:spcAft>
              <a:buSzPts val="4000"/>
              <a:buNone/>
              <a:defRPr sz="8889"/>
            </a:lvl8pPr>
            <a:lvl9pPr lvl="8" rtl="0">
              <a:spcBef>
                <a:spcPts val="0"/>
              </a:spcBef>
              <a:spcAft>
                <a:spcPts val="0"/>
              </a:spcAft>
              <a:buSzPts val="4000"/>
              <a:buNone/>
              <a:defRPr sz="8889"/>
            </a:lvl9pPr>
          </a:lstStyle>
          <a:p>
            <a:endParaRPr/>
          </a:p>
        </p:txBody>
      </p:sp>
      <p:sp>
        <p:nvSpPr>
          <p:cNvPr id="345" name="Google Shape;345;p24"/>
          <p:cNvSpPr txBox="1">
            <a:spLocks noGrp="1"/>
          </p:cNvSpPr>
          <p:nvPr>
            <p:ph type="subTitle" idx="1"/>
          </p:nvPr>
        </p:nvSpPr>
        <p:spPr>
          <a:xfrm>
            <a:off x="1584944" y="5181500"/>
            <a:ext cx="10422000" cy="2586667"/>
          </a:xfrm>
          <a:prstGeom prst="rect">
            <a:avLst/>
          </a:prstGeom>
        </p:spPr>
        <p:txBody>
          <a:bodyPr spcFirstLastPara="1" wrap="square" lIns="91425" tIns="91425" rIns="91425" bIns="91425" anchor="t" anchorCtr="0">
            <a:noAutofit/>
          </a:bodyPr>
          <a:lstStyle>
            <a:lvl1pPr lvl="0" rtl="0">
              <a:lnSpc>
                <a:spcPct val="100000"/>
              </a:lnSpc>
              <a:spcBef>
                <a:spcPts val="0"/>
              </a:spcBef>
              <a:spcAft>
                <a:spcPts val="0"/>
              </a:spcAft>
              <a:buSzPts val="1600"/>
              <a:buNone/>
              <a:defRPr sz="3556"/>
            </a:lvl1pPr>
            <a:lvl2pPr lvl="1" algn="ctr" rtl="0">
              <a:lnSpc>
                <a:spcPct val="100000"/>
              </a:lnSpc>
              <a:spcBef>
                <a:spcPts val="0"/>
              </a:spcBef>
              <a:spcAft>
                <a:spcPts val="0"/>
              </a:spcAft>
              <a:buSzPts val="1600"/>
              <a:buNone/>
              <a:defRPr sz="3556"/>
            </a:lvl2pPr>
            <a:lvl3pPr lvl="2" algn="ctr" rtl="0">
              <a:lnSpc>
                <a:spcPct val="100000"/>
              </a:lnSpc>
              <a:spcBef>
                <a:spcPts val="3556"/>
              </a:spcBef>
              <a:spcAft>
                <a:spcPts val="0"/>
              </a:spcAft>
              <a:buSzPts val="1600"/>
              <a:buNone/>
              <a:defRPr sz="3556"/>
            </a:lvl3pPr>
            <a:lvl4pPr lvl="3" algn="ctr" rtl="0">
              <a:lnSpc>
                <a:spcPct val="100000"/>
              </a:lnSpc>
              <a:spcBef>
                <a:spcPts val="3556"/>
              </a:spcBef>
              <a:spcAft>
                <a:spcPts val="0"/>
              </a:spcAft>
              <a:buSzPts val="1600"/>
              <a:buNone/>
              <a:defRPr sz="3556"/>
            </a:lvl4pPr>
            <a:lvl5pPr lvl="4" algn="ctr" rtl="0">
              <a:lnSpc>
                <a:spcPct val="100000"/>
              </a:lnSpc>
              <a:spcBef>
                <a:spcPts val="3556"/>
              </a:spcBef>
              <a:spcAft>
                <a:spcPts val="0"/>
              </a:spcAft>
              <a:buSzPts val="1600"/>
              <a:buNone/>
              <a:defRPr sz="3556"/>
            </a:lvl5pPr>
            <a:lvl6pPr lvl="5" algn="ctr" rtl="0">
              <a:lnSpc>
                <a:spcPct val="100000"/>
              </a:lnSpc>
              <a:spcBef>
                <a:spcPts val="3556"/>
              </a:spcBef>
              <a:spcAft>
                <a:spcPts val="0"/>
              </a:spcAft>
              <a:buSzPts val="1600"/>
              <a:buNone/>
              <a:defRPr sz="3556"/>
            </a:lvl6pPr>
            <a:lvl7pPr lvl="6" algn="ctr" rtl="0">
              <a:lnSpc>
                <a:spcPct val="100000"/>
              </a:lnSpc>
              <a:spcBef>
                <a:spcPts val="3556"/>
              </a:spcBef>
              <a:spcAft>
                <a:spcPts val="0"/>
              </a:spcAft>
              <a:buSzPts val="1600"/>
              <a:buNone/>
              <a:defRPr sz="3556"/>
            </a:lvl7pPr>
            <a:lvl8pPr lvl="7" algn="ctr" rtl="0">
              <a:lnSpc>
                <a:spcPct val="100000"/>
              </a:lnSpc>
              <a:spcBef>
                <a:spcPts val="3556"/>
              </a:spcBef>
              <a:spcAft>
                <a:spcPts val="0"/>
              </a:spcAft>
              <a:buSzPts val="1600"/>
              <a:buNone/>
              <a:defRPr sz="3556"/>
            </a:lvl8pPr>
            <a:lvl9pPr lvl="8" algn="ctr" rtl="0">
              <a:lnSpc>
                <a:spcPct val="100000"/>
              </a:lnSpc>
              <a:spcBef>
                <a:spcPts val="3556"/>
              </a:spcBef>
              <a:spcAft>
                <a:spcPts val="3556"/>
              </a:spcAft>
              <a:buSzPts val="1600"/>
              <a:buNone/>
              <a:defRPr sz="3556"/>
            </a:lvl9pPr>
          </a:lstStyle>
          <a:p>
            <a:endParaRPr/>
          </a:p>
        </p:txBody>
      </p:sp>
      <p:grpSp>
        <p:nvGrpSpPr>
          <p:cNvPr id="346" name="Google Shape;346;p24"/>
          <p:cNvGrpSpPr/>
          <p:nvPr/>
        </p:nvGrpSpPr>
        <p:grpSpPr>
          <a:xfrm>
            <a:off x="-82" y="9346712"/>
            <a:ext cx="20320000" cy="2083309"/>
            <a:chOff x="-37" y="4206020"/>
            <a:chExt cx="9144000" cy="937489"/>
          </a:xfrm>
        </p:grpSpPr>
        <p:sp>
          <p:nvSpPr>
            <p:cNvPr id="347" name="Google Shape;347;p24"/>
            <p:cNvSpPr/>
            <p:nvPr/>
          </p:nvSpPr>
          <p:spPr>
            <a:xfrm flipH="1">
              <a:off x="-37" y="4206020"/>
              <a:ext cx="9144000" cy="937485"/>
            </a:xfrm>
            <a:custGeom>
              <a:avLst/>
              <a:gdLst/>
              <a:ahLst/>
              <a:cxnLst/>
              <a:rect l="l" t="t" r="r" b="b"/>
              <a:pathLst>
                <a:path w="285750" h="81326" extrusionOk="0">
                  <a:moveTo>
                    <a:pt x="84150" y="1"/>
                  </a:moveTo>
                  <a:lnTo>
                    <a:pt x="83270" y="47"/>
                  </a:lnTo>
                  <a:lnTo>
                    <a:pt x="82437" y="186"/>
                  </a:lnTo>
                  <a:lnTo>
                    <a:pt x="80723" y="464"/>
                  </a:lnTo>
                  <a:lnTo>
                    <a:pt x="78917" y="835"/>
                  </a:lnTo>
                  <a:lnTo>
                    <a:pt x="77111" y="1205"/>
                  </a:lnTo>
                  <a:lnTo>
                    <a:pt x="75258" y="1668"/>
                  </a:lnTo>
                  <a:lnTo>
                    <a:pt x="73359" y="2178"/>
                  </a:lnTo>
                  <a:lnTo>
                    <a:pt x="71414" y="2687"/>
                  </a:lnTo>
                  <a:lnTo>
                    <a:pt x="67478" y="3845"/>
                  </a:lnTo>
                  <a:lnTo>
                    <a:pt x="63402" y="5095"/>
                  </a:lnTo>
                  <a:lnTo>
                    <a:pt x="59280" y="6438"/>
                  </a:lnTo>
                  <a:lnTo>
                    <a:pt x="51037" y="9217"/>
                  </a:lnTo>
                  <a:lnTo>
                    <a:pt x="46961" y="10606"/>
                  </a:lnTo>
                  <a:lnTo>
                    <a:pt x="42932" y="11950"/>
                  </a:lnTo>
                  <a:lnTo>
                    <a:pt x="39042" y="13154"/>
                  </a:lnTo>
                  <a:lnTo>
                    <a:pt x="35290" y="14265"/>
                  </a:lnTo>
                  <a:lnTo>
                    <a:pt x="33484" y="14775"/>
                  </a:lnTo>
                  <a:lnTo>
                    <a:pt x="31724" y="15238"/>
                  </a:lnTo>
                  <a:lnTo>
                    <a:pt x="30011" y="15655"/>
                  </a:lnTo>
                  <a:lnTo>
                    <a:pt x="28390" y="16025"/>
                  </a:lnTo>
                  <a:lnTo>
                    <a:pt x="26815" y="16349"/>
                  </a:lnTo>
                  <a:lnTo>
                    <a:pt x="25287" y="16627"/>
                  </a:lnTo>
                  <a:lnTo>
                    <a:pt x="23851" y="16812"/>
                  </a:lnTo>
                  <a:lnTo>
                    <a:pt x="22462" y="16951"/>
                  </a:lnTo>
                  <a:lnTo>
                    <a:pt x="19868" y="17183"/>
                  </a:lnTo>
                  <a:lnTo>
                    <a:pt x="17414" y="17368"/>
                  </a:lnTo>
                  <a:lnTo>
                    <a:pt x="15098" y="17646"/>
                  </a:lnTo>
                  <a:lnTo>
                    <a:pt x="12921" y="17878"/>
                  </a:lnTo>
                  <a:lnTo>
                    <a:pt x="9077" y="18433"/>
                  </a:lnTo>
                  <a:lnTo>
                    <a:pt x="5882" y="18896"/>
                  </a:lnTo>
                  <a:lnTo>
                    <a:pt x="3335" y="19360"/>
                  </a:lnTo>
                  <a:lnTo>
                    <a:pt x="1528" y="19730"/>
                  </a:lnTo>
                  <a:lnTo>
                    <a:pt x="0" y="20101"/>
                  </a:lnTo>
                  <a:lnTo>
                    <a:pt x="0" y="81325"/>
                  </a:lnTo>
                  <a:lnTo>
                    <a:pt x="285750" y="81325"/>
                  </a:lnTo>
                  <a:lnTo>
                    <a:pt x="285750" y="16951"/>
                  </a:lnTo>
                  <a:lnTo>
                    <a:pt x="281906" y="16396"/>
                  </a:lnTo>
                  <a:lnTo>
                    <a:pt x="277460" y="15793"/>
                  </a:lnTo>
                  <a:lnTo>
                    <a:pt x="271578" y="15006"/>
                  </a:lnTo>
                  <a:lnTo>
                    <a:pt x="264492" y="14173"/>
                  </a:lnTo>
                  <a:lnTo>
                    <a:pt x="256388" y="13339"/>
                  </a:lnTo>
                  <a:lnTo>
                    <a:pt x="252034" y="12922"/>
                  </a:lnTo>
                  <a:lnTo>
                    <a:pt x="247496" y="12505"/>
                  </a:lnTo>
                  <a:lnTo>
                    <a:pt x="242818" y="12135"/>
                  </a:lnTo>
                  <a:lnTo>
                    <a:pt x="238002" y="11811"/>
                  </a:lnTo>
                  <a:lnTo>
                    <a:pt x="233139" y="11486"/>
                  </a:lnTo>
                  <a:lnTo>
                    <a:pt x="228137" y="11255"/>
                  </a:lnTo>
                  <a:lnTo>
                    <a:pt x="223135" y="11023"/>
                  </a:lnTo>
                  <a:lnTo>
                    <a:pt x="218133" y="10931"/>
                  </a:lnTo>
                  <a:lnTo>
                    <a:pt x="213132" y="10838"/>
                  </a:lnTo>
                  <a:lnTo>
                    <a:pt x="208130" y="10838"/>
                  </a:lnTo>
                  <a:lnTo>
                    <a:pt x="203221" y="10977"/>
                  </a:lnTo>
                  <a:lnTo>
                    <a:pt x="198404" y="11162"/>
                  </a:lnTo>
                  <a:lnTo>
                    <a:pt x="196042" y="11301"/>
                  </a:lnTo>
                  <a:lnTo>
                    <a:pt x="193680" y="11440"/>
                  </a:lnTo>
                  <a:lnTo>
                    <a:pt x="191365" y="11625"/>
                  </a:lnTo>
                  <a:lnTo>
                    <a:pt x="189141" y="11857"/>
                  </a:lnTo>
                  <a:lnTo>
                    <a:pt x="186918" y="12088"/>
                  </a:lnTo>
                  <a:lnTo>
                    <a:pt x="184695" y="12366"/>
                  </a:lnTo>
                  <a:lnTo>
                    <a:pt x="182565" y="12691"/>
                  </a:lnTo>
                  <a:lnTo>
                    <a:pt x="180527" y="13015"/>
                  </a:lnTo>
                  <a:lnTo>
                    <a:pt x="178490" y="13385"/>
                  </a:lnTo>
                  <a:lnTo>
                    <a:pt x="176498" y="13756"/>
                  </a:lnTo>
                  <a:lnTo>
                    <a:pt x="174599" y="14219"/>
                  </a:lnTo>
                  <a:lnTo>
                    <a:pt x="172747" y="14682"/>
                  </a:lnTo>
                  <a:lnTo>
                    <a:pt x="170987" y="15191"/>
                  </a:lnTo>
                  <a:lnTo>
                    <a:pt x="169273" y="15747"/>
                  </a:lnTo>
                  <a:lnTo>
                    <a:pt x="167652" y="16349"/>
                  </a:lnTo>
                  <a:lnTo>
                    <a:pt x="166124" y="16951"/>
                  </a:lnTo>
                  <a:lnTo>
                    <a:pt x="164596" y="17553"/>
                  </a:lnTo>
                  <a:lnTo>
                    <a:pt x="163114" y="18109"/>
                  </a:lnTo>
                  <a:lnTo>
                    <a:pt x="161585" y="18572"/>
                  </a:lnTo>
                  <a:lnTo>
                    <a:pt x="160057" y="18989"/>
                  </a:lnTo>
                  <a:lnTo>
                    <a:pt x="158529" y="19360"/>
                  </a:lnTo>
                  <a:lnTo>
                    <a:pt x="157047" y="19637"/>
                  </a:lnTo>
                  <a:lnTo>
                    <a:pt x="155518" y="19869"/>
                  </a:lnTo>
                  <a:lnTo>
                    <a:pt x="153990" y="20054"/>
                  </a:lnTo>
                  <a:lnTo>
                    <a:pt x="152508" y="20193"/>
                  </a:lnTo>
                  <a:lnTo>
                    <a:pt x="150980" y="20286"/>
                  </a:lnTo>
                  <a:lnTo>
                    <a:pt x="147969" y="20286"/>
                  </a:lnTo>
                  <a:lnTo>
                    <a:pt x="146487" y="20193"/>
                  </a:lnTo>
                  <a:lnTo>
                    <a:pt x="144959" y="20101"/>
                  </a:lnTo>
                  <a:lnTo>
                    <a:pt x="143477" y="19915"/>
                  </a:lnTo>
                  <a:lnTo>
                    <a:pt x="141995" y="19730"/>
                  </a:lnTo>
                  <a:lnTo>
                    <a:pt x="140513" y="19498"/>
                  </a:lnTo>
                  <a:lnTo>
                    <a:pt x="139031" y="19221"/>
                  </a:lnTo>
                  <a:lnTo>
                    <a:pt x="137549" y="18896"/>
                  </a:lnTo>
                  <a:lnTo>
                    <a:pt x="136067" y="18572"/>
                  </a:lnTo>
                  <a:lnTo>
                    <a:pt x="134585" y="18202"/>
                  </a:lnTo>
                  <a:lnTo>
                    <a:pt x="133149" y="17831"/>
                  </a:lnTo>
                  <a:lnTo>
                    <a:pt x="130232" y="16951"/>
                  </a:lnTo>
                  <a:lnTo>
                    <a:pt x="127360" y="15979"/>
                  </a:lnTo>
                  <a:lnTo>
                    <a:pt x="124535" y="14914"/>
                  </a:lnTo>
                  <a:lnTo>
                    <a:pt x="121710" y="13802"/>
                  </a:lnTo>
                  <a:lnTo>
                    <a:pt x="118931" y="12644"/>
                  </a:lnTo>
                  <a:lnTo>
                    <a:pt x="116245" y="11440"/>
                  </a:lnTo>
                  <a:lnTo>
                    <a:pt x="113559" y="10236"/>
                  </a:lnTo>
                  <a:lnTo>
                    <a:pt x="108326" y="7874"/>
                  </a:lnTo>
                  <a:lnTo>
                    <a:pt x="103324" y="5558"/>
                  </a:lnTo>
                  <a:lnTo>
                    <a:pt x="100916" y="4493"/>
                  </a:lnTo>
                  <a:lnTo>
                    <a:pt x="98554" y="3521"/>
                  </a:lnTo>
                  <a:lnTo>
                    <a:pt x="96284" y="2641"/>
                  </a:lnTo>
                  <a:lnTo>
                    <a:pt x="94061" y="1853"/>
                  </a:lnTo>
                  <a:lnTo>
                    <a:pt x="91931" y="1159"/>
                  </a:lnTo>
                  <a:lnTo>
                    <a:pt x="90912" y="881"/>
                  </a:lnTo>
                  <a:lnTo>
                    <a:pt x="89893" y="649"/>
                  </a:lnTo>
                  <a:lnTo>
                    <a:pt x="88874" y="418"/>
                  </a:lnTo>
                  <a:lnTo>
                    <a:pt x="87902" y="279"/>
                  </a:lnTo>
                  <a:lnTo>
                    <a:pt x="86929" y="140"/>
                  </a:lnTo>
                  <a:lnTo>
                    <a:pt x="86003" y="47"/>
                  </a:lnTo>
                  <a:lnTo>
                    <a:pt x="85077" y="1"/>
                  </a:lnTo>
                  <a:close/>
                </a:path>
              </a:pathLst>
            </a:cu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348" name="Google Shape;348;p24"/>
            <p:cNvSpPr/>
            <p:nvPr/>
          </p:nvSpPr>
          <p:spPr>
            <a:xfrm flipH="1">
              <a:off x="9" y="4641110"/>
              <a:ext cx="9143916" cy="502399"/>
            </a:xfrm>
            <a:custGeom>
              <a:avLst/>
              <a:gdLst/>
              <a:ahLst/>
              <a:cxnLst/>
              <a:rect l="l" t="t" r="r" b="b"/>
              <a:pathLst>
                <a:path w="285057" h="13941" extrusionOk="0">
                  <a:moveTo>
                    <a:pt x="238141" y="0"/>
                  </a:moveTo>
                  <a:lnTo>
                    <a:pt x="234529" y="47"/>
                  </a:lnTo>
                  <a:lnTo>
                    <a:pt x="230777" y="186"/>
                  </a:lnTo>
                  <a:lnTo>
                    <a:pt x="226933" y="325"/>
                  </a:lnTo>
                  <a:lnTo>
                    <a:pt x="222997" y="602"/>
                  </a:lnTo>
                  <a:lnTo>
                    <a:pt x="218921" y="927"/>
                  </a:lnTo>
                  <a:lnTo>
                    <a:pt x="214799" y="1343"/>
                  </a:lnTo>
                  <a:lnTo>
                    <a:pt x="210585" y="1853"/>
                  </a:lnTo>
                  <a:lnTo>
                    <a:pt x="206278" y="2455"/>
                  </a:lnTo>
                  <a:lnTo>
                    <a:pt x="204009" y="2733"/>
                  </a:lnTo>
                  <a:lnTo>
                    <a:pt x="201647" y="3057"/>
                  </a:lnTo>
                  <a:lnTo>
                    <a:pt x="199053" y="3289"/>
                  </a:lnTo>
                  <a:lnTo>
                    <a:pt x="196367" y="3566"/>
                  </a:lnTo>
                  <a:lnTo>
                    <a:pt x="193542" y="3798"/>
                  </a:lnTo>
                  <a:lnTo>
                    <a:pt x="190578" y="4030"/>
                  </a:lnTo>
                  <a:lnTo>
                    <a:pt x="184279" y="4400"/>
                  </a:lnTo>
                  <a:lnTo>
                    <a:pt x="177518" y="4724"/>
                  </a:lnTo>
                  <a:lnTo>
                    <a:pt x="170386" y="5002"/>
                  </a:lnTo>
                  <a:lnTo>
                    <a:pt x="162883" y="5187"/>
                  </a:lnTo>
                  <a:lnTo>
                    <a:pt x="155056" y="5326"/>
                  </a:lnTo>
                  <a:lnTo>
                    <a:pt x="146998" y="5465"/>
                  </a:lnTo>
                  <a:lnTo>
                    <a:pt x="138708" y="5512"/>
                  </a:lnTo>
                  <a:lnTo>
                    <a:pt x="130232" y="5512"/>
                  </a:lnTo>
                  <a:lnTo>
                    <a:pt x="121711" y="5465"/>
                  </a:lnTo>
                  <a:lnTo>
                    <a:pt x="113050" y="5419"/>
                  </a:lnTo>
                  <a:lnTo>
                    <a:pt x="104436" y="5280"/>
                  </a:lnTo>
                  <a:lnTo>
                    <a:pt x="95776" y="5187"/>
                  </a:lnTo>
                  <a:lnTo>
                    <a:pt x="87254" y="5002"/>
                  </a:lnTo>
                  <a:lnTo>
                    <a:pt x="70581" y="4632"/>
                  </a:lnTo>
                  <a:lnTo>
                    <a:pt x="54789" y="4215"/>
                  </a:lnTo>
                  <a:lnTo>
                    <a:pt x="40293" y="3752"/>
                  </a:lnTo>
                  <a:lnTo>
                    <a:pt x="27418" y="3242"/>
                  </a:lnTo>
                  <a:lnTo>
                    <a:pt x="16534" y="2825"/>
                  </a:lnTo>
                  <a:lnTo>
                    <a:pt x="8105" y="2409"/>
                  </a:lnTo>
                  <a:lnTo>
                    <a:pt x="2455" y="2131"/>
                  </a:lnTo>
                  <a:lnTo>
                    <a:pt x="834" y="1992"/>
                  </a:lnTo>
                  <a:lnTo>
                    <a:pt x="1" y="1946"/>
                  </a:lnTo>
                  <a:lnTo>
                    <a:pt x="1" y="13940"/>
                  </a:lnTo>
                  <a:lnTo>
                    <a:pt x="285056" y="13940"/>
                  </a:lnTo>
                  <a:lnTo>
                    <a:pt x="285056" y="5512"/>
                  </a:lnTo>
                  <a:lnTo>
                    <a:pt x="283574" y="5095"/>
                  </a:lnTo>
                  <a:lnTo>
                    <a:pt x="281768" y="4632"/>
                  </a:lnTo>
                  <a:lnTo>
                    <a:pt x="279267" y="4076"/>
                  </a:lnTo>
                  <a:lnTo>
                    <a:pt x="276118" y="3428"/>
                  </a:lnTo>
                  <a:lnTo>
                    <a:pt x="272366" y="2733"/>
                  </a:lnTo>
                  <a:lnTo>
                    <a:pt x="270236" y="2362"/>
                  </a:lnTo>
                  <a:lnTo>
                    <a:pt x="268013" y="2038"/>
                  </a:lnTo>
                  <a:lnTo>
                    <a:pt x="265605" y="1714"/>
                  </a:lnTo>
                  <a:lnTo>
                    <a:pt x="263057" y="1390"/>
                  </a:lnTo>
                  <a:lnTo>
                    <a:pt x="260371" y="1112"/>
                  </a:lnTo>
                  <a:lnTo>
                    <a:pt x="257593" y="834"/>
                  </a:lnTo>
                  <a:lnTo>
                    <a:pt x="254629" y="602"/>
                  </a:lnTo>
                  <a:lnTo>
                    <a:pt x="251572" y="371"/>
                  </a:lnTo>
                  <a:lnTo>
                    <a:pt x="248423" y="232"/>
                  </a:lnTo>
                  <a:lnTo>
                    <a:pt x="245088" y="93"/>
                  </a:lnTo>
                  <a:lnTo>
                    <a:pt x="241661" y="47"/>
                  </a:lnTo>
                  <a:lnTo>
                    <a:pt x="238141" y="0"/>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349" name="Google Shape;349;p24"/>
          <p:cNvSpPr/>
          <p:nvPr/>
        </p:nvSpPr>
        <p:spPr>
          <a:xfrm>
            <a:off x="19482278" y="7768167"/>
            <a:ext cx="648444" cy="2181889"/>
          </a:xfrm>
          <a:custGeom>
            <a:avLst/>
            <a:gdLst/>
            <a:ahLst/>
            <a:cxnLst/>
            <a:rect l="l" t="t" r="r" b="b"/>
            <a:pathLst>
              <a:path w="11672" h="39274" extrusionOk="0">
                <a:moveTo>
                  <a:pt x="6253" y="1"/>
                </a:moveTo>
                <a:lnTo>
                  <a:pt x="6068" y="47"/>
                </a:lnTo>
                <a:lnTo>
                  <a:pt x="5929" y="140"/>
                </a:lnTo>
                <a:lnTo>
                  <a:pt x="5558" y="603"/>
                </a:lnTo>
                <a:lnTo>
                  <a:pt x="5327" y="1112"/>
                </a:lnTo>
                <a:lnTo>
                  <a:pt x="5141" y="1622"/>
                </a:lnTo>
                <a:lnTo>
                  <a:pt x="5002" y="2177"/>
                </a:lnTo>
                <a:lnTo>
                  <a:pt x="4910" y="2733"/>
                </a:lnTo>
                <a:lnTo>
                  <a:pt x="4863" y="3289"/>
                </a:lnTo>
                <a:lnTo>
                  <a:pt x="4817" y="4447"/>
                </a:lnTo>
                <a:lnTo>
                  <a:pt x="4771" y="6855"/>
                </a:lnTo>
                <a:lnTo>
                  <a:pt x="4725" y="9263"/>
                </a:lnTo>
                <a:lnTo>
                  <a:pt x="4771" y="11903"/>
                </a:lnTo>
                <a:lnTo>
                  <a:pt x="4817" y="14543"/>
                </a:lnTo>
                <a:lnTo>
                  <a:pt x="4586" y="14172"/>
                </a:lnTo>
                <a:lnTo>
                  <a:pt x="4447" y="13755"/>
                </a:lnTo>
                <a:lnTo>
                  <a:pt x="4308" y="13339"/>
                </a:lnTo>
                <a:lnTo>
                  <a:pt x="4215" y="12922"/>
                </a:lnTo>
                <a:lnTo>
                  <a:pt x="4169" y="12459"/>
                </a:lnTo>
                <a:lnTo>
                  <a:pt x="4076" y="11533"/>
                </a:lnTo>
                <a:lnTo>
                  <a:pt x="4030" y="10699"/>
                </a:lnTo>
                <a:lnTo>
                  <a:pt x="4076" y="10189"/>
                </a:lnTo>
                <a:lnTo>
                  <a:pt x="4076" y="9680"/>
                </a:lnTo>
                <a:lnTo>
                  <a:pt x="4030" y="8661"/>
                </a:lnTo>
                <a:lnTo>
                  <a:pt x="3798" y="6670"/>
                </a:lnTo>
                <a:lnTo>
                  <a:pt x="3752" y="5605"/>
                </a:lnTo>
                <a:lnTo>
                  <a:pt x="3659" y="4586"/>
                </a:lnTo>
                <a:lnTo>
                  <a:pt x="3613" y="4076"/>
                </a:lnTo>
                <a:lnTo>
                  <a:pt x="3520" y="3567"/>
                </a:lnTo>
                <a:lnTo>
                  <a:pt x="3381" y="3057"/>
                </a:lnTo>
                <a:lnTo>
                  <a:pt x="3150" y="2594"/>
                </a:lnTo>
                <a:lnTo>
                  <a:pt x="3104" y="2502"/>
                </a:lnTo>
                <a:lnTo>
                  <a:pt x="3011" y="2409"/>
                </a:lnTo>
                <a:lnTo>
                  <a:pt x="2826" y="2363"/>
                </a:lnTo>
                <a:lnTo>
                  <a:pt x="2594" y="2455"/>
                </a:lnTo>
                <a:lnTo>
                  <a:pt x="2548" y="2502"/>
                </a:lnTo>
                <a:lnTo>
                  <a:pt x="2455" y="2594"/>
                </a:lnTo>
                <a:lnTo>
                  <a:pt x="2224" y="3104"/>
                </a:lnTo>
                <a:lnTo>
                  <a:pt x="2038" y="3613"/>
                </a:lnTo>
                <a:lnTo>
                  <a:pt x="1946" y="4169"/>
                </a:lnTo>
                <a:lnTo>
                  <a:pt x="1853" y="4725"/>
                </a:lnTo>
                <a:lnTo>
                  <a:pt x="1853" y="5280"/>
                </a:lnTo>
                <a:lnTo>
                  <a:pt x="1853" y="5836"/>
                </a:lnTo>
                <a:lnTo>
                  <a:pt x="1899" y="6994"/>
                </a:lnTo>
                <a:lnTo>
                  <a:pt x="1992" y="8105"/>
                </a:lnTo>
                <a:lnTo>
                  <a:pt x="2131" y="9171"/>
                </a:lnTo>
                <a:lnTo>
                  <a:pt x="2177" y="10421"/>
                </a:lnTo>
                <a:lnTo>
                  <a:pt x="2270" y="11625"/>
                </a:lnTo>
                <a:lnTo>
                  <a:pt x="2455" y="12737"/>
                </a:lnTo>
                <a:lnTo>
                  <a:pt x="2548" y="13292"/>
                </a:lnTo>
                <a:lnTo>
                  <a:pt x="2687" y="13802"/>
                </a:lnTo>
                <a:lnTo>
                  <a:pt x="2872" y="14265"/>
                </a:lnTo>
                <a:lnTo>
                  <a:pt x="3057" y="14682"/>
                </a:lnTo>
                <a:lnTo>
                  <a:pt x="3289" y="15052"/>
                </a:lnTo>
                <a:lnTo>
                  <a:pt x="3567" y="15376"/>
                </a:lnTo>
                <a:lnTo>
                  <a:pt x="3845" y="15654"/>
                </a:lnTo>
                <a:lnTo>
                  <a:pt x="4169" y="15886"/>
                </a:lnTo>
                <a:lnTo>
                  <a:pt x="4493" y="16025"/>
                </a:lnTo>
                <a:lnTo>
                  <a:pt x="4863" y="16071"/>
                </a:lnTo>
                <a:lnTo>
                  <a:pt x="5002" y="18850"/>
                </a:lnTo>
                <a:lnTo>
                  <a:pt x="5049" y="19545"/>
                </a:lnTo>
                <a:lnTo>
                  <a:pt x="4910" y="19591"/>
                </a:lnTo>
                <a:lnTo>
                  <a:pt x="4586" y="19730"/>
                </a:lnTo>
                <a:lnTo>
                  <a:pt x="4261" y="19730"/>
                </a:lnTo>
                <a:lnTo>
                  <a:pt x="3984" y="19683"/>
                </a:lnTo>
                <a:lnTo>
                  <a:pt x="3752" y="19545"/>
                </a:lnTo>
                <a:lnTo>
                  <a:pt x="3520" y="19359"/>
                </a:lnTo>
                <a:lnTo>
                  <a:pt x="3289" y="19128"/>
                </a:lnTo>
                <a:lnTo>
                  <a:pt x="3104" y="18804"/>
                </a:lnTo>
                <a:lnTo>
                  <a:pt x="2965" y="18479"/>
                </a:lnTo>
                <a:lnTo>
                  <a:pt x="2687" y="17692"/>
                </a:lnTo>
                <a:lnTo>
                  <a:pt x="2455" y="16812"/>
                </a:lnTo>
                <a:lnTo>
                  <a:pt x="2316" y="15886"/>
                </a:lnTo>
                <a:lnTo>
                  <a:pt x="2224" y="15052"/>
                </a:lnTo>
                <a:lnTo>
                  <a:pt x="2224" y="14033"/>
                </a:lnTo>
                <a:lnTo>
                  <a:pt x="2177" y="13061"/>
                </a:lnTo>
                <a:lnTo>
                  <a:pt x="1992" y="11069"/>
                </a:lnTo>
                <a:lnTo>
                  <a:pt x="1899" y="9958"/>
                </a:lnTo>
                <a:lnTo>
                  <a:pt x="1807" y="9402"/>
                </a:lnTo>
                <a:lnTo>
                  <a:pt x="1714" y="8893"/>
                </a:lnTo>
                <a:lnTo>
                  <a:pt x="1529" y="8383"/>
                </a:lnTo>
                <a:lnTo>
                  <a:pt x="1344" y="7874"/>
                </a:lnTo>
                <a:lnTo>
                  <a:pt x="1066" y="7364"/>
                </a:lnTo>
                <a:lnTo>
                  <a:pt x="742" y="6901"/>
                </a:lnTo>
                <a:lnTo>
                  <a:pt x="649" y="6809"/>
                </a:lnTo>
                <a:lnTo>
                  <a:pt x="556" y="6762"/>
                </a:lnTo>
                <a:lnTo>
                  <a:pt x="417" y="6762"/>
                </a:lnTo>
                <a:lnTo>
                  <a:pt x="279" y="6809"/>
                </a:lnTo>
                <a:lnTo>
                  <a:pt x="186" y="6855"/>
                </a:lnTo>
                <a:lnTo>
                  <a:pt x="93" y="6948"/>
                </a:lnTo>
                <a:lnTo>
                  <a:pt x="47" y="7087"/>
                </a:lnTo>
                <a:lnTo>
                  <a:pt x="1" y="7179"/>
                </a:lnTo>
                <a:lnTo>
                  <a:pt x="47" y="8430"/>
                </a:lnTo>
                <a:lnTo>
                  <a:pt x="140" y="9634"/>
                </a:lnTo>
                <a:lnTo>
                  <a:pt x="232" y="10838"/>
                </a:lnTo>
                <a:lnTo>
                  <a:pt x="325" y="12088"/>
                </a:lnTo>
                <a:lnTo>
                  <a:pt x="371" y="13153"/>
                </a:lnTo>
                <a:lnTo>
                  <a:pt x="464" y="14265"/>
                </a:lnTo>
                <a:lnTo>
                  <a:pt x="510" y="15284"/>
                </a:lnTo>
                <a:lnTo>
                  <a:pt x="603" y="16256"/>
                </a:lnTo>
                <a:lnTo>
                  <a:pt x="742" y="17275"/>
                </a:lnTo>
                <a:lnTo>
                  <a:pt x="834" y="17738"/>
                </a:lnTo>
                <a:lnTo>
                  <a:pt x="973" y="18201"/>
                </a:lnTo>
                <a:lnTo>
                  <a:pt x="1066" y="18572"/>
                </a:lnTo>
                <a:lnTo>
                  <a:pt x="1205" y="18896"/>
                </a:lnTo>
                <a:lnTo>
                  <a:pt x="1575" y="19498"/>
                </a:lnTo>
                <a:lnTo>
                  <a:pt x="2038" y="20054"/>
                </a:lnTo>
                <a:lnTo>
                  <a:pt x="2270" y="20332"/>
                </a:lnTo>
                <a:lnTo>
                  <a:pt x="2548" y="20563"/>
                </a:lnTo>
                <a:lnTo>
                  <a:pt x="2826" y="20749"/>
                </a:lnTo>
                <a:lnTo>
                  <a:pt x="3104" y="20934"/>
                </a:lnTo>
                <a:lnTo>
                  <a:pt x="3428" y="21073"/>
                </a:lnTo>
                <a:lnTo>
                  <a:pt x="3752" y="21165"/>
                </a:lnTo>
                <a:lnTo>
                  <a:pt x="4076" y="21258"/>
                </a:lnTo>
                <a:lnTo>
                  <a:pt x="4771" y="21258"/>
                </a:lnTo>
                <a:lnTo>
                  <a:pt x="5095" y="21212"/>
                </a:lnTo>
                <a:lnTo>
                  <a:pt x="5141" y="23388"/>
                </a:lnTo>
                <a:lnTo>
                  <a:pt x="5141" y="25519"/>
                </a:lnTo>
                <a:lnTo>
                  <a:pt x="5188" y="29872"/>
                </a:lnTo>
                <a:lnTo>
                  <a:pt x="5188" y="32049"/>
                </a:lnTo>
                <a:lnTo>
                  <a:pt x="5234" y="34179"/>
                </a:lnTo>
                <a:lnTo>
                  <a:pt x="5327" y="36356"/>
                </a:lnTo>
                <a:lnTo>
                  <a:pt x="5466" y="38533"/>
                </a:lnTo>
                <a:lnTo>
                  <a:pt x="5512" y="38672"/>
                </a:lnTo>
                <a:lnTo>
                  <a:pt x="5558" y="38857"/>
                </a:lnTo>
                <a:lnTo>
                  <a:pt x="5697" y="38949"/>
                </a:lnTo>
                <a:lnTo>
                  <a:pt x="5836" y="39088"/>
                </a:lnTo>
                <a:lnTo>
                  <a:pt x="6021" y="39135"/>
                </a:lnTo>
                <a:lnTo>
                  <a:pt x="6207" y="39227"/>
                </a:lnTo>
                <a:lnTo>
                  <a:pt x="6577" y="39274"/>
                </a:lnTo>
                <a:lnTo>
                  <a:pt x="6994" y="39227"/>
                </a:lnTo>
                <a:lnTo>
                  <a:pt x="7179" y="39135"/>
                </a:lnTo>
                <a:lnTo>
                  <a:pt x="7318" y="39088"/>
                </a:lnTo>
                <a:lnTo>
                  <a:pt x="7457" y="38949"/>
                </a:lnTo>
                <a:lnTo>
                  <a:pt x="7596" y="38857"/>
                </a:lnTo>
                <a:lnTo>
                  <a:pt x="7642" y="38718"/>
                </a:lnTo>
                <a:lnTo>
                  <a:pt x="7689" y="38533"/>
                </a:lnTo>
                <a:lnTo>
                  <a:pt x="7689" y="36587"/>
                </a:lnTo>
                <a:lnTo>
                  <a:pt x="7596" y="34642"/>
                </a:lnTo>
                <a:lnTo>
                  <a:pt x="7411" y="30798"/>
                </a:lnTo>
                <a:lnTo>
                  <a:pt x="7179" y="26955"/>
                </a:lnTo>
                <a:lnTo>
                  <a:pt x="6948" y="23111"/>
                </a:lnTo>
                <a:lnTo>
                  <a:pt x="6948" y="23111"/>
                </a:lnTo>
                <a:lnTo>
                  <a:pt x="7225" y="23157"/>
                </a:lnTo>
                <a:lnTo>
                  <a:pt x="7828" y="23157"/>
                </a:lnTo>
                <a:lnTo>
                  <a:pt x="8152" y="23111"/>
                </a:lnTo>
                <a:lnTo>
                  <a:pt x="8430" y="23018"/>
                </a:lnTo>
                <a:lnTo>
                  <a:pt x="8707" y="22879"/>
                </a:lnTo>
                <a:lnTo>
                  <a:pt x="9217" y="22555"/>
                </a:lnTo>
                <a:lnTo>
                  <a:pt x="9726" y="22184"/>
                </a:lnTo>
                <a:lnTo>
                  <a:pt x="10143" y="21721"/>
                </a:lnTo>
                <a:lnTo>
                  <a:pt x="10514" y="21165"/>
                </a:lnTo>
                <a:lnTo>
                  <a:pt x="10792" y="20656"/>
                </a:lnTo>
                <a:lnTo>
                  <a:pt x="11116" y="19730"/>
                </a:lnTo>
                <a:lnTo>
                  <a:pt x="11394" y="18757"/>
                </a:lnTo>
                <a:lnTo>
                  <a:pt x="11579" y="17785"/>
                </a:lnTo>
                <a:lnTo>
                  <a:pt x="11671" y="16766"/>
                </a:lnTo>
                <a:lnTo>
                  <a:pt x="11671" y="15747"/>
                </a:lnTo>
                <a:lnTo>
                  <a:pt x="11625" y="15237"/>
                </a:lnTo>
                <a:lnTo>
                  <a:pt x="11533" y="14728"/>
                </a:lnTo>
                <a:lnTo>
                  <a:pt x="11440" y="14265"/>
                </a:lnTo>
                <a:lnTo>
                  <a:pt x="11301" y="13755"/>
                </a:lnTo>
                <a:lnTo>
                  <a:pt x="11162" y="13339"/>
                </a:lnTo>
                <a:lnTo>
                  <a:pt x="10977" y="12876"/>
                </a:lnTo>
                <a:lnTo>
                  <a:pt x="10884" y="12783"/>
                </a:lnTo>
                <a:lnTo>
                  <a:pt x="10792" y="12690"/>
                </a:lnTo>
                <a:lnTo>
                  <a:pt x="10653" y="12644"/>
                </a:lnTo>
                <a:lnTo>
                  <a:pt x="10560" y="12690"/>
                </a:lnTo>
                <a:lnTo>
                  <a:pt x="10421" y="12690"/>
                </a:lnTo>
                <a:lnTo>
                  <a:pt x="10328" y="12783"/>
                </a:lnTo>
                <a:lnTo>
                  <a:pt x="10236" y="12876"/>
                </a:lnTo>
                <a:lnTo>
                  <a:pt x="10189" y="12968"/>
                </a:lnTo>
                <a:lnTo>
                  <a:pt x="10004" y="13524"/>
                </a:lnTo>
                <a:lnTo>
                  <a:pt x="9912" y="14033"/>
                </a:lnTo>
                <a:lnTo>
                  <a:pt x="9726" y="15099"/>
                </a:lnTo>
                <a:lnTo>
                  <a:pt x="9448" y="17229"/>
                </a:lnTo>
                <a:lnTo>
                  <a:pt x="9263" y="18433"/>
                </a:lnTo>
                <a:lnTo>
                  <a:pt x="9078" y="19128"/>
                </a:lnTo>
                <a:lnTo>
                  <a:pt x="8846" y="19822"/>
                </a:lnTo>
                <a:lnTo>
                  <a:pt x="8707" y="20054"/>
                </a:lnTo>
                <a:lnTo>
                  <a:pt x="8569" y="20286"/>
                </a:lnTo>
                <a:lnTo>
                  <a:pt x="8383" y="20471"/>
                </a:lnTo>
                <a:lnTo>
                  <a:pt x="8198" y="20610"/>
                </a:lnTo>
                <a:lnTo>
                  <a:pt x="7920" y="20702"/>
                </a:lnTo>
                <a:lnTo>
                  <a:pt x="7689" y="20749"/>
                </a:lnTo>
                <a:lnTo>
                  <a:pt x="7364" y="20749"/>
                </a:lnTo>
                <a:lnTo>
                  <a:pt x="6994" y="20702"/>
                </a:lnTo>
                <a:lnTo>
                  <a:pt x="6855" y="20656"/>
                </a:lnTo>
                <a:lnTo>
                  <a:pt x="6809" y="18850"/>
                </a:lnTo>
                <a:lnTo>
                  <a:pt x="6809" y="17877"/>
                </a:lnTo>
                <a:lnTo>
                  <a:pt x="7225" y="17831"/>
                </a:lnTo>
                <a:lnTo>
                  <a:pt x="7550" y="17738"/>
                </a:lnTo>
                <a:lnTo>
                  <a:pt x="7874" y="17599"/>
                </a:lnTo>
                <a:lnTo>
                  <a:pt x="8105" y="17414"/>
                </a:lnTo>
                <a:lnTo>
                  <a:pt x="8337" y="17229"/>
                </a:lnTo>
                <a:lnTo>
                  <a:pt x="8476" y="17044"/>
                </a:lnTo>
                <a:lnTo>
                  <a:pt x="8615" y="16812"/>
                </a:lnTo>
                <a:lnTo>
                  <a:pt x="8754" y="16534"/>
                </a:lnTo>
                <a:lnTo>
                  <a:pt x="8893" y="16349"/>
                </a:lnTo>
                <a:lnTo>
                  <a:pt x="9032" y="16117"/>
                </a:lnTo>
                <a:lnTo>
                  <a:pt x="9217" y="15562"/>
                </a:lnTo>
                <a:lnTo>
                  <a:pt x="9356" y="15006"/>
                </a:lnTo>
                <a:lnTo>
                  <a:pt x="9402" y="14404"/>
                </a:lnTo>
                <a:lnTo>
                  <a:pt x="9448" y="13061"/>
                </a:lnTo>
                <a:lnTo>
                  <a:pt x="9819" y="11394"/>
                </a:lnTo>
                <a:lnTo>
                  <a:pt x="9912" y="10560"/>
                </a:lnTo>
                <a:lnTo>
                  <a:pt x="10004" y="9726"/>
                </a:lnTo>
                <a:lnTo>
                  <a:pt x="10004" y="8893"/>
                </a:lnTo>
                <a:lnTo>
                  <a:pt x="9912" y="8059"/>
                </a:lnTo>
                <a:lnTo>
                  <a:pt x="9819" y="7642"/>
                </a:lnTo>
                <a:lnTo>
                  <a:pt x="9726" y="7225"/>
                </a:lnTo>
                <a:lnTo>
                  <a:pt x="9541" y="6809"/>
                </a:lnTo>
                <a:lnTo>
                  <a:pt x="9356" y="6392"/>
                </a:lnTo>
                <a:lnTo>
                  <a:pt x="9263" y="6299"/>
                </a:lnTo>
                <a:lnTo>
                  <a:pt x="9171" y="6207"/>
                </a:lnTo>
                <a:lnTo>
                  <a:pt x="8939" y="6207"/>
                </a:lnTo>
                <a:lnTo>
                  <a:pt x="8846" y="6253"/>
                </a:lnTo>
                <a:lnTo>
                  <a:pt x="8707" y="6299"/>
                </a:lnTo>
                <a:lnTo>
                  <a:pt x="8661" y="6392"/>
                </a:lnTo>
                <a:lnTo>
                  <a:pt x="8569" y="6531"/>
                </a:lnTo>
                <a:lnTo>
                  <a:pt x="8383" y="7179"/>
                </a:lnTo>
                <a:lnTo>
                  <a:pt x="8198" y="7920"/>
                </a:lnTo>
                <a:lnTo>
                  <a:pt x="8059" y="8661"/>
                </a:lnTo>
                <a:lnTo>
                  <a:pt x="7966" y="9448"/>
                </a:lnTo>
                <a:lnTo>
                  <a:pt x="7828" y="10977"/>
                </a:lnTo>
                <a:lnTo>
                  <a:pt x="7735" y="12459"/>
                </a:lnTo>
                <a:lnTo>
                  <a:pt x="7689" y="13014"/>
                </a:lnTo>
                <a:lnTo>
                  <a:pt x="7735" y="13570"/>
                </a:lnTo>
                <a:lnTo>
                  <a:pt x="7735" y="14126"/>
                </a:lnTo>
                <a:lnTo>
                  <a:pt x="7735" y="14404"/>
                </a:lnTo>
                <a:lnTo>
                  <a:pt x="7689" y="14682"/>
                </a:lnTo>
                <a:lnTo>
                  <a:pt x="7550" y="15099"/>
                </a:lnTo>
                <a:lnTo>
                  <a:pt x="7318" y="15423"/>
                </a:lnTo>
                <a:lnTo>
                  <a:pt x="7087" y="15654"/>
                </a:lnTo>
                <a:lnTo>
                  <a:pt x="6809" y="15886"/>
                </a:lnTo>
                <a:lnTo>
                  <a:pt x="6809" y="12551"/>
                </a:lnTo>
                <a:lnTo>
                  <a:pt x="6855" y="9263"/>
                </a:lnTo>
                <a:lnTo>
                  <a:pt x="6948" y="6670"/>
                </a:lnTo>
                <a:lnTo>
                  <a:pt x="7087" y="4076"/>
                </a:lnTo>
                <a:lnTo>
                  <a:pt x="7133" y="3057"/>
                </a:lnTo>
                <a:lnTo>
                  <a:pt x="7179" y="2548"/>
                </a:lnTo>
                <a:lnTo>
                  <a:pt x="7133" y="2038"/>
                </a:lnTo>
                <a:lnTo>
                  <a:pt x="7087" y="1529"/>
                </a:lnTo>
                <a:lnTo>
                  <a:pt x="6994" y="1066"/>
                </a:lnTo>
                <a:lnTo>
                  <a:pt x="6809" y="603"/>
                </a:lnTo>
                <a:lnTo>
                  <a:pt x="6531" y="140"/>
                </a:lnTo>
                <a:lnTo>
                  <a:pt x="6438" y="47"/>
                </a:lnTo>
                <a:lnTo>
                  <a:pt x="6253" y="1"/>
                </a:lnTo>
                <a:close/>
              </a:path>
            </a:pathLst>
          </a:custGeom>
          <a:solidFill>
            <a:schemeClr val="accent1"/>
          </a:solidFill>
          <a:ln>
            <a:noFill/>
          </a:ln>
        </p:spPr>
        <p:txBody>
          <a:bodyPr spcFirstLastPara="1" wrap="square" lIns="203167" tIns="203167" rIns="203167" bIns="203167" anchor="ctr" anchorCtr="0">
            <a:noAutofit/>
          </a:bodyPr>
          <a:lstStyle/>
          <a:p>
            <a:pPr marL="0" lvl="0" indent="0" algn="l" rtl="0">
              <a:spcBef>
                <a:spcPts val="0"/>
              </a:spcBef>
              <a:spcAft>
                <a:spcPts val="0"/>
              </a:spcAft>
              <a:buNone/>
            </a:pPr>
            <a:endParaRPr sz="6000"/>
          </a:p>
        </p:txBody>
      </p:sp>
    </p:spTree>
    <p:extLst>
      <p:ext uri="{BB962C8B-B14F-4D97-AF65-F5344CB8AC3E}">
        <p14:creationId xmlns:p14="http://schemas.microsoft.com/office/powerpoint/2010/main" val="2241937971"/>
      </p:ext>
    </p:extLst>
  </p:cSld>
  <p:clrMapOvr>
    <a:masterClrMapping/>
  </p:clrMapOvr>
</p:sldLayout>
</file>

<file path=ppt/slideLayouts/slideLayout107.xml><?xml version="1.0" encoding="utf-8"?>
<p:sldLayout xmlns:a="http://schemas.openxmlformats.org/drawingml/2006/main" xmlns:r="http://schemas.openxmlformats.org/officeDocument/2006/relationships" xmlns:p="http://schemas.openxmlformats.org/presentationml/2006/main" matchingName="Title and text 5">
  <p:cSld name="Title and text 5">
    <p:spTree>
      <p:nvGrpSpPr>
        <p:cNvPr id="1" name="Shape 350"/>
        <p:cNvGrpSpPr/>
        <p:nvPr/>
      </p:nvGrpSpPr>
      <p:grpSpPr>
        <a:xfrm>
          <a:off x="0" y="0"/>
          <a:ext cx="0" cy="0"/>
          <a:chOff x="0" y="0"/>
          <a:chExt cx="0" cy="0"/>
        </a:xfrm>
      </p:grpSpPr>
      <p:pic>
        <p:nvPicPr>
          <p:cNvPr id="351" name="Google Shape;351;p25"/>
          <p:cNvPicPr preferRelativeResize="0"/>
          <p:nvPr/>
        </p:nvPicPr>
        <p:blipFill rotWithShape="1">
          <a:blip r:embed="rId2">
            <a:alphaModFix amt="58999"/>
          </a:blip>
          <a:srcRect/>
          <a:stretch/>
        </p:blipFill>
        <p:spPr>
          <a:xfrm>
            <a:off x="0" y="0"/>
            <a:ext cx="20320000" cy="11430000"/>
          </a:xfrm>
          <a:prstGeom prst="rect">
            <a:avLst/>
          </a:prstGeom>
          <a:noFill/>
          <a:ln>
            <a:noFill/>
          </a:ln>
        </p:spPr>
      </p:pic>
      <p:grpSp>
        <p:nvGrpSpPr>
          <p:cNvPr id="352" name="Google Shape;352;p25"/>
          <p:cNvGrpSpPr/>
          <p:nvPr/>
        </p:nvGrpSpPr>
        <p:grpSpPr>
          <a:xfrm>
            <a:off x="921445" y="681333"/>
            <a:ext cx="18477111" cy="481333"/>
            <a:chOff x="414650" y="306600"/>
            <a:chExt cx="8314700" cy="216600"/>
          </a:xfrm>
        </p:grpSpPr>
        <p:grpSp>
          <p:nvGrpSpPr>
            <p:cNvPr id="353" name="Google Shape;353;p25"/>
            <p:cNvGrpSpPr/>
            <p:nvPr/>
          </p:nvGrpSpPr>
          <p:grpSpPr>
            <a:xfrm>
              <a:off x="713281" y="389286"/>
              <a:ext cx="7717437" cy="51251"/>
              <a:chOff x="450050" y="465475"/>
              <a:chExt cx="8367600" cy="51241"/>
            </a:xfrm>
          </p:grpSpPr>
          <p:cxnSp>
            <p:nvCxnSpPr>
              <p:cNvPr id="354" name="Google Shape;354;p25"/>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355" name="Google Shape;355;p25"/>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356" name="Google Shape;356;p25"/>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357" name="Google Shape;357;p25"/>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358" name="Google Shape;358;p25"/>
          <p:cNvSpPr txBox="1">
            <a:spLocks noGrp="1"/>
          </p:cNvSpPr>
          <p:nvPr>
            <p:ph type="title"/>
          </p:nvPr>
        </p:nvSpPr>
        <p:spPr>
          <a:xfrm>
            <a:off x="1600000" y="988944"/>
            <a:ext cx="17120000" cy="1272667"/>
          </a:xfrm>
          <a:prstGeom prst="rect">
            <a:avLst/>
          </a:prstGeom>
        </p:spPr>
        <p:txBody>
          <a:bodyPr spcFirstLastPara="1" wrap="square" lIns="91425" tIns="91425" rIns="91425" bIns="91425" anchor="t" anchorCtr="0">
            <a:noAutofit/>
          </a:bodyPr>
          <a:lstStyle>
            <a:lvl1pPr lvl="0" rtl="0">
              <a:spcBef>
                <a:spcPts val="0"/>
              </a:spcBef>
              <a:spcAft>
                <a:spcPts val="0"/>
              </a:spcAft>
              <a:buSzPts val="3500"/>
              <a:buNone/>
              <a:defRPr/>
            </a:lvl1pPr>
            <a:lvl2pPr lvl="1" rtl="0">
              <a:spcBef>
                <a:spcPts val="0"/>
              </a:spcBef>
              <a:spcAft>
                <a:spcPts val="0"/>
              </a:spcAft>
              <a:buSzPts val="3500"/>
              <a:buNone/>
              <a:defRPr/>
            </a:lvl2pPr>
            <a:lvl3pPr lvl="2" rtl="0">
              <a:spcBef>
                <a:spcPts val="0"/>
              </a:spcBef>
              <a:spcAft>
                <a:spcPts val="0"/>
              </a:spcAft>
              <a:buSzPts val="3500"/>
              <a:buNone/>
              <a:defRPr/>
            </a:lvl3pPr>
            <a:lvl4pPr lvl="3" rtl="0">
              <a:spcBef>
                <a:spcPts val="0"/>
              </a:spcBef>
              <a:spcAft>
                <a:spcPts val="0"/>
              </a:spcAft>
              <a:buSzPts val="3500"/>
              <a:buNone/>
              <a:defRPr/>
            </a:lvl4pPr>
            <a:lvl5pPr lvl="4" rtl="0">
              <a:spcBef>
                <a:spcPts val="0"/>
              </a:spcBef>
              <a:spcAft>
                <a:spcPts val="0"/>
              </a:spcAft>
              <a:buSzPts val="3500"/>
              <a:buNone/>
              <a:defRPr/>
            </a:lvl5pPr>
            <a:lvl6pPr lvl="5" rtl="0">
              <a:spcBef>
                <a:spcPts val="0"/>
              </a:spcBef>
              <a:spcAft>
                <a:spcPts val="0"/>
              </a:spcAft>
              <a:buSzPts val="3500"/>
              <a:buNone/>
              <a:defRPr/>
            </a:lvl6pPr>
            <a:lvl7pPr lvl="6" rtl="0">
              <a:spcBef>
                <a:spcPts val="0"/>
              </a:spcBef>
              <a:spcAft>
                <a:spcPts val="0"/>
              </a:spcAft>
              <a:buSzPts val="3500"/>
              <a:buNone/>
              <a:defRPr/>
            </a:lvl7pPr>
            <a:lvl8pPr lvl="7" rtl="0">
              <a:spcBef>
                <a:spcPts val="0"/>
              </a:spcBef>
              <a:spcAft>
                <a:spcPts val="0"/>
              </a:spcAft>
              <a:buSzPts val="3500"/>
              <a:buNone/>
              <a:defRPr/>
            </a:lvl8pPr>
            <a:lvl9pPr lvl="8" rtl="0">
              <a:spcBef>
                <a:spcPts val="0"/>
              </a:spcBef>
              <a:spcAft>
                <a:spcPts val="0"/>
              </a:spcAft>
              <a:buSzPts val="3500"/>
              <a:buNone/>
              <a:defRPr/>
            </a:lvl9pPr>
          </a:lstStyle>
          <a:p>
            <a:endParaRPr/>
          </a:p>
        </p:txBody>
      </p:sp>
      <p:sp>
        <p:nvSpPr>
          <p:cNvPr id="359" name="Google Shape;359;p25"/>
          <p:cNvSpPr txBox="1">
            <a:spLocks noGrp="1"/>
          </p:cNvSpPr>
          <p:nvPr>
            <p:ph type="subTitle" idx="1"/>
          </p:nvPr>
        </p:nvSpPr>
        <p:spPr>
          <a:xfrm>
            <a:off x="1600000" y="2632167"/>
            <a:ext cx="17120000" cy="3542000"/>
          </a:xfrm>
          <a:prstGeom prst="rect">
            <a:avLst/>
          </a:prstGeom>
        </p:spPr>
        <p:txBody>
          <a:bodyPr spcFirstLastPara="1" wrap="square" lIns="91425" tIns="91425" rIns="91425" bIns="91425" anchor="t" anchorCtr="0">
            <a:noAutofit/>
          </a:bodyPr>
          <a:lstStyle>
            <a:lvl1pPr lvl="0" rtl="0">
              <a:lnSpc>
                <a:spcPct val="100000"/>
              </a:lnSpc>
              <a:spcBef>
                <a:spcPts val="0"/>
              </a:spcBef>
              <a:spcAft>
                <a:spcPts val="0"/>
              </a:spcAft>
              <a:buSzPts val="1400"/>
              <a:buChar char="●"/>
              <a:defRPr/>
            </a:lvl1pPr>
            <a:lvl2pPr lvl="1" algn="ctr" rtl="0">
              <a:lnSpc>
                <a:spcPct val="100000"/>
              </a:lnSpc>
              <a:spcBef>
                <a:spcPts val="0"/>
              </a:spcBef>
              <a:spcAft>
                <a:spcPts val="0"/>
              </a:spcAft>
              <a:buSzPts val="1400"/>
              <a:buChar char="○"/>
              <a:defRPr/>
            </a:lvl2pPr>
            <a:lvl3pPr lvl="2" algn="ctr" rtl="0">
              <a:lnSpc>
                <a:spcPct val="100000"/>
              </a:lnSpc>
              <a:spcBef>
                <a:spcPts val="3556"/>
              </a:spcBef>
              <a:spcAft>
                <a:spcPts val="0"/>
              </a:spcAft>
              <a:buSzPts val="1400"/>
              <a:buChar char="■"/>
              <a:defRPr/>
            </a:lvl3pPr>
            <a:lvl4pPr lvl="3" algn="ctr" rtl="0">
              <a:lnSpc>
                <a:spcPct val="100000"/>
              </a:lnSpc>
              <a:spcBef>
                <a:spcPts val="3556"/>
              </a:spcBef>
              <a:spcAft>
                <a:spcPts val="0"/>
              </a:spcAft>
              <a:buSzPts val="1400"/>
              <a:buChar char="●"/>
              <a:defRPr/>
            </a:lvl4pPr>
            <a:lvl5pPr lvl="4" algn="ctr" rtl="0">
              <a:lnSpc>
                <a:spcPct val="100000"/>
              </a:lnSpc>
              <a:spcBef>
                <a:spcPts val="3556"/>
              </a:spcBef>
              <a:spcAft>
                <a:spcPts val="0"/>
              </a:spcAft>
              <a:buSzPts val="1400"/>
              <a:buChar char="○"/>
              <a:defRPr/>
            </a:lvl5pPr>
            <a:lvl6pPr lvl="5" algn="ctr" rtl="0">
              <a:lnSpc>
                <a:spcPct val="100000"/>
              </a:lnSpc>
              <a:spcBef>
                <a:spcPts val="3556"/>
              </a:spcBef>
              <a:spcAft>
                <a:spcPts val="0"/>
              </a:spcAft>
              <a:buSzPts val="1400"/>
              <a:buChar char="■"/>
              <a:defRPr/>
            </a:lvl6pPr>
            <a:lvl7pPr lvl="6" algn="ctr" rtl="0">
              <a:lnSpc>
                <a:spcPct val="100000"/>
              </a:lnSpc>
              <a:spcBef>
                <a:spcPts val="3556"/>
              </a:spcBef>
              <a:spcAft>
                <a:spcPts val="0"/>
              </a:spcAft>
              <a:buSzPts val="1400"/>
              <a:buChar char="●"/>
              <a:defRPr/>
            </a:lvl7pPr>
            <a:lvl8pPr lvl="7" algn="ctr" rtl="0">
              <a:lnSpc>
                <a:spcPct val="100000"/>
              </a:lnSpc>
              <a:spcBef>
                <a:spcPts val="3556"/>
              </a:spcBef>
              <a:spcAft>
                <a:spcPts val="0"/>
              </a:spcAft>
              <a:buSzPts val="1400"/>
              <a:buChar char="○"/>
              <a:defRPr/>
            </a:lvl8pPr>
            <a:lvl9pPr lvl="8" algn="ctr" rtl="0">
              <a:lnSpc>
                <a:spcPct val="100000"/>
              </a:lnSpc>
              <a:spcBef>
                <a:spcPts val="3556"/>
              </a:spcBef>
              <a:spcAft>
                <a:spcPts val="3556"/>
              </a:spcAft>
              <a:buSzPts val="1400"/>
              <a:buChar char="■"/>
              <a:defRPr/>
            </a:lvl9pPr>
          </a:lstStyle>
          <a:p>
            <a:endParaRPr/>
          </a:p>
        </p:txBody>
      </p:sp>
    </p:spTree>
    <p:extLst>
      <p:ext uri="{BB962C8B-B14F-4D97-AF65-F5344CB8AC3E}">
        <p14:creationId xmlns:p14="http://schemas.microsoft.com/office/powerpoint/2010/main" val="1373355403"/>
      </p:ext>
    </p:extLst>
  </p:cSld>
  <p:clrMapOvr>
    <a:masterClrMapping/>
  </p:clrMapOvr>
</p:sldLayout>
</file>

<file path=ppt/slideLayouts/slideLayout108.xml><?xml version="1.0" encoding="utf-8"?>
<p:sldLayout xmlns:a="http://schemas.openxmlformats.org/drawingml/2006/main" xmlns:r="http://schemas.openxmlformats.org/officeDocument/2006/relationships" xmlns:p="http://schemas.openxmlformats.org/presentationml/2006/main" matchingName="Title and text 6">
  <p:cSld name="Title and text 6">
    <p:spTree>
      <p:nvGrpSpPr>
        <p:cNvPr id="1" name="Shape 360"/>
        <p:cNvGrpSpPr/>
        <p:nvPr/>
      </p:nvGrpSpPr>
      <p:grpSpPr>
        <a:xfrm>
          <a:off x="0" y="0"/>
          <a:ext cx="0" cy="0"/>
          <a:chOff x="0" y="0"/>
          <a:chExt cx="0" cy="0"/>
        </a:xfrm>
      </p:grpSpPr>
      <p:pic>
        <p:nvPicPr>
          <p:cNvPr id="361" name="Google Shape;361;p26"/>
          <p:cNvPicPr preferRelativeResize="0"/>
          <p:nvPr/>
        </p:nvPicPr>
        <p:blipFill rotWithShape="1">
          <a:blip r:embed="rId2">
            <a:alphaModFix amt="58999"/>
          </a:blip>
          <a:srcRect/>
          <a:stretch/>
        </p:blipFill>
        <p:spPr>
          <a:xfrm>
            <a:off x="0" y="0"/>
            <a:ext cx="20320000" cy="11430000"/>
          </a:xfrm>
          <a:prstGeom prst="rect">
            <a:avLst/>
          </a:prstGeom>
          <a:noFill/>
          <a:ln>
            <a:noFill/>
          </a:ln>
        </p:spPr>
      </p:pic>
      <p:grpSp>
        <p:nvGrpSpPr>
          <p:cNvPr id="362" name="Google Shape;362;p26"/>
          <p:cNvGrpSpPr/>
          <p:nvPr/>
        </p:nvGrpSpPr>
        <p:grpSpPr>
          <a:xfrm>
            <a:off x="0" y="9933805"/>
            <a:ext cx="20319813" cy="1496367"/>
            <a:chOff x="0" y="4134602"/>
            <a:chExt cx="9143916" cy="937442"/>
          </a:xfrm>
        </p:grpSpPr>
        <p:sp>
          <p:nvSpPr>
            <p:cNvPr id="363" name="Google Shape;363;p26"/>
            <p:cNvSpPr/>
            <p:nvPr/>
          </p:nvSpPr>
          <p:spPr>
            <a:xfrm>
              <a:off x="0" y="4134602"/>
              <a:ext cx="9143916" cy="937442"/>
            </a:xfrm>
            <a:custGeom>
              <a:avLst/>
              <a:gdLst/>
              <a:ahLst/>
              <a:cxnLst/>
              <a:rect l="l" t="t" r="r" b="b"/>
              <a:pathLst>
                <a:path w="285057" h="22555" extrusionOk="0">
                  <a:moveTo>
                    <a:pt x="1" y="0"/>
                  </a:moveTo>
                  <a:lnTo>
                    <a:pt x="1" y="22554"/>
                  </a:lnTo>
                  <a:lnTo>
                    <a:pt x="285056" y="22554"/>
                  </a:lnTo>
                  <a:lnTo>
                    <a:pt x="285056" y="16904"/>
                  </a:lnTo>
                  <a:lnTo>
                    <a:pt x="281860" y="16673"/>
                  </a:lnTo>
                  <a:lnTo>
                    <a:pt x="273246" y="16117"/>
                  </a:lnTo>
                  <a:lnTo>
                    <a:pt x="267365" y="15654"/>
                  </a:lnTo>
                  <a:lnTo>
                    <a:pt x="260695" y="15144"/>
                  </a:lnTo>
                  <a:lnTo>
                    <a:pt x="253424" y="14496"/>
                  </a:lnTo>
                  <a:lnTo>
                    <a:pt x="245736" y="13801"/>
                  </a:lnTo>
                  <a:lnTo>
                    <a:pt x="237771" y="12968"/>
                  </a:lnTo>
                  <a:lnTo>
                    <a:pt x="229759" y="12088"/>
                  </a:lnTo>
                  <a:lnTo>
                    <a:pt x="225822" y="11625"/>
                  </a:lnTo>
                  <a:lnTo>
                    <a:pt x="221885" y="11115"/>
                  </a:lnTo>
                  <a:lnTo>
                    <a:pt x="218088" y="10606"/>
                  </a:lnTo>
                  <a:lnTo>
                    <a:pt x="214336" y="10050"/>
                  </a:lnTo>
                  <a:lnTo>
                    <a:pt x="210770" y="9494"/>
                  </a:lnTo>
                  <a:lnTo>
                    <a:pt x="207297" y="8892"/>
                  </a:lnTo>
                  <a:lnTo>
                    <a:pt x="204009" y="8290"/>
                  </a:lnTo>
                  <a:lnTo>
                    <a:pt x="200952" y="7688"/>
                  </a:lnTo>
                  <a:lnTo>
                    <a:pt x="198081" y="7040"/>
                  </a:lnTo>
                  <a:lnTo>
                    <a:pt x="195441" y="6391"/>
                  </a:lnTo>
                  <a:lnTo>
                    <a:pt x="193079" y="5697"/>
                  </a:lnTo>
                  <a:lnTo>
                    <a:pt x="192014" y="5326"/>
                  </a:lnTo>
                  <a:lnTo>
                    <a:pt x="190995" y="5002"/>
                  </a:lnTo>
                  <a:lnTo>
                    <a:pt x="190022" y="4632"/>
                  </a:lnTo>
                  <a:lnTo>
                    <a:pt x="189096" y="4354"/>
                  </a:lnTo>
                  <a:lnTo>
                    <a:pt x="188123" y="4030"/>
                  </a:lnTo>
                  <a:lnTo>
                    <a:pt x="187151" y="3798"/>
                  </a:lnTo>
                  <a:lnTo>
                    <a:pt x="186132" y="3566"/>
                  </a:lnTo>
                  <a:lnTo>
                    <a:pt x="185159" y="3381"/>
                  </a:lnTo>
                  <a:lnTo>
                    <a:pt x="183214" y="3057"/>
                  </a:lnTo>
                  <a:lnTo>
                    <a:pt x="181223" y="2872"/>
                  </a:lnTo>
                  <a:lnTo>
                    <a:pt x="179231" y="2733"/>
                  </a:lnTo>
                  <a:lnTo>
                    <a:pt x="177193" y="2733"/>
                  </a:lnTo>
                  <a:lnTo>
                    <a:pt x="175156" y="2779"/>
                  </a:lnTo>
                  <a:lnTo>
                    <a:pt x="173118" y="2918"/>
                  </a:lnTo>
                  <a:lnTo>
                    <a:pt x="171034" y="3103"/>
                  </a:lnTo>
                  <a:lnTo>
                    <a:pt x="168996" y="3381"/>
                  </a:lnTo>
                  <a:lnTo>
                    <a:pt x="166866" y="3705"/>
                  </a:lnTo>
                  <a:lnTo>
                    <a:pt x="164735" y="4076"/>
                  </a:lnTo>
                  <a:lnTo>
                    <a:pt x="162605" y="4493"/>
                  </a:lnTo>
                  <a:lnTo>
                    <a:pt x="160475" y="4956"/>
                  </a:lnTo>
                  <a:lnTo>
                    <a:pt x="158298" y="5465"/>
                  </a:lnTo>
                  <a:lnTo>
                    <a:pt x="153852" y="6484"/>
                  </a:lnTo>
                  <a:lnTo>
                    <a:pt x="149359" y="7596"/>
                  </a:lnTo>
                  <a:lnTo>
                    <a:pt x="144775" y="8707"/>
                  </a:lnTo>
                  <a:lnTo>
                    <a:pt x="140097" y="9772"/>
                  </a:lnTo>
                  <a:lnTo>
                    <a:pt x="137735" y="10282"/>
                  </a:lnTo>
                  <a:lnTo>
                    <a:pt x="135327" y="10745"/>
                  </a:lnTo>
                  <a:lnTo>
                    <a:pt x="132918" y="11162"/>
                  </a:lnTo>
                  <a:lnTo>
                    <a:pt x="130464" y="11532"/>
                  </a:lnTo>
                  <a:lnTo>
                    <a:pt x="127963" y="11903"/>
                  </a:lnTo>
                  <a:lnTo>
                    <a:pt x="125462" y="12180"/>
                  </a:lnTo>
                  <a:lnTo>
                    <a:pt x="122961" y="12366"/>
                  </a:lnTo>
                  <a:lnTo>
                    <a:pt x="120414" y="12505"/>
                  </a:lnTo>
                  <a:lnTo>
                    <a:pt x="117635" y="12597"/>
                  </a:lnTo>
                  <a:lnTo>
                    <a:pt x="114532" y="12597"/>
                  </a:lnTo>
                  <a:lnTo>
                    <a:pt x="111105" y="12505"/>
                  </a:lnTo>
                  <a:lnTo>
                    <a:pt x="107354" y="12319"/>
                  </a:lnTo>
                  <a:lnTo>
                    <a:pt x="103371" y="12088"/>
                  </a:lnTo>
                  <a:lnTo>
                    <a:pt x="99110" y="11810"/>
                  </a:lnTo>
                  <a:lnTo>
                    <a:pt x="94664" y="11486"/>
                  </a:lnTo>
                  <a:lnTo>
                    <a:pt x="90033" y="11069"/>
                  </a:lnTo>
                  <a:lnTo>
                    <a:pt x="85263" y="10606"/>
                  </a:lnTo>
                  <a:lnTo>
                    <a:pt x="80353" y="10143"/>
                  </a:lnTo>
                  <a:lnTo>
                    <a:pt x="70257" y="9078"/>
                  </a:lnTo>
                  <a:lnTo>
                    <a:pt x="60068" y="7920"/>
                  </a:lnTo>
                  <a:lnTo>
                    <a:pt x="49926" y="6716"/>
                  </a:lnTo>
                  <a:lnTo>
                    <a:pt x="40108" y="5465"/>
                  </a:lnTo>
                  <a:lnTo>
                    <a:pt x="30891" y="4261"/>
                  </a:lnTo>
                  <a:lnTo>
                    <a:pt x="22416" y="3150"/>
                  </a:lnTo>
                  <a:lnTo>
                    <a:pt x="14960" y="2131"/>
                  </a:lnTo>
                  <a:lnTo>
                    <a:pt x="4076" y="602"/>
                  </a:lnTo>
                  <a:lnTo>
                    <a:pt x="1" y="0"/>
                  </a:lnTo>
                  <a:close/>
                </a:path>
              </a:pathLst>
            </a:custGeom>
            <a:solidFill>
              <a:schemeClr val="l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364" name="Google Shape;364;p26"/>
            <p:cNvSpPr/>
            <p:nvPr/>
          </p:nvSpPr>
          <p:spPr>
            <a:xfrm>
              <a:off x="0" y="4569614"/>
              <a:ext cx="9143916" cy="502399"/>
            </a:xfrm>
            <a:custGeom>
              <a:avLst/>
              <a:gdLst/>
              <a:ahLst/>
              <a:cxnLst/>
              <a:rect l="l" t="t" r="r" b="b"/>
              <a:pathLst>
                <a:path w="285057" h="13941" extrusionOk="0">
                  <a:moveTo>
                    <a:pt x="238141" y="0"/>
                  </a:moveTo>
                  <a:lnTo>
                    <a:pt x="234529" y="47"/>
                  </a:lnTo>
                  <a:lnTo>
                    <a:pt x="230777" y="186"/>
                  </a:lnTo>
                  <a:lnTo>
                    <a:pt x="226933" y="325"/>
                  </a:lnTo>
                  <a:lnTo>
                    <a:pt x="222997" y="602"/>
                  </a:lnTo>
                  <a:lnTo>
                    <a:pt x="218921" y="927"/>
                  </a:lnTo>
                  <a:lnTo>
                    <a:pt x="214799" y="1343"/>
                  </a:lnTo>
                  <a:lnTo>
                    <a:pt x="210585" y="1853"/>
                  </a:lnTo>
                  <a:lnTo>
                    <a:pt x="206278" y="2455"/>
                  </a:lnTo>
                  <a:lnTo>
                    <a:pt x="204009" y="2733"/>
                  </a:lnTo>
                  <a:lnTo>
                    <a:pt x="201647" y="3057"/>
                  </a:lnTo>
                  <a:lnTo>
                    <a:pt x="199053" y="3289"/>
                  </a:lnTo>
                  <a:lnTo>
                    <a:pt x="196367" y="3566"/>
                  </a:lnTo>
                  <a:lnTo>
                    <a:pt x="193542" y="3798"/>
                  </a:lnTo>
                  <a:lnTo>
                    <a:pt x="190578" y="4030"/>
                  </a:lnTo>
                  <a:lnTo>
                    <a:pt x="184279" y="4400"/>
                  </a:lnTo>
                  <a:lnTo>
                    <a:pt x="177518" y="4724"/>
                  </a:lnTo>
                  <a:lnTo>
                    <a:pt x="170386" y="5002"/>
                  </a:lnTo>
                  <a:lnTo>
                    <a:pt x="162883" y="5187"/>
                  </a:lnTo>
                  <a:lnTo>
                    <a:pt x="155056" y="5326"/>
                  </a:lnTo>
                  <a:lnTo>
                    <a:pt x="146998" y="5465"/>
                  </a:lnTo>
                  <a:lnTo>
                    <a:pt x="138708" y="5512"/>
                  </a:lnTo>
                  <a:lnTo>
                    <a:pt x="130232" y="5512"/>
                  </a:lnTo>
                  <a:lnTo>
                    <a:pt x="121711" y="5465"/>
                  </a:lnTo>
                  <a:lnTo>
                    <a:pt x="113050" y="5419"/>
                  </a:lnTo>
                  <a:lnTo>
                    <a:pt x="104436" y="5280"/>
                  </a:lnTo>
                  <a:lnTo>
                    <a:pt x="95776" y="5187"/>
                  </a:lnTo>
                  <a:lnTo>
                    <a:pt x="87254" y="5002"/>
                  </a:lnTo>
                  <a:lnTo>
                    <a:pt x="70581" y="4632"/>
                  </a:lnTo>
                  <a:lnTo>
                    <a:pt x="54789" y="4215"/>
                  </a:lnTo>
                  <a:lnTo>
                    <a:pt x="40293" y="3752"/>
                  </a:lnTo>
                  <a:lnTo>
                    <a:pt x="27418" y="3242"/>
                  </a:lnTo>
                  <a:lnTo>
                    <a:pt x="16534" y="2825"/>
                  </a:lnTo>
                  <a:lnTo>
                    <a:pt x="8105" y="2409"/>
                  </a:lnTo>
                  <a:lnTo>
                    <a:pt x="2455" y="2131"/>
                  </a:lnTo>
                  <a:lnTo>
                    <a:pt x="834" y="1992"/>
                  </a:lnTo>
                  <a:lnTo>
                    <a:pt x="1" y="1946"/>
                  </a:lnTo>
                  <a:lnTo>
                    <a:pt x="1" y="13940"/>
                  </a:lnTo>
                  <a:lnTo>
                    <a:pt x="285056" y="13940"/>
                  </a:lnTo>
                  <a:lnTo>
                    <a:pt x="285056" y="5512"/>
                  </a:lnTo>
                  <a:lnTo>
                    <a:pt x="283574" y="5095"/>
                  </a:lnTo>
                  <a:lnTo>
                    <a:pt x="281768" y="4632"/>
                  </a:lnTo>
                  <a:lnTo>
                    <a:pt x="279267" y="4076"/>
                  </a:lnTo>
                  <a:lnTo>
                    <a:pt x="276118" y="3428"/>
                  </a:lnTo>
                  <a:lnTo>
                    <a:pt x="272366" y="2733"/>
                  </a:lnTo>
                  <a:lnTo>
                    <a:pt x="270236" y="2362"/>
                  </a:lnTo>
                  <a:lnTo>
                    <a:pt x="268013" y="2038"/>
                  </a:lnTo>
                  <a:lnTo>
                    <a:pt x="265605" y="1714"/>
                  </a:lnTo>
                  <a:lnTo>
                    <a:pt x="263057" y="1390"/>
                  </a:lnTo>
                  <a:lnTo>
                    <a:pt x="260371" y="1112"/>
                  </a:lnTo>
                  <a:lnTo>
                    <a:pt x="257593" y="834"/>
                  </a:lnTo>
                  <a:lnTo>
                    <a:pt x="254629" y="602"/>
                  </a:lnTo>
                  <a:lnTo>
                    <a:pt x="251572" y="371"/>
                  </a:lnTo>
                  <a:lnTo>
                    <a:pt x="248423" y="232"/>
                  </a:lnTo>
                  <a:lnTo>
                    <a:pt x="245088" y="93"/>
                  </a:lnTo>
                  <a:lnTo>
                    <a:pt x="241661" y="47"/>
                  </a:lnTo>
                  <a:lnTo>
                    <a:pt x="238141" y="0"/>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grpSp>
        <p:nvGrpSpPr>
          <p:cNvPr id="365" name="Google Shape;365;p26"/>
          <p:cNvGrpSpPr/>
          <p:nvPr/>
        </p:nvGrpSpPr>
        <p:grpSpPr>
          <a:xfrm>
            <a:off x="921445" y="681333"/>
            <a:ext cx="18477111" cy="481333"/>
            <a:chOff x="414650" y="306600"/>
            <a:chExt cx="8314700" cy="216600"/>
          </a:xfrm>
        </p:grpSpPr>
        <p:grpSp>
          <p:nvGrpSpPr>
            <p:cNvPr id="366" name="Google Shape;366;p26"/>
            <p:cNvGrpSpPr/>
            <p:nvPr/>
          </p:nvGrpSpPr>
          <p:grpSpPr>
            <a:xfrm>
              <a:off x="713281" y="389286"/>
              <a:ext cx="7717437" cy="51251"/>
              <a:chOff x="450050" y="465475"/>
              <a:chExt cx="8367600" cy="51241"/>
            </a:xfrm>
          </p:grpSpPr>
          <p:cxnSp>
            <p:nvCxnSpPr>
              <p:cNvPr id="367" name="Google Shape;367;p26"/>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368" name="Google Shape;368;p26"/>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369" name="Google Shape;369;p26"/>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370" name="Google Shape;370;p26"/>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371" name="Google Shape;371;p26"/>
          <p:cNvSpPr txBox="1">
            <a:spLocks noGrp="1"/>
          </p:cNvSpPr>
          <p:nvPr>
            <p:ph type="title"/>
          </p:nvPr>
        </p:nvSpPr>
        <p:spPr>
          <a:xfrm>
            <a:off x="1600000" y="988944"/>
            <a:ext cx="17120000" cy="1272667"/>
          </a:xfrm>
          <a:prstGeom prst="rect">
            <a:avLst/>
          </a:prstGeom>
        </p:spPr>
        <p:txBody>
          <a:bodyPr spcFirstLastPara="1" wrap="square" lIns="91425" tIns="91425" rIns="91425" bIns="91425" anchor="t" anchorCtr="0">
            <a:noAutofit/>
          </a:bodyPr>
          <a:lstStyle>
            <a:lvl1pPr lvl="0" rtl="0">
              <a:spcBef>
                <a:spcPts val="0"/>
              </a:spcBef>
              <a:spcAft>
                <a:spcPts val="0"/>
              </a:spcAft>
              <a:buSzPts val="3500"/>
              <a:buNone/>
              <a:defRPr/>
            </a:lvl1pPr>
            <a:lvl2pPr lvl="1" rtl="0">
              <a:spcBef>
                <a:spcPts val="0"/>
              </a:spcBef>
              <a:spcAft>
                <a:spcPts val="0"/>
              </a:spcAft>
              <a:buSzPts val="3500"/>
              <a:buNone/>
              <a:defRPr/>
            </a:lvl2pPr>
            <a:lvl3pPr lvl="2" rtl="0">
              <a:spcBef>
                <a:spcPts val="0"/>
              </a:spcBef>
              <a:spcAft>
                <a:spcPts val="0"/>
              </a:spcAft>
              <a:buSzPts val="3500"/>
              <a:buNone/>
              <a:defRPr/>
            </a:lvl3pPr>
            <a:lvl4pPr lvl="3" rtl="0">
              <a:spcBef>
                <a:spcPts val="0"/>
              </a:spcBef>
              <a:spcAft>
                <a:spcPts val="0"/>
              </a:spcAft>
              <a:buSzPts val="3500"/>
              <a:buNone/>
              <a:defRPr/>
            </a:lvl4pPr>
            <a:lvl5pPr lvl="4" rtl="0">
              <a:spcBef>
                <a:spcPts val="0"/>
              </a:spcBef>
              <a:spcAft>
                <a:spcPts val="0"/>
              </a:spcAft>
              <a:buSzPts val="3500"/>
              <a:buNone/>
              <a:defRPr/>
            </a:lvl5pPr>
            <a:lvl6pPr lvl="5" rtl="0">
              <a:spcBef>
                <a:spcPts val="0"/>
              </a:spcBef>
              <a:spcAft>
                <a:spcPts val="0"/>
              </a:spcAft>
              <a:buSzPts val="3500"/>
              <a:buNone/>
              <a:defRPr/>
            </a:lvl6pPr>
            <a:lvl7pPr lvl="6" rtl="0">
              <a:spcBef>
                <a:spcPts val="0"/>
              </a:spcBef>
              <a:spcAft>
                <a:spcPts val="0"/>
              </a:spcAft>
              <a:buSzPts val="3500"/>
              <a:buNone/>
              <a:defRPr/>
            </a:lvl7pPr>
            <a:lvl8pPr lvl="7" rtl="0">
              <a:spcBef>
                <a:spcPts val="0"/>
              </a:spcBef>
              <a:spcAft>
                <a:spcPts val="0"/>
              </a:spcAft>
              <a:buSzPts val="3500"/>
              <a:buNone/>
              <a:defRPr/>
            </a:lvl8pPr>
            <a:lvl9pPr lvl="8" rtl="0">
              <a:spcBef>
                <a:spcPts val="0"/>
              </a:spcBef>
              <a:spcAft>
                <a:spcPts val="0"/>
              </a:spcAft>
              <a:buSzPts val="3500"/>
              <a:buNone/>
              <a:defRPr/>
            </a:lvl9pPr>
          </a:lstStyle>
          <a:p>
            <a:endParaRPr/>
          </a:p>
        </p:txBody>
      </p:sp>
      <p:sp>
        <p:nvSpPr>
          <p:cNvPr id="372" name="Google Shape;372;p26"/>
          <p:cNvSpPr txBox="1">
            <a:spLocks noGrp="1"/>
          </p:cNvSpPr>
          <p:nvPr>
            <p:ph type="subTitle" idx="1"/>
          </p:nvPr>
        </p:nvSpPr>
        <p:spPr>
          <a:xfrm>
            <a:off x="1600000" y="2632167"/>
            <a:ext cx="17120000" cy="7274000"/>
          </a:xfrm>
          <a:prstGeom prst="rect">
            <a:avLst/>
          </a:prstGeom>
        </p:spPr>
        <p:txBody>
          <a:bodyPr spcFirstLastPara="1" wrap="square" lIns="91425" tIns="91425" rIns="91425" bIns="91425" anchor="t" anchorCtr="0">
            <a:noAutofit/>
          </a:bodyPr>
          <a:lstStyle>
            <a:lvl1pPr lvl="0" rtl="0">
              <a:lnSpc>
                <a:spcPct val="100000"/>
              </a:lnSpc>
              <a:spcBef>
                <a:spcPts val="0"/>
              </a:spcBef>
              <a:spcAft>
                <a:spcPts val="0"/>
              </a:spcAft>
              <a:buSzPts val="1400"/>
              <a:buChar char="●"/>
              <a:defRPr/>
            </a:lvl1pPr>
            <a:lvl2pPr lvl="1" algn="ctr" rtl="0">
              <a:lnSpc>
                <a:spcPct val="100000"/>
              </a:lnSpc>
              <a:spcBef>
                <a:spcPts val="0"/>
              </a:spcBef>
              <a:spcAft>
                <a:spcPts val="0"/>
              </a:spcAft>
              <a:buSzPts val="1400"/>
              <a:buChar char="○"/>
              <a:defRPr/>
            </a:lvl2pPr>
            <a:lvl3pPr lvl="2" algn="ctr" rtl="0">
              <a:lnSpc>
                <a:spcPct val="100000"/>
              </a:lnSpc>
              <a:spcBef>
                <a:spcPts val="3556"/>
              </a:spcBef>
              <a:spcAft>
                <a:spcPts val="0"/>
              </a:spcAft>
              <a:buSzPts val="1400"/>
              <a:buChar char="■"/>
              <a:defRPr/>
            </a:lvl3pPr>
            <a:lvl4pPr lvl="3" algn="ctr" rtl="0">
              <a:lnSpc>
                <a:spcPct val="100000"/>
              </a:lnSpc>
              <a:spcBef>
                <a:spcPts val="3556"/>
              </a:spcBef>
              <a:spcAft>
                <a:spcPts val="0"/>
              </a:spcAft>
              <a:buSzPts val="1400"/>
              <a:buChar char="●"/>
              <a:defRPr/>
            </a:lvl4pPr>
            <a:lvl5pPr lvl="4" algn="ctr" rtl="0">
              <a:lnSpc>
                <a:spcPct val="100000"/>
              </a:lnSpc>
              <a:spcBef>
                <a:spcPts val="3556"/>
              </a:spcBef>
              <a:spcAft>
                <a:spcPts val="0"/>
              </a:spcAft>
              <a:buSzPts val="1400"/>
              <a:buChar char="○"/>
              <a:defRPr/>
            </a:lvl5pPr>
            <a:lvl6pPr lvl="5" algn="ctr" rtl="0">
              <a:lnSpc>
                <a:spcPct val="100000"/>
              </a:lnSpc>
              <a:spcBef>
                <a:spcPts val="3556"/>
              </a:spcBef>
              <a:spcAft>
                <a:spcPts val="0"/>
              </a:spcAft>
              <a:buSzPts val="1400"/>
              <a:buChar char="■"/>
              <a:defRPr/>
            </a:lvl6pPr>
            <a:lvl7pPr lvl="6" algn="ctr" rtl="0">
              <a:lnSpc>
                <a:spcPct val="100000"/>
              </a:lnSpc>
              <a:spcBef>
                <a:spcPts val="3556"/>
              </a:spcBef>
              <a:spcAft>
                <a:spcPts val="0"/>
              </a:spcAft>
              <a:buSzPts val="1400"/>
              <a:buChar char="●"/>
              <a:defRPr/>
            </a:lvl7pPr>
            <a:lvl8pPr lvl="7" algn="ctr" rtl="0">
              <a:lnSpc>
                <a:spcPct val="100000"/>
              </a:lnSpc>
              <a:spcBef>
                <a:spcPts val="3556"/>
              </a:spcBef>
              <a:spcAft>
                <a:spcPts val="0"/>
              </a:spcAft>
              <a:buSzPts val="1400"/>
              <a:buChar char="○"/>
              <a:defRPr/>
            </a:lvl8pPr>
            <a:lvl9pPr lvl="8" algn="ctr" rtl="0">
              <a:lnSpc>
                <a:spcPct val="100000"/>
              </a:lnSpc>
              <a:spcBef>
                <a:spcPts val="3556"/>
              </a:spcBef>
              <a:spcAft>
                <a:spcPts val="3556"/>
              </a:spcAft>
              <a:buSzPts val="1400"/>
              <a:buChar char="■"/>
              <a:defRPr/>
            </a:lvl9pPr>
          </a:lstStyle>
          <a:p>
            <a:endParaRPr/>
          </a:p>
        </p:txBody>
      </p:sp>
      <p:grpSp>
        <p:nvGrpSpPr>
          <p:cNvPr id="373" name="Google Shape;373;p26"/>
          <p:cNvGrpSpPr/>
          <p:nvPr/>
        </p:nvGrpSpPr>
        <p:grpSpPr>
          <a:xfrm>
            <a:off x="320055" y="8258973"/>
            <a:ext cx="19429667" cy="3005222"/>
            <a:chOff x="144025" y="3716538"/>
            <a:chExt cx="8743350" cy="1352350"/>
          </a:xfrm>
        </p:grpSpPr>
        <p:sp>
          <p:nvSpPr>
            <p:cNvPr id="374" name="Google Shape;374;p26"/>
            <p:cNvSpPr/>
            <p:nvPr/>
          </p:nvSpPr>
          <p:spPr>
            <a:xfrm>
              <a:off x="8595575" y="3968163"/>
              <a:ext cx="291800" cy="981850"/>
            </a:xfrm>
            <a:custGeom>
              <a:avLst/>
              <a:gdLst/>
              <a:ahLst/>
              <a:cxnLst/>
              <a:rect l="l" t="t" r="r" b="b"/>
              <a:pathLst>
                <a:path w="11672" h="39274" extrusionOk="0">
                  <a:moveTo>
                    <a:pt x="6253" y="1"/>
                  </a:moveTo>
                  <a:lnTo>
                    <a:pt x="6068" y="47"/>
                  </a:lnTo>
                  <a:lnTo>
                    <a:pt x="5929" y="140"/>
                  </a:lnTo>
                  <a:lnTo>
                    <a:pt x="5558" y="603"/>
                  </a:lnTo>
                  <a:lnTo>
                    <a:pt x="5327" y="1112"/>
                  </a:lnTo>
                  <a:lnTo>
                    <a:pt x="5141" y="1622"/>
                  </a:lnTo>
                  <a:lnTo>
                    <a:pt x="5002" y="2177"/>
                  </a:lnTo>
                  <a:lnTo>
                    <a:pt x="4910" y="2733"/>
                  </a:lnTo>
                  <a:lnTo>
                    <a:pt x="4863" y="3289"/>
                  </a:lnTo>
                  <a:lnTo>
                    <a:pt x="4817" y="4447"/>
                  </a:lnTo>
                  <a:lnTo>
                    <a:pt x="4771" y="6855"/>
                  </a:lnTo>
                  <a:lnTo>
                    <a:pt x="4725" y="9263"/>
                  </a:lnTo>
                  <a:lnTo>
                    <a:pt x="4771" y="11903"/>
                  </a:lnTo>
                  <a:lnTo>
                    <a:pt x="4817" y="14543"/>
                  </a:lnTo>
                  <a:lnTo>
                    <a:pt x="4586" y="14172"/>
                  </a:lnTo>
                  <a:lnTo>
                    <a:pt x="4447" y="13755"/>
                  </a:lnTo>
                  <a:lnTo>
                    <a:pt x="4308" y="13339"/>
                  </a:lnTo>
                  <a:lnTo>
                    <a:pt x="4215" y="12922"/>
                  </a:lnTo>
                  <a:lnTo>
                    <a:pt x="4169" y="12459"/>
                  </a:lnTo>
                  <a:lnTo>
                    <a:pt x="4076" y="11533"/>
                  </a:lnTo>
                  <a:lnTo>
                    <a:pt x="4030" y="10699"/>
                  </a:lnTo>
                  <a:lnTo>
                    <a:pt x="4076" y="10189"/>
                  </a:lnTo>
                  <a:lnTo>
                    <a:pt x="4076" y="9680"/>
                  </a:lnTo>
                  <a:lnTo>
                    <a:pt x="4030" y="8661"/>
                  </a:lnTo>
                  <a:lnTo>
                    <a:pt x="3798" y="6670"/>
                  </a:lnTo>
                  <a:lnTo>
                    <a:pt x="3752" y="5605"/>
                  </a:lnTo>
                  <a:lnTo>
                    <a:pt x="3659" y="4586"/>
                  </a:lnTo>
                  <a:lnTo>
                    <a:pt x="3613" y="4076"/>
                  </a:lnTo>
                  <a:lnTo>
                    <a:pt x="3520" y="3567"/>
                  </a:lnTo>
                  <a:lnTo>
                    <a:pt x="3381" y="3057"/>
                  </a:lnTo>
                  <a:lnTo>
                    <a:pt x="3150" y="2594"/>
                  </a:lnTo>
                  <a:lnTo>
                    <a:pt x="3104" y="2502"/>
                  </a:lnTo>
                  <a:lnTo>
                    <a:pt x="3011" y="2409"/>
                  </a:lnTo>
                  <a:lnTo>
                    <a:pt x="2826" y="2363"/>
                  </a:lnTo>
                  <a:lnTo>
                    <a:pt x="2594" y="2455"/>
                  </a:lnTo>
                  <a:lnTo>
                    <a:pt x="2548" y="2502"/>
                  </a:lnTo>
                  <a:lnTo>
                    <a:pt x="2455" y="2594"/>
                  </a:lnTo>
                  <a:lnTo>
                    <a:pt x="2224" y="3104"/>
                  </a:lnTo>
                  <a:lnTo>
                    <a:pt x="2038" y="3613"/>
                  </a:lnTo>
                  <a:lnTo>
                    <a:pt x="1946" y="4169"/>
                  </a:lnTo>
                  <a:lnTo>
                    <a:pt x="1853" y="4725"/>
                  </a:lnTo>
                  <a:lnTo>
                    <a:pt x="1853" y="5280"/>
                  </a:lnTo>
                  <a:lnTo>
                    <a:pt x="1853" y="5836"/>
                  </a:lnTo>
                  <a:lnTo>
                    <a:pt x="1899" y="6994"/>
                  </a:lnTo>
                  <a:lnTo>
                    <a:pt x="1992" y="8105"/>
                  </a:lnTo>
                  <a:lnTo>
                    <a:pt x="2131" y="9171"/>
                  </a:lnTo>
                  <a:lnTo>
                    <a:pt x="2177" y="10421"/>
                  </a:lnTo>
                  <a:lnTo>
                    <a:pt x="2270" y="11625"/>
                  </a:lnTo>
                  <a:lnTo>
                    <a:pt x="2455" y="12737"/>
                  </a:lnTo>
                  <a:lnTo>
                    <a:pt x="2548" y="13292"/>
                  </a:lnTo>
                  <a:lnTo>
                    <a:pt x="2687" y="13802"/>
                  </a:lnTo>
                  <a:lnTo>
                    <a:pt x="2872" y="14265"/>
                  </a:lnTo>
                  <a:lnTo>
                    <a:pt x="3057" y="14682"/>
                  </a:lnTo>
                  <a:lnTo>
                    <a:pt x="3289" y="15052"/>
                  </a:lnTo>
                  <a:lnTo>
                    <a:pt x="3567" y="15376"/>
                  </a:lnTo>
                  <a:lnTo>
                    <a:pt x="3845" y="15654"/>
                  </a:lnTo>
                  <a:lnTo>
                    <a:pt x="4169" y="15886"/>
                  </a:lnTo>
                  <a:lnTo>
                    <a:pt x="4493" y="16025"/>
                  </a:lnTo>
                  <a:lnTo>
                    <a:pt x="4863" y="16071"/>
                  </a:lnTo>
                  <a:lnTo>
                    <a:pt x="5002" y="18850"/>
                  </a:lnTo>
                  <a:lnTo>
                    <a:pt x="5049" y="19545"/>
                  </a:lnTo>
                  <a:lnTo>
                    <a:pt x="4910" y="19591"/>
                  </a:lnTo>
                  <a:lnTo>
                    <a:pt x="4586" y="19730"/>
                  </a:lnTo>
                  <a:lnTo>
                    <a:pt x="4261" y="19730"/>
                  </a:lnTo>
                  <a:lnTo>
                    <a:pt x="3984" y="19683"/>
                  </a:lnTo>
                  <a:lnTo>
                    <a:pt x="3752" y="19545"/>
                  </a:lnTo>
                  <a:lnTo>
                    <a:pt x="3520" y="19359"/>
                  </a:lnTo>
                  <a:lnTo>
                    <a:pt x="3289" y="19128"/>
                  </a:lnTo>
                  <a:lnTo>
                    <a:pt x="3104" y="18804"/>
                  </a:lnTo>
                  <a:lnTo>
                    <a:pt x="2965" y="18479"/>
                  </a:lnTo>
                  <a:lnTo>
                    <a:pt x="2687" y="17692"/>
                  </a:lnTo>
                  <a:lnTo>
                    <a:pt x="2455" y="16812"/>
                  </a:lnTo>
                  <a:lnTo>
                    <a:pt x="2316" y="15886"/>
                  </a:lnTo>
                  <a:lnTo>
                    <a:pt x="2224" y="15052"/>
                  </a:lnTo>
                  <a:lnTo>
                    <a:pt x="2224" y="14033"/>
                  </a:lnTo>
                  <a:lnTo>
                    <a:pt x="2177" y="13061"/>
                  </a:lnTo>
                  <a:lnTo>
                    <a:pt x="1992" y="11069"/>
                  </a:lnTo>
                  <a:lnTo>
                    <a:pt x="1899" y="9958"/>
                  </a:lnTo>
                  <a:lnTo>
                    <a:pt x="1807" y="9402"/>
                  </a:lnTo>
                  <a:lnTo>
                    <a:pt x="1714" y="8893"/>
                  </a:lnTo>
                  <a:lnTo>
                    <a:pt x="1529" y="8383"/>
                  </a:lnTo>
                  <a:lnTo>
                    <a:pt x="1344" y="7874"/>
                  </a:lnTo>
                  <a:lnTo>
                    <a:pt x="1066" y="7364"/>
                  </a:lnTo>
                  <a:lnTo>
                    <a:pt x="742" y="6901"/>
                  </a:lnTo>
                  <a:lnTo>
                    <a:pt x="649" y="6809"/>
                  </a:lnTo>
                  <a:lnTo>
                    <a:pt x="556" y="6762"/>
                  </a:lnTo>
                  <a:lnTo>
                    <a:pt x="417" y="6762"/>
                  </a:lnTo>
                  <a:lnTo>
                    <a:pt x="279" y="6809"/>
                  </a:lnTo>
                  <a:lnTo>
                    <a:pt x="186" y="6855"/>
                  </a:lnTo>
                  <a:lnTo>
                    <a:pt x="93" y="6948"/>
                  </a:lnTo>
                  <a:lnTo>
                    <a:pt x="47" y="7087"/>
                  </a:lnTo>
                  <a:lnTo>
                    <a:pt x="1" y="7179"/>
                  </a:lnTo>
                  <a:lnTo>
                    <a:pt x="47" y="8430"/>
                  </a:lnTo>
                  <a:lnTo>
                    <a:pt x="140" y="9634"/>
                  </a:lnTo>
                  <a:lnTo>
                    <a:pt x="232" y="10838"/>
                  </a:lnTo>
                  <a:lnTo>
                    <a:pt x="325" y="12088"/>
                  </a:lnTo>
                  <a:lnTo>
                    <a:pt x="371" y="13153"/>
                  </a:lnTo>
                  <a:lnTo>
                    <a:pt x="464" y="14265"/>
                  </a:lnTo>
                  <a:lnTo>
                    <a:pt x="510" y="15284"/>
                  </a:lnTo>
                  <a:lnTo>
                    <a:pt x="603" y="16256"/>
                  </a:lnTo>
                  <a:lnTo>
                    <a:pt x="742" y="17275"/>
                  </a:lnTo>
                  <a:lnTo>
                    <a:pt x="834" y="17738"/>
                  </a:lnTo>
                  <a:lnTo>
                    <a:pt x="973" y="18201"/>
                  </a:lnTo>
                  <a:lnTo>
                    <a:pt x="1066" y="18572"/>
                  </a:lnTo>
                  <a:lnTo>
                    <a:pt x="1205" y="18896"/>
                  </a:lnTo>
                  <a:lnTo>
                    <a:pt x="1575" y="19498"/>
                  </a:lnTo>
                  <a:lnTo>
                    <a:pt x="2038" y="20054"/>
                  </a:lnTo>
                  <a:lnTo>
                    <a:pt x="2270" y="20332"/>
                  </a:lnTo>
                  <a:lnTo>
                    <a:pt x="2548" y="20563"/>
                  </a:lnTo>
                  <a:lnTo>
                    <a:pt x="2826" y="20749"/>
                  </a:lnTo>
                  <a:lnTo>
                    <a:pt x="3104" y="20934"/>
                  </a:lnTo>
                  <a:lnTo>
                    <a:pt x="3428" y="21073"/>
                  </a:lnTo>
                  <a:lnTo>
                    <a:pt x="3752" y="21165"/>
                  </a:lnTo>
                  <a:lnTo>
                    <a:pt x="4076" y="21258"/>
                  </a:lnTo>
                  <a:lnTo>
                    <a:pt x="4771" y="21258"/>
                  </a:lnTo>
                  <a:lnTo>
                    <a:pt x="5095" y="21212"/>
                  </a:lnTo>
                  <a:lnTo>
                    <a:pt x="5141" y="23388"/>
                  </a:lnTo>
                  <a:lnTo>
                    <a:pt x="5141" y="25519"/>
                  </a:lnTo>
                  <a:lnTo>
                    <a:pt x="5188" y="29872"/>
                  </a:lnTo>
                  <a:lnTo>
                    <a:pt x="5188" y="32049"/>
                  </a:lnTo>
                  <a:lnTo>
                    <a:pt x="5234" y="34179"/>
                  </a:lnTo>
                  <a:lnTo>
                    <a:pt x="5327" y="36356"/>
                  </a:lnTo>
                  <a:lnTo>
                    <a:pt x="5466" y="38533"/>
                  </a:lnTo>
                  <a:lnTo>
                    <a:pt x="5512" y="38672"/>
                  </a:lnTo>
                  <a:lnTo>
                    <a:pt x="5558" y="38857"/>
                  </a:lnTo>
                  <a:lnTo>
                    <a:pt x="5697" y="38949"/>
                  </a:lnTo>
                  <a:lnTo>
                    <a:pt x="5836" y="39088"/>
                  </a:lnTo>
                  <a:lnTo>
                    <a:pt x="6021" y="39135"/>
                  </a:lnTo>
                  <a:lnTo>
                    <a:pt x="6207" y="39227"/>
                  </a:lnTo>
                  <a:lnTo>
                    <a:pt x="6577" y="39274"/>
                  </a:lnTo>
                  <a:lnTo>
                    <a:pt x="6994" y="39227"/>
                  </a:lnTo>
                  <a:lnTo>
                    <a:pt x="7179" y="39135"/>
                  </a:lnTo>
                  <a:lnTo>
                    <a:pt x="7318" y="39088"/>
                  </a:lnTo>
                  <a:lnTo>
                    <a:pt x="7457" y="38949"/>
                  </a:lnTo>
                  <a:lnTo>
                    <a:pt x="7596" y="38857"/>
                  </a:lnTo>
                  <a:lnTo>
                    <a:pt x="7642" y="38718"/>
                  </a:lnTo>
                  <a:lnTo>
                    <a:pt x="7689" y="38533"/>
                  </a:lnTo>
                  <a:lnTo>
                    <a:pt x="7689" y="36587"/>
                  </a:lnTo>
                  <a:lnTo>
                    <a:pt x="7596" y="34642"/>
                  </a:lnTo>
                  <a:lnTo>
                    <a:pt x="7411" y="30798"/>
                  </a:lnTo>
                  <a:lnTo>
                    <a:pt x="7179" y="26955"/>
                  </a:lnTo>
                  <a:lnTo>
                    <a:pt x="6948" y="23111"/>
                  </a:lnTo>
                  <a:lnTo>
                    <a:pt x="6948" y="23111"/>
                  </a:lnTo>
                  <a:lnTo>
                    <a:pt x="7225" y="23157"/>
                  </a:lnTo>
                  <a:lnTo>
                    <a:pt x="7828" y="23157"/>
                  </a:lnTo>
                  <a:lnTo>
                    <a:pt x="8152" y="23111"/>
                  </a:lnTo>
                  <a:lnTo>
                    <a:pt x="8430" y="23018"/>
                  </a:lnTo>
                  <a:lnTo>
                    <a:pt x="8707" y="22879"/>
                  </a:lnTo>
                  <a:lnTo>
                    <a:pt x="9217" y="22555"/>
                  </a:lnTo>
                  <a:lnTo>
                    <a:pt x="9726" y="22184"/>
                  </a:lnTo>
                  <a:lnTo>
                    <a:pt x="10143" y="21721"/>
                  </a:lnTo>
                  <a:lnTo>
                    <a:pt x="10514" y="21165"/>
                  </a:lnTo>
                  <a:lnTo>
                    <a:pt x="10792" y="20656"/>
                  </a:lnTo>
                  <a:lnTo>
                    <a:pt x="11116" y="19730"/>
                  </a:lnTo>
                  <a:lnTo>
                    <a:pt x="11394" y="18757"/>
                  </a:lnTo>
                  <a:lnTo>
                    <a:pt x="11579" y="17785"/>
                  </a:lnTo>
                  <a:lnTo>
                    <a:pt x="11671" y="16766"/>
                  </a:lnTo>
                  <a:lnTo>
                    <a:pt x="11671" y="15747"/>
                  </a:lnTo>
                  <a:lnTo>
                    <a:pt x="11625" y="15237"/>
                  </a:lnTo>
                  <a:lnTo>
                    <a:pt x="11533" y="14728"/>
                  </a:lnTo>
                  <a:lnTo>
                    <a:pt x="11440" y="14265"/>
                  </a:lnTo>
                  <a:lnTo>
                    <a:pt x="11301" y="13755"/>
                  </a:lnTo>
                  <a:lnTo>
                    <a:pt x="11162" y="13339"/>
                  </a:lnTo>
                  <a:lnTo>
                    <a:pt x="10977" y="12876"/>
                  </a:lnTo>
                  <a:lnTo>
                    <a:pt x="10884" y="12783"/>
                  </a:lnTo>
                  <a:lnTo>
                    <a:pt x="10792" y="12690"/>
                  </a:lnTo>
                  <a:lnTo>
                    <a:pt x="10653" y="12644"/>
                  </a:lnTo>
                  <a:lnTo>
                    <a:pt x="10560" y="12690"/>
                  </a:lnTo>
                  <a:lnTo>
                    <a:pt x="10421" y="12690"/>
                  </a:lnTo>
                  <a:lnTo>
                    <a:pt x="10328" y="12783"/>
                  </a:lnTo>
                  <a:lnTo>
                    <a:pt x="10236" y="12876"/>
                  </a:lnTo>
                  <a:lnTo>
                    <a:pt x="10189" y="12968"/>
                  </a:lnTo>
                  <a:lnTo>
                    <a:pt x="10004" y="13524"/>
                  </a:lnTo>
                  <a:lnTo>
                    <a:pt x="9912" y="14033"/>
                  </a:lnTo>
                  <a:lnTo>
                    <a:pt x="9726" y="15099"/>
                  </a:lnTo>
                  <a:lnTo>
                    <a:pt x="9448" y="17229"/>
                  </a:lnTo>
                  <a:lnTo>
                    <a:pt x="9263" y="18433"/>
                  </a:lnTo>
                  <a:lnTo>
                    <a:pt x="9078" y="19128"/>
                  </a:lnTo>
                  <a:lnTo>
                    <a:pt x="8846" y="19822"/>
                  </a:lnTo>
                  <a:lnTo>
                    <a:pt x="8707" y="20054"/>
                  </a:lnTo>
                  <a:lnTo>
                    <a:pt x="8569" y="20286"/>
                  </a:lnTo>
                  <a:lnTo>
                    <a:pt x="8383" y="20471"/>
                  </a:lnTo>
                  <a:lnTo>
                    <a:pt x="8198" y="20610"/>
                  </a:lnTo>
                  <a:lnTo>
                    <a:pt x="7920" y="20702"/>
                  </a:lnTo>
                  <a:lnTo>
                    <a:pt x="7689" y="20749"/>
                  </a:lnTo>
                  <a:lnTo>
                    <a:pt x="7364" y="20749"/>
                  </a:lnTo>
                  <a:lnTo>
                    <a:pt x="6994" y="20702"/>
                  </a:lnTo>
                  <a:lnTo>
                    <a:pt x="6855" y="20656"/>
                  </a:lnTo>
                  <a:lnTo>
                    <a:pt x="6809" y="18850"/>
                  </a:lnTo>
                  <a:lnTo>
                    <a:pt x="6809" y="17877"/>
                  </a:lnTo>
                  <a:lnTo>
                    <a:pt x="7225" y="17831"/>
                  </a:lnTo>
                  <a:lnTo>
                    <a:pt x="7550" y="17738"/>
                  </a:lnTo>
                  <a:lnTo>
                    <a:pt x="7874" y="17599"/>
                  </a:lnTo>
                  <a:lnTo>
                    <a:pt x="8105" y="17414"/>
                  </a:lnTo>
                  <a:lnTo>
                    <a:pt x="8337" y="17229"/>
                  </a:lnTo>
                  <a:lnTo>
                    <a:pt x="8476" y="17044"/>
                  </a:lnTo>
                  <a:lnTo>
                    <a:pt x="8615" y="16812"/>
                  </a:lnTo>
                  <a:lnTo>
                    <a:pt x="8754" y="16534"/>
                  </a:lnTo>
                  <a:lnTo>
                    <a:pt x="8893" y="16349"/>
                  </a:lnTo>
                  <a:lnTo>
                    <a:pt x="9032" y="16117"/>
                  </a:lnTo>
                  <a:lnTo>
                    <a:pt x="9217" y="15562"/>
                  </a:lnTo>
                  <a:lnTo>
                    <a:pt x="9356" y="15006"/>
                  </a:lnTo>
                  <a:lnTo>
                    <a:pt x="9402" y="14404"/>
                  </a:lnTo>
                  <a:lnTo>
                    <a:pt x="9448" y="13061"/>
                  </a:lnTo>
                  <a:lnTo>
                    <a:pt x="9819" y="11394"/>
                  </a:lnTo>
                  <a:lnTo>
                    <a:pt x="9912" y="10560"/>
                  </a:lnTo>
                  <a:lnTo>
                    <a:pt x="10004" y="9726"/>
                  </a:lnTo>
                  <a:lnTo>
                    <a:pt x="10004" y="8893"/>
                  </a:lnTo>
                  <a:lnTo>
                    <a:pt x="9912" y="8059"/>
                  </a:lnTo>
                  <a:lnTo>
                    <a:pt x="9819" y="7642"/>
                  </a:lnTo>
                  <a:lnTo>
                    <a:pt x="9726" y="7225"/>
                  </a:lnTo>
                  <a:lnTo>
                    <a:pt x="9541" y="6809"/>
                  </a:lnTo>
                  <a:lnTo>
                    <a:pt x="9356" y="6392"/>
                  </a:lnTo>
                  <a:lnTo>
                    <a:pt x="9263" y="6299"/>
                  </a:lnTo>
                  <a:lnTo>
                    <a:pt x="9171" y="6207"/>
                  </a:lnTo>
                  <a:lnTo>
                    <a:pt x="8939" y="6207"/>
                  </a:lnTo>
                  <a:lnTo>
                    <a:pt x="8846" y="6253"/>
                  </a:lnTo>
                  <a:lnTo>
                    <a:pt x="8707" y="6299"/>
                  </a:lnTo>
                  <a:lnTo>
                    <a:pt x="8661" y="6392"/>
                  </a:lnTo>
                  <a:lnTo>
                    <a:pt x="8569" y="6531"/>
                  </a:lnTo>
                  <a:lnTo>
                    <a:pt x="8383" y="7179"/>
                  </a:lnTo>
                  <a:lnTo>
                    <a:pt x="8198" y="7920"/>
                  </a:lnTo>
                  <a:lnTo>
                    <a:pt x="8059" y="8661"/>
                  </a:lnTo>
                  <a:lnTo>
                    <a:pt x="7966" y="9448"/>
                  </a:lnTo>
                  <a:lnTo>
                    <a:pt x="7828" y="10977"/>
                  </a:lnTo>
                  <a:lnTo>
                    <a:pt x="7735" y="12459"/>
                  </a:lnTo>
                  <a:lnTo>
                    <a:pt x="7689" y="13014"/>
                  </a:lnTo>
                  <a:lnTo>
                    <a:pt x="7735" y="13570"/>
                  </a:lnTo>
                  <a:lnTo>
                    <a:pt x="7735" y="14126"/>
                  </a:lnTo>
                  <a:lnTo>
                    <a:pt x="7735" y="14404"/>
                  </a:lnTo>
                  <a:lnTo>
                    <a:pt x="7689" y="14682"/>
                  </a:lnTo>
                  <a:lnTo>
                    <a:pt x="7550" y="15099"/>
                  </a:lnTo>
                  <a:lnTo>
                    <a:pt x="7318" y="15423"/>
                  </a:lnTo>
                  <a:lnTo>
                    <a:pt x="7087" y="15654"/>
                  </a:lnTo>
                  <a:lnTo>
                    <a:pt x="6809" y="15886"/>
                  </a:lnTo>
                  <a:lnTo>
                    <a:pt x="6809" y="12551"/>
                  </a:lnTo>
                  <a:lnTo>
                    <a:pt x="6855" y="9263"/>
                  </a:lnTo>
                  <a:lnTo>
                    <a:pt x="6948" y="6670"/>
                  </a:lnTo>
                  <a:lnTo>
                    <a:pt x="7087" y="4076"/>
                  </a:lnTo>
                  <a:lnTo>
                    <a:pt x="7133" y="3057"/>
                  </a:lnTo>
                  <a:lnTo>
                    <a:pt x="7179" y="2548"/>
                  </a:lnTo>
                  <a:lnTo>
                    <a:pt x="7133" y="2038"/>
                  </a:lnTo>
                  <a:lnTo>
                    <a:pt x="7087" y="1529"/>
                  </a:lnTo>
                  <a:lnTo>
                    <a:pt x="6994" y="1066"/>
                  </a:lnTo>
                  <a:lnTo>
                    <a:pt x="6809" y="603"/>
                  </a:lnTo>
                  <a:lnTo>
                    <a:pt x="6531" y="140"/>
                  </a:lnTo>
                  <a:lnTo>
                    <a:pt x="6438" y="47"/>
                  </a:lnTo>
                  <a:lnTo>
                    <a:pt x="6253" y="1"/>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375" name="Google Shape;375;p26"/>
            <p:cNvSpPr/>
            <p:nvPr/>
          </p:nvSpPr>
          <p:spPr>
            <a:xfrm>
              <a:off x="144025" y="3716538"/>
              <a:ext cx="462000" cy="1352350"/>
            </a:xfrm>
            <a:custGeom>
              <a:avLst/>
              <a:gdLst/>
              <a:ahLst/>
              <a:cxnLst/>
              <a:rect l="l" t="t" r="r" b="b"/>
              <a:pathLst>
                <a:path w="18480" h="54094" extrusionOk="0">
                  <a:moveTo>
                    <a:pt x="2177" y="27464"/>
                  </a:moveTo>
                  <a:lnTo>
                    <a:pt x="2363" y="27973"/>
                  </a:lnTo>
                  <a:lnTo>
                    <a:pt x="2594" y="28436"/>
                  </a:lnTo>
                  <a:lnTo>
                    <a:pt x="2872" y="28853"/>
                  </a:lnTo>
                  <a:lnTo>
                    <a:pt x="3243" y="29224"/>
                  </a:lnTo>
                  <a:lnTo>
                    <a:pt x="3613" y="29548"/>
                  </a:lnTo>
                  <a:lnTo>
                    <a:pt x="4122" y="29779"/>
                  </a:lnTo>
                  <a:lnTo>
                    <a:pt x="4632" y="30011"/>
                  </a:lnTo>
                  <a:lnTo>
                    <a:pt x="5188" y="30196"/>
                  </a:lnTo>
                  <a:lnTo>
                    <a:pt x="5327" y="31539"/>
                  </a:lnTo>
                  <a:lnTo>
                    <a:pt x="4863" y="31493"/>
                  </a:lnTo>
                  <a:lnTo>
                    <a:pt x="4447" y="31400"/>
                  </a:lnTo>
                  <a:lnTo>
                    <a:pt x="3984" y="31261"/>
                  </a:lnTo>
                  <a:lnTo>
                    <a:pt x="3613" y="31076"/>
                  </a:lnTo>
                  <a:lnTo>
                    <a:pt x="3243" y="30845"/>
                  </a:lnTo>
                  <a:lnTo>
                    <a:pt x="2918" y="30613"/>
                  </a:lnTo>
                  <a:lnTo>
                    <a:pt x="2687" y="30335"/>
                  </a:lnTo>
                  <a:lnTo>
                    <a:pt x="2502" y="30011"/>
                  </a:lnTo>
                  <a:lnTo>
                    <a:pt x="2409" y="29733"/>
                  </a:lnTo>
                  <a:lnTo>
                    <a:pt x="2316" y="29455"/>
                  </a:lnTo>
                  <a:lnTo>
                    <a:pt x="2224" y="28807"/>
                  </a:lnTo>
                  <a:lnTo>
                    <a:pt x="2224" y="28158"/>
                  </a:lnTo>
                  <a:lnTo>
                    <a:pt x="2177" y="27464"/>
                  </a:lnTo>
                  <a:close/>
                  <a:moveTo>
                    <a:pt x="7457" y="1"/>
                  </a:moveTo>
                  <a:lnTo>
                    <a:pt x="7179" y="47"/>
                  </a:lnTo>
                  <a:lnTo>
                    <a:pt x="6901" y="140"/>
                  </a:lnTo>
                  <a:lnTo>
                    <a:pt x="6670" y="278"/>
                  </a:lnTo>
                  <a:lnTo>
                    <a:pt x="6484" y="510"/>
                  </a:lnTo>
                  <a:lnTo>
                    <a:pt x="6299" y="881"/>
                  </a:lnTo>
                  <a:lnTo>
                    <a:pt x="6114" y="1251"/>
                  </a:lnTo>
                  <a:lnTo>
                    <a:pt x="5882" y="2038"/>
                  </a:lnTo>
                  <a:lnTo>
                    <a:pt x="5697" y="2826"/>
                  </a:lnTo>
                  <a:lnTo>
                    <a:pt x="5604" y="3613"/>
                  </a:lnTo>
                  <a:lnTo>
                    <a:pt x="5558" y="4400"/>
                  </a:lnTo>
                  <a:lnTo>
                    <a:pt x="5558" y="5234"/>
                  </a:lnTo>
                  <a:lnTo>
                    <a:pt x="5558" y="6901"/>
                  </a:lnTo>
                  <a:lnTo>
                    <a:pt x="5558" y="10004"/>
                  </a:lnTo>
                  <a:lnTo>
                    <a:pt x="5604" y="13107"/>
                  </a:lnTo>
                  <a:lnTo>
                    <a:pt x="5651" y="14913"/>
                  </a:lnTo>
                  <a:lnTo>
                    <a:pt x="5604" y="16719"/>
                  </a:lnTo>
                  <a:lnTo>
                    <a:pt x="5558" y="18479"/>
                  </a:lnTo>
                  <a:lnTo>
                    <a:pt x="5466" y="19405"/>
                  </a:lnTo>
                  <a:lnTo>
                    <a:pt x="5327" y="20285"/>
                  </a:lnTo>
                  <a:lnTo>
                    <a:pt x="5095" y="21860"/>
                  </a:lnTo>
                  <a:lnTo>
                    <a:pt x="4817" y="23388"/>
                  </a:lnTo>
                  <a:lnTo>
                    <a:pt x="4771" y="24176"/>
                  </a:lnTo>
                  <a:lnTo>
                    <a:pt x="4725" y="24963"/>
                  </a:lnTo>
                  <a:lnTo>
                    <a:pt x="4725" y="25750"/>
                  </a:lnTo>
                  <a:lnTo>
                    <a:pt x="4817" y="26538"/>
                  </a:lnTo>
                  <a:lnTo>
                    <a:pt x="4910" y="27603"/>
                  </a:lnTo>
                  <a:lnTo>
                    <a:pt x="4539" y="27047"/>
                  </a:lnTo>
                  <a:lnTo>
                    <a:pt x="4261" y="26445"/>
                  </a:lnTo>
                  <a:lnTo>
                    <a:pt x="4030" y="25797"/>
                  </a:lnTo>
                  <a:lnTo>
                    <a:pt x="3891" y="25195"/>
                  </a:lnTo>
                  <a:lnTo>
                    <a:pt x="3845" y="24546"/>
                  </a:lnTo>
                  <a:lnTo>
                    <a:pt x="3798" y="23851"/>
                  </a:lnTo>
                  <a:lnTo>
                    <a:pt x="3845" y="22416"/>
                  </a:lnTo>
                  <a:lnTo>
                    <a:pt x="3798" y="21721"/>
                  </a:lnTo>
                  <a:lnTo>
                    <a:pt x="3752" y="21397"/>
                  </a:lnTo>
                  <a:lnTo>
                    <a:pt x="3659" y="21073"/>
                  </a:lnTo>
                  <a:lnTo>
                    <a:pt x="3567" y="20795"/>
                  </a:lnTo>
                  <a:lnTo>
                    <a:pt x="3428" y="20517"/>
                  </a:lnTo>
                  <a:lnTo>
                    <a:pt x="3243" y="20285"/>
                  </a:lnTo>
                  <a:lnTo>
                    <a:pt x="3011" y="20054"/>
                  </a:lnTo>
                  <a:lnTo>
                    <a:pt x="2965" y="20008"/>
                  </a:lnTo>
                  <a:lnTo>
                    <a:pt x="2872" y="20054"/>
                  </a:lnTo>
                  <a:lnTo>
                    <a:pt x="2502" y="20332"/>
                  </a:lnTo>
                  <a:lnTo>
                    <a:pt x="2224" y="20656"/>
                  </a:lnTo>
                  <a:lnTo>
                    <a:pt x="1992" y="21026"/>
                  </a:lnTo>
                  <a:lnTo>
                    <a:pt x="1853" y="21490"/>
                  </a:lnTo>
                  <a:lnTo>
                    <a:pt x="1761" y="21953"/>
                  </a:lnTo>
                  <a:lnTo>
                    <a:pt x="1714" y="22416"/>
                  </a:lnTo>
                  <a:lnTo>
                    <a:pt x="1668" y="22925"/>
                  </a:lnTo>
                  <a:lnTo>
                    <a:pt x="1668" y="23435"/>
                  </a:lnTo>
                  <a:lnTo>
                    <a:pt x="1483" y="22694"/>
                  </a:lnTo>
                  <a:lnTo>
                    <a:pt x="1297" y="21953"/>
                  </a:lnTo>
                  <a:lnTo>
                    <a:pt x="1020" y="21212"/>
                  </a:lnTo>
                  <a:lnTo>
                    <a:pt x="742" y="20424"/>
                  </a:lnTo>
                  <a:lnTo>
                    <a:pt x="695" y="20378"/>
                  </a:lnTo>
                  <a:lnTo>
                    <a:pt x="603" y="20424"/>
                  </a:lnTo>
                  <a:lnTo>
                    <a:pt x="371" y="21397"/>
                  </a:lnTo>
                  <a:lnTo>
                    <a:pt x="232" y="22323"/>
                  </a:lnTo>
                  <a:lnTo>
                    <a:pt x="93" y="23296"/>
                  </a:lnTo>
                  <a:lnTo>
                    <a:pt x="1" y="24268"/>
                  </a:lnTo>
                  <a:lnTo>
                    <a:pt x="1" y="25195"/>
                  </a:lnTo>
                  <a:lnTo>
                    <a:pt x="1" y="26167"/>
                  </a:lnTo>
                  <a:lnTo>
                    <a:pt x="47" y="28158"/>
                  </a:lnTo>
                  <a:lnTo>
                    <a:pt x="140" y="28853"/>
                  </a:lnTo>
                  <a:lnTo>
                    <a:pt x="186" y="29455"/>
                  </a:lnTo>
                  <a:lnTo>
                    <a:pt x="325" y="30057"/>
                  </a:lnTo>
                  <a:lnTo>
                    <a:pt x="510" y="30567"/>
                  </a:lnTo>
                  <a:lnTo>
                    <a:pt x="788" y="31030"/>
                  </a:lnTo>
                  <a:lnTo>
                    <a:pt x="1112" y="31493"/>
                  </a:lnTo>
                  <a:lnTo>
                    <a:pt x="1575" y="31863"/>
                  </a:lnTo>
                  <a:lnTo>
                    <a:pt x="2177" y="32234"/>
                  </a:lnTo>
                  <a:lnTo>
                    <a:pt x="2548" y="32419"/>
                  </a:lnTo>
                  <a:lnTo>
                    <a:pt x="2918" y="32604"/>
                  </a:lnTo>
                  <a:lnTo>
                    <a:pt x="3752" y="32836"/>
                  </a:lnTo>
                  <a:lnTo>
                    <a:pt x="4586" y="33021"/>
                  </a:lnTo>
                  <a:lnTo>
                    <a:pt x="5002" y="33068"/>
                  </a:lnTo>
                  <a:lnTo>
                    <a:pt x="5419" y="33068"/>
                  </a:lnTo>
                  <a:lnTo>
                    <a:pt x="5466" y="34503"/>
                  </a:lnTo>
                  <a:lnTo>
                    <a:pt x="5466" y="35985"/>
                  </a:lnTo>
                  <a:lnTo>
                    <a:pt x="5466" y="37514"/>
                  </a:lnTo>
                  <a:lnTo>
                    <a:pt x="5419" y="39042"/>
                  </a:lnTo>
                  <a:lnTo>
                    <a:pt x="5141" y="45711"/>
                  </a:lnTo>
                  <a:lnTo>
                    <a:pt x="5002" y="47517"/>
                  </a:lnTo>
                  <a:lnTo>
                    <a:pt x="4863" y="49370"/>
                  </a:lnTo>
                  <a:lnTo>
                    <a:pt x="4863" y="50249"/>
                  </a:lnTo>
                  <a:lnTo>
                    <a:pt x="4863" y="51176"/>
                  </a:lnTo>
                  <a:lnTo>
                    <a:pt x="4863" y="52056"/>
                  </a:lnTo>
                  <a:lnTo>
                    <a:pt x="5002" y="52936"/>
                  </a:lnTo>
                  <a:lnTo>
                    <a:pt x="5095" y="53260"/>
                  </a:lnTo>
                  <a:lnTo>
                    <a:pt x="5234" y="53538"/>
                  </a:lnTo>
                  <a:lnTo>
                    <a:pt x="5419" y="53769"/>
                  </a:lnTo>
                  <a:lnTo>
                    <a:pt x="5697" y="53908"/>
                  </a:lnTo>
                  <a:lnTo>
                    <a:pt x="5975" y="54001"/>
                  </a:lnTo>
                  <a:lnTo>
                    <a:pt x="6299" y="54093"/>
                  </a:lnTo>
                  <a:lnTo>
                    <a:pt x="6948" y="54093"/>
                  </a:lnTo>
                  <a:lnTo>
                    <a:pt x="7272" y="54047"/>
                  </a:lnTo>
                  <a:lnTo>
                    <a:pt x="7596" y="53954"/>
                  </a:lnTo>
                  <a:lnTo>
                    <a:pt x="7874" y="53816"/>
                  </a:lnTo>
                  <a:lnTo>
                    <a:pt x="8105" y="53677"/>
                  </a:lnTo>
                  <a:lnTo>
                    <a:pt x="8337" y="53538"/>
                  </a:lnTo>
                  <a:lnTo>
                    <a:pt x="8476" y="53352"/>
                  </a:lnTo>
                  <a:lnTo>
                    <a:pt x="8568" y="53121"/>
                  </a:lnTo>
                  <a:lnTo>
                    <a:pt x="8568" y="52936"/>
                  </a:lnTo>
                  <a:lnTo>
                    <a:pt x="8754" y="52102"/>
                  </a:lnTo>
                  <a:lnTo>
                    <a:pt x="8939" y="51315"/>
                  </a:lnTo>
                  <a:lnTo>
                    <a:pt x="9171" y="49647"/>
                  </a:lnTo>
                  <a:lnTo>
                    <a:pt x="9310" y="47980"/>
                  </a:lnTo>
                  <a:lnTo>
                    <a:pt x="9356" y="46267"/>
                  </a:lnTo>
                  <a:lnTo>
                    <a:pt x="9402" y="42840"/>
                  </a:lnTo>
                  <a:lnTo>
                    <a:pt x="9448" y="41172"/>
                  </a:lnTo>
                  <a:lnTo>
                    <a:pt x="9495" y="39551"/>
                  </a:lnTo>
                  <a:lnTo>
                    <a:pt x="9541" y="38255"/>
                  </a:lnTo>
                  <a:lnTo>
                    <a:pt x="10282" y="38255"/>
                  </a:lnTo>
                  <a:lnTo>
                    <a:pt x="10699" y="38162"/>
                  </a:lnTo>
                  <a:lnTo>
                    <a:pt x="11162" y="38069"/>
                  </a:lnTo>
                  <a:lnTo>
                    <a:pt x="11579" y="37977"/>
                  </a:lnTo>
                  <a:lnTo>
                    <a:pt x="11996" y="37838"/>
                  </a:lnTo>
                  <a:lnTo>
                    <a:pt x="12366" y="37653"/>
                  </a:lnTo>
                  <a:lnTo>
                    <a:pt x="12737" y="37467"/>
                  </a:lnTo>
                  <a:lnTo>
                    <a:pt x="13107" y="37236"/>
                  </a:lnTo>
                  <a:lnTo>
                    <a:pt x="13478" y="36958"/>
                  </a:lnTo>
                  <a:lnTo>
                    <a:pt x="13802" y="36726"/>
                  </a:lnTo>
                  <a:lnTo>
                    <a:pt x="14080" y="36402"/>
                  </a:lnTo>
                  <a:lnTo>
                    <a:pt x="14358" y="36078"/>
                  </a:lnTo>
                  <a:lnTo>
                    <a:pt x="14635" y="35754"/>
                  </a:lnTo>
                  <a:lnTo>
                    <a:pt x="14867" y="35383"/>
                  </a:lnTo>
                  <a:lnTo>
                    <a:pt x="15099" y="34966"/>
                  </a:lnTo>
                  <a:lnTo>
                    <a:pt x="15284" y="34550"/>
                  </a:lnTo>
                  <a:lnTo>
                    <a:pt x="15562" y="33901"/>
                  </a:lnTo>
                  <a:lnTo>
                    <a:pt x="15840" y="33207"/>
                  </a:lnTo>
                  <a:lnTo>
                    <a:pt x="16303" y="31863"/>
                  </a:lnTo>
                  <a:lnTo>
                    <a:pt x="17136" y="29085"/>
                  </a:lnTo>
                  <a:lnTo>
                    <a:pt x="17553" y="27788"/>
                  </a:lnTo>
                  <a:lnTo>
                    <a:pt x="17970" y="26538"/>
                  </a:lnTo>
                  <a:lnTo>
                    <a:pt x="18155" y="25889"/>
                  </a:lnTo>
                  <a:lnTo>
                    <a:pt x="18294" y="25241"/>
                  </a:lnTo>
                  <a:lnTo>
                    <a:pt x="18433" y="24592"/>
                  </a:lnTo>
                  <a:lnTo>
                    <a:pt x="18479" y="23898"/>
                  </a:lnTo>
                  <a:lnTo>
                    <a:pt x="18479" y="23620"/>
                  </a:lnTo>
                  <a:lnTo>
                    <a:pt x="18433" y="23157"/>
                  </a:lnTo>
                  <a:lnTo>
                    <a:pt x="18340" y="22601"/>
                  </a:lnTo>
                  <a:lnTo>
                    <a:pt x="18202" y="21999"/>
                  </a:lnTo>
                  <a:lnTo>
                    <a:pt x="17970" y="21443"/>
                  </a:lnTo>
                  <a:lnTo>
                    <a:pt x="17831" y="21212"/>
                  </a:lnTo>
                  <a:lnTo>
                    <a:pt x="17692" y="21026"/>
                  </a:lnTo>
                  <a:lnTo>
                    <a:pt x="17507" y="20887"/>
                  </a:lnTo>
                  <a:lnTo>
                    <a:pt x="17322" y="20795"/>
                  </a:lnTo>
                  <a:lnTo>
                    <a:pt x="17090" y="20841"/>
                  </a:lnTo>
                  <a:lnTo>
                    <a:pt x="16858" y="20934"/>
                  </a:lnTo>
                  <a:lnTo>
                    <a:pt x="16442" y="21212"/>
                  </a:lnTo>
                  <a:lnTo>
                    <a:pt x="16117" y="21490"/>
                  </a:lnTo>
                  <a:lnTo>
                    <a:pt x="15886" y="21767"/>
                  </a:lnTo>
                  <a:lnTo>
                    <a:pt x="15701" y="22092"/>
                  </a:lnTo>
                  <a:lnTo>
                    <a:pt x="15515" y="22416"/>
                  </a:lnTo>
                  <a:lnTo>
                    <a:pt x="15423" y="22833"/>
                  </a:lnTo>
                  <a:lnTo>
                    <a:pt x="15191" y="23759"/>
                  </a:lnTo>
                  <a:lnTo>
                    <a:pt x="14821" y="25195"/>
                  </a:lnTo>
                  <a:lnTo>
                    <a:pt x="14404" y="26630"/>
                  </a:lnTo>
                  <a:lnTo>
                    <a:pt x="13524" y="29502"/>
                  </a:lnTo>
                  <a:lnTo>
                    <a:pt x="12876" y="31771"/>
                  </a:lnTo>
                  <a:lnTo>
                    <a:pt x="12505" y="32882"/>
                  </a:lnTo>
                  <a:lnTo>
                    <a:pt x="12274" y="33438"/>
                  </a:lnTo>
                  <a:lnTo>
                    <a:pt x="12042" y="33994"/>
                  </a:lnTo>
                  <a:lnTo>
                    <a:pt x="11857" y="34411"/>
                  </a:lnTo>
                  <a:lnTo>
                    <a:pt x="11579" y="34781"/>
                  </a:lnTo>
                  <a:lnTo>
                    <a:pt x="11347" y="35105"/>
                  </a:lnTo>
                  <a:lnTo>
                    <a:pt x="11069" y="35337"/>
                  </a:lnTo>
                  <a:lnTo>
                    <a:pt x="10745" y="35568"/>
                  </a:lnTo>
                  <a:lnTo>
                    <a:pt x="10375" y="35707"/>
                  </a:lnTo>
                  <a:lnTo>
                    <a:pt x="10004" y="35846"/>
                  </a:lnTo>
                  <a:lnTo>
                    <a:pt x="9587" y="35939"/>
                  </a:lnTo>
                  <a:lnTo>
                    <a:pt x="9587" y="33716"/>
                  </a:lnTo>
                  <a:lnTo>
                    <a:pt x="9495" y="31493"/>
                  </a:lnTo>
                  <a:lnTo>
                    <a:pt x="9310" y="29270"/>
                  </a:lnTo>
                  <a:lnTo>
                    <a:pt x="9078" y="27047"/>
                  </a:lnTo>
                  <a:lnTo>
                    <a:pt x="8985" y="26213"/>
                  </a:lnTo>
                  <a:lnTo>
                    <a:pt x="8939" y="25426"/>
                  </a:lnTo>
                  <a:lnTo>
                    <a:pt x="8939" y="24639"/>
                  </a:lnTo>
                  <a:lnTo>
                    <a:pt x="8985" y="23898"/>
                  </a:lnTo>
                  <a:lnTo>
                    <a:pt x="9171" y="22369"/>
                  </a:lnTo>
                  <a:lnTo>
                    <a:pt x="9448" y="20749"/>
                  </a:lnTo>
                  <a:lnTo>
                    <a:pt x="9587" y="19915"/>
                  </a:lnTo>
                  <a:lnTo>
                    <a:pt x="9680" y="19128"/>
                  </a:lnTo>
                  <a:lnTo>
                    <a:pt x="9819" y="17460"/>
                  </a:lnTo>
                  <a:lnTo>
                    <a:pt x="9865" y="15793"/>
                  </a:lnTo>
                  <a:lnTo>
                    <a:pt x="9865" y="14126"/>
                  </a:lnTo>
                  <a:lnTo>
                    <a:pt x="9773" y="10513"/>
                  </a:lnTo>
                  <a:lnTo>
                    <a:pt x="9634" y="6901"/>
                  </a:lnTo>
                  <a:lnTo>
                    <a:pt x="9587" y="5234"/>
                  </a:lnTo>
                  <a:lnTo>
                    <a:pt x="9541" y="4400"/>
                  </a:lnTo>
                  <a:lnTo>
                    <a:pt x="9448" y="3613"/>
                  </a:lnTo>
                  <a:lnTo>
                    <a:pt x="9310" y="2779"/>
                  </a:lnTo>
                  <a:lnTo>
                    <a:pt x="9124" y="1992"/>
                  </a:lnTo>
                  <a:lnTo>
                    <a:pt x="8846" y="1251"/>
                  </a:lnTo>
                  <a:lnTo>
                    <a:pt x="8661" y="881"/>
                  </a:lnTo>
                  <a:lnTo>
                    <a:pt x="8430" y="510"/>
                  </a:lnTo>
                  <a:lnTo>
                    <a:pt x="8244" y="278"/>
                  </a:lnTo>
                  <a:lnTo>
                    <a:pt x="8013" y="140"/>
                  </a:lnTo>
                  <a:lnTo>
                    <a:pt x="7735" y="47"/>
                  </a:lnTo>
                  <a:lnTo>
                    <a:pt x="7457" y="1"/>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Tree>
    <p:extLst>
      <p:ext uri="{BB962C8B-B14F-4D97-AF65-F5344CB8AC3E}">
        <p14:creationId xmlns:p14="http://schemas.microsoft.com/office/powerpoint/2010/main" val="1705419629"/>
      </p:ext>
    </p:extLst>
  </p:cSld>
  <p:clrMapOvr>
    <a:masterClrMapping/>
  </p:clrMapOvr>
</p:sldLayout>
</file>

<file path=ppt/slideLayouts/slideLayout109.xml><?xml version="1.0" encoding="utf-8"?>
<p:sldLayout xmlns:a="http://schemas.openxmlformats.org/drawingml/2006/main" xmlns:r="http://schemas.openxmlformats.org/officeDocument/2006/relationships" xmlns:p="http://schemas.openxmlformats.org/presentationml/2006/main" matchingName="Title and two columns 1">
  <p:cSld name="Title and two columns 1">
    <p:spTree>
      <p:nvGrpSpPr>
        <p:cNvPr id="1" name="Shape 376"/>
        <p:cNvGrpSpPr/>
        <p:nvPr/>
      </p:nvGrpSpPr>
      <p:grpSpPr>
        <a:xfrm>
          <a:off x="0" y="0"/>
          <a:ext cx="0" cy="0"/>
          <a:chOff x="0" y="0"/>
          <a:chExt cx="0" cy="0"/>
        </a:xfrm>
      </p:grpSpPr>
      <p:pic>
        <p:nvPicPr>
          <p:cNvPr id="377" name="Google Shape;377;p27"/>
          <p:cNvPicPr preferRelativeResize="0"/>
          <p:nvPr/>
        </p:nvPicPr>
        <p:blipFill rotWithShape="1">
          <a:blip r:embed="rId2">
            <a:alphaModFix amt="58999"/>
          </a:blip>
          <a:srcRect/>
          <a:stretch/>
        </p:blipFill>
        <p:spPr>
          <a:xfrm>
            <a:off x="0" y="0"/>
            <a:ext cx="20320000" cy="11430000"/>
          </a:xfrm>
          <a:prstGeom prst="rect">
            <a:avLst/>
          </a:prstGeom>
          <a:noFill/>
          <a:ln>
            <a:noFill/>
          </a:ln>
        </p:spPr>
      </p:pic>
      <p:grpSp>
        <p:nvGrpSpPr>
          <p:cNvPr id="378" name="Google Shape;378;p27"/>
          <p:cNvGrpSpPr/>
          <p:nvPr/>
        </p:nvGrpSpPr>
        <p:grpSpPr>
          <a:xfrm flipH="1">
            <a:off x="0" y="9948313"/>
            <a:ext cx="20320000" cy="1494107"/>
            <a:chOff x="0" y="4167674"/>
            <a:chExt cx="9144000" cy="981530"/>
          </a:xfrm>
        </p:grpSpPr>
        <p:grpSp>
          <p:nvGrpSpPr>
            <p:cNvPr id="379" name="Google Shape;379;p27"/>
            <p:cNvGrpSpPr/>
            <p:nvPr/>
          </p:nvGrpSpPr>
          <p:grpSpPr>
            <a:xfrm>
              <a:off x="0" y="4167674"/>
              <a:ext cx="9144000" cy="956028"/>
              <a:chOff x="0" y="4472474"/>
              <a:chExt cx="9144000" cy="956028"/>
            </a:xfrm>
          </p:grpSpPr>
          <p:sp>
            <p:nvSpPr>
              <p:cNvPr id="380" name="Google Shape;380;p27"/>
              <p:cNvSpPr/>
              <p:nvPr/>
            </p:nvSpPr>
            <p:spPr>
              <a:xfrm>
                <a:off x="0" y="4472474"/>
                <a:ext cx="9144000" cy="955987"/>
              </a:xfrm>
              <a:custGeom>
                <a:avLst/>
                <a:gdLst/>
                <a:ahLst/>
                <a:cxnLst/>
                <a:rect l="l" t="t" r="r" b="b"/>
                <a:pathLst>
                  <a:path w="285750" h="81326" extrusionOk="0">
                    <a:moveTo>
                      <a:pt x="84150" y="1"/>
                    </a:moveTo>
                    <a:lnTo>
                      <a:pt x="83270" y="47"/>
                    </a:lnTo>
                    <a:lnTo>
                      <a:pt x="82437" y="186"/>
                    </a:lnTo>
                    <a:lnTo>
                      <a:pt x="80723" y="464"/>
                    </a:lnTo>
                    <a:lnTo>
                      <a:pt x="78917" y="835"/>
                    </a:lnTo>
                    <a:lnTo>
                      <a:pt x="77111" y="1205"/>
                    </a:lnTo>
                    <a:lnTo>
                      <a:pt x="75258" y="1668"/>
                    </a:lnTo>
                    <a:lnTo>
                      <a:pt x="73359" y="2178"/>
                    </a:lnTo>
                    <a:lnTo>
                      <a:pt x="71414" y="2687"/>
                    </a:lnTo>
                    <a:lnTo>
                      <a:pt x="67478" y="3845"/>
                    </a:lnTo>
                    <a:lnTo>
                      <a:pt x="63402" y="5095"/>
                    </a:lnTo>
                    <a:lnTo>
                      <a:pt x="59280" y="6438"/>
                    </a:lnTo>
                    <a:lnTo>
                      <a:pt x="51037" y="9217"/>
                    </a:lnTo>
                    <a:lnTo>
                      <a:pt x="46961" y="10606"/>
                    </a:lnTo>
                    <a:lnTo>
                      <a:pt x="42932" y="11950"/>
                    </a:lnTo>
                    <a:lnTo>
                      <a:pt x="39042" y="13154"/>
                    </a:lnTo>
                    <a:lnTo>
                      <a:pt x="35290" y="14265"/>
                    </a:lnTo>
                    <a:lnTo>
                      <a:pt x="33484" y="14775"/>
                    </a:lnTo>
                    <a:lnTo>
                      <a:pt x="31724" y="15238"/>
                    </a:lnTo>
                    <a:lnTo>
                      <a:pt x="30011" y="15655"/>
                    </a:lnTo>
                    <a:lnTo>
                      <a:pt x="28390" y="16025"/>
                    </a:lnTo>
                    <a:lnTo>
                      <a:pt x="26815" y="16349"/>
                    </a:lnTo>
                    <a:lnTo>
                      <a:pt x="25287" y="16627"/>
                    </a:lnTo>
                    <a:lnTo>
                      <a:pt x="23851" y="16812"/>
                    </a:lnTo>
                    <a:lnTo>
                      <a:pt x="22462" y="16951"/>
                    </a:lnTo>
                    <a:lnTo>
                      <a:pt x="19868" y="17183"/>
                    </a:lnTo>
                    <a:lnTo>
                      <a:pt x="17414" y="17368"/>
                    </a:lnTo>
                    <a:lnTo>
                      <a:pt x="15098" y="17646"/>
                    </a:lnTo>
                    <a:lnTo>
                      <a:pt x="12921" y="17878"/>
                    </a:lnTo>
                    <a:lnTo>
                      <a:pt x="9077" y="18433"/>
                    </a:lnTo>
                    <a:lnTo>
                      <a:pt x="5882" y="18896"/>
                    </a:lnTo>
                    <a:lnTo>
                      <a:pt x="3335" y="19360"/>
                    </a:lnTo>
                    <a:lnTo>
                      <a:pt x="1528" y="19730"/>
                    </a:lnTo>
                    <a:lnTo>
                      <a:pt x="0" y="20101"/>
                    </a:lnTo>
                    <a:lnTo>
                      <a:pt x="0" y="81325"/>
                    </a:lnTo>
                    <a:lnTo>
                      <a:pt x="285750" y="81325"/>
                    </a:lnTo>
                    <a:lnTo>
                      <a:pt x="285750" y="16951"/>
                    </a:lnTo>
                    <a:lnTo>
                      <a:pt x="281906" y="16396"/>
                    </a:lnTo>
                    <a:lnTo>
                      <a:pt x="277460" y="15793"/>
                    </a:lnTo>
                    <a:lnTo>
                      <a:pt x="271578" y="15006"/>
                    </a:lnTo>
                    <a:lnTo>
                      <a:pt x="264492" y="14173"/>
                    </a:lnTo>
                    <a:lnTo>
                      <a:pt x="256388" y="13339"/>
                    </a:lnTo>
                    <a:lnTo>
                      <a:pt x="252034" y="12922"/>
                    </a:lnTo>
                    <a:lnTo>
                      <a:pt x="247496" y="12505"/>
                    </a:lnTo>
                    <a:lnTo>
                      <a:pt x="242818" y="12135"/>
                    </a:lnTo>
                    <a:lnTo>
                      <a:pt x="238002" y="11811"/>
                    </a:lnTo>
                    <a:lnTo>
                      <a:pt x="233139" y="11486"/>
                    </a:lnTo>
                    <a:lnTo>
                      <a:pt x="228137" y="11255"/>
                    </a:lnTo>
                    <a:lnTo>
                      <a:pt x="223135" y="11023"/>
                    </a:lnTo>
                    <a:lnTo>
                      <a:pt x="218133" y="10931"/>
                    </a:lnTo>
                    <a:lnTo>
                      <a:pt x="213132" y="10838"/>
                    </a:lnTo>
                    <a:lnTo>
                      <a:pt x="208130" y="10838"/>
                    </a:lnTo>
                    <a:lnTo>
                      <a:pt x="203221" y="10977"/>
                    </a:lnTo>
                    <a:lnTo>
                      <a:pt x="198404" y="11162"/>
                    </a:lnTo>
                    <a:lnTo>
                      <a:pt x="196042" y="11301"/>
                    </a:lnTo>
                    <a:lnTo>
                      <a:pt x="193680" y="11440"/>
                    </a:lnTo>
                    <a:lnTo>
                      <a:pt x="191365" y="11625"/>
                    </a:lnTo>
                    <a:lnTo>
                      <a:pt x="189141" y="11857"/>
                    </a:lnTo>
                    <a:lnTo>
                      <a:pt x="186918" y="12088"/>
                    </a:lnTo>
                    <a:lnTo>
                      <a:pt x="184695" y="12366"/>
                    </a:lnTo>
                    <a:lnTo>
                      <a:pt x="182565" y="12691"/>
                    </a:lnTo>
                    <a:lnTo>
                      <a:pt x="180527" y="13015"/>
                    </a:lnTo>
                    <a:lnTo>
                      <a:pt x="178490" y="13385"/>
                    </a:lnTo>
                    <a:lnTo>
                      <a:pt x="176498" y="13756"/>
                    </a:lnTo>
                    <a:lnTo>
                      <a:pt x="174599" y="14219"/>
                    </a:lnTo>
                    <a:lnTo>
                      <a:pt x="172747" y="14682"/>
                    </a:lnTo>
                    <a:lnTo>
                      <a:pt x="170987" y="15191"/>
                    </a:lnTo>
                    <a:lnTo>
                      <a:pt x="169273" y="15747"/>
                    </a:lnTo>
                    <a:lnTo>
                      <a:pt x="167652" y="16349"/>
                    </a:lnTo>
                    <a:lnTo>
                      <a:pt x="166124" y="16951"/>
                    </a:lnTo>
                    <a:lnTo>
                      <a:pt x="164596" y="17553"/>
                    </a:lnTo>
                    <a:lnTo>
                      <a:pt x="163114" y="18109"/>
                    </a:lnTo>
                    <a:lnTo>
                      <a:pt x="161585" y="18572"/>
                    </a:lnTo>
                    <a:lnTo>
                      <a:pt x="160057" y="18989"/>
                    </a:lnTo>
                    <a:lnTo>
                      <a:pt x="158529" y="19360"/>
                    </a:lnTo>
                    <a:lnTo>
                      <a:pt x="157047" y="19637"/>
                    </a:lnTo>
                    <a:lnTo>
                      <a:pt x="155518" y="19869"/>
                    </a:lnTo>
                    <a:lnTo>
                      <a:pt x="153990" y="20054"/>
                    </a:lnTo>
                    <a:lnTo>
                      <a:pt x="152508" y="20193"/>
                    </a:lnTo>
                    <a:lnTo>
                      <a:pt x="150980" y="20286"/>
                    </a:lnTo>
                    <a:lnTo>
                      <a:pt x="147969" y="20286"/>
                    </a:lnTo>
                    <a:lnTo>
                      <a:pt x="146487" y="20193"/>
                    </a:lnTo>
                    <a:lnTo>
                      <a:pt x="144959" y="20101"/>
                    </a:lnTo>
                    <a:lnTo>
                      <a:pt x="143477" y="19915"/>
                    </a:lnTo>
                    <a:lnTo>
                      <a:pt x="141995" y="19730"/>
                    </a:lnTo>
                    <a:lnTo>
                      <a:pt x="140513" y="19498"/>
                    </a:lnTo>
                    <a:lnTo>
                      <a:pt x="139031" y="19221"/>
                    </a:lnTo>
                    <a:lnTo>
                      <a:pt x="137549" y="18896"/>
                    </a:lnTo>
                    <a:lnTo>
                      <a:pt x="136067" y="18572"/>
                    </a:lnTo>
                    <a:lnTo>
                      <a:pt x="134585" y="18202"/>
                    </a:lnTo>
                    <a:lnTo>
                      <a:pt x="133149" y="17831"/>
                    </a:lnTo>
                    <a:lnTo>
                      <a:pt x="130232" y="16951"/>
                    </a:lnTo>
                    <a:lnTo>
                      <a:pt x="127360" y="15979"/>
                    </a:lnTo>
                    <a:lnTo>
                      <a:pt x="124535" y="14914"/>
                    </a:lnTo>
                    <a:lnTo>
                      <a:pt x="121710" y="13802"/>
                    </a:lnTo>
                    <a:lnTo>
                      <a:pt x="118931" y="12644"/>
                    </a:lnTo>
                    <a:lnTo>
                      <a:pt x="116245" y="11440"/>
                    </a:lnTo>
                    <a:lnTo>
                      <a:pt x="113559" y="10236"/>
                    </a:lnTo>
                    <a:lnTo>
                      <a:pt x="108326" y="7874"/>
                    </a:lnTo>
                    <a:lnTo>
                      <a:pt x="103324" y="5558"/>
                    </a:lnTo>
                    <a:lnTo>
                      <a:pt x="100916" y="4493"/>
                    </a:lnTo>
                    <a:lnTo>
                      <a:pt x="98554" y="3521"/>
                    </a:lnTo>
                    <a:lnTo>
                      <a:pt x="96284" y="2641"/>
                    </a:lnTo>
                    <a:lnTo>
                      <a:pt x="94061" y="1853"/>
                    </a:lnTo>
                    <a:lnTo>
                      <a:pt x="91931" y="1159"/>
                    </a:lnTo>
                    <a:lnTo>
                      <a:pt x="90912" y="881"/>
                    </a:lnTo>
                    <a:lnTo>
                      <a:pt x="89893" y="649"/>
                    </a:lnTo>
                    <a:lnTo>
                      <a:pt x="88874" y="418"/>
                    </a:lnTo>
                    <a:lnTo>
                      <a:pt x="87902" y="279"/>
                    </a:lnTo>
                    <a:lnTo>
                      <a:pt x="86929" y="140"/>
                    </a:lnTo>
                    <a:lnTo>
                      <a:pt x="86003" y="47"/>
                    </a:lnTo>
                    <a:lnTo>
                      <a:pt x="85077" y="1"/>
                    </a:lnTo>
                    <a:close/>
                  </a:path>
                </a:pathLst>
              </a:custGeom>
              <a:solidFill>
                <a:schemeClr val="l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381" name="Google Shape;381;p27"/>
              <p:cNvSpPr/>
              <p:nvPr/>
            </p:nvSpPr>
            <p:spPr>
              <a:xfrm>
                <a:off x="0" y="4757331"/>
                <a:ext cx="9143916" cy="671170"/>
              </a:xfrm>
              <a:custGeom>
                <a:avLst/>
                <a:gdLst/>
                <a:ahLst/>
                <a:cxnLst/>
                <a:rect l="l" t="t" r="r" b="b"/>
                <a:pathLst>
                  <a:path w="285057" h="21397" extrusionOk="0">
                    <a:moveTo>
                      <a:pt x="60439" y="1"/>
                    </a:moveTo>
                    <a:lnTo>
                      <a:pt x="57058" y="47"/>
                    </a:lnTo>
                    <a:lnTo>
                      <a:pt x="55530" y="47"/>
                    </a:lnTo>
                    <a:lnTo>
                      <a:pt x="54048" y="140"/>
                    </a:lnTo>
                    <a:lnTo>
                      <a:pt x="52658" y="232"/>
                    </a:lnTo>
                    <a:lnTo>
                      <a:pt x="51362" y="371"/>
                    </a:lnTo>
                    <a:lnTo>
                      <a:pt x="50157" y="510"/>
                    </a:lnTo>
                    <a:lnTo>
                      <a:pt x="49046" y="695"/>
                    </a:lnTo>
                    <a:lnTo>
                      <a:pt x="48073" y="927"/>
                    </a:lnTo>
                    <a:lnTo>
                      <a:pt x="47147" y="1205"/>
                    </a:lnTo>
                    <a:lnTo>
                      <a:pt x="43674" y="2270"/>
                    </a:lnTo>
                    <a:lnTo>
                      <a:pt x="40015" y="3335"/>
                    </a:lnTo>
                    <a:lnTo>
                      <a:pt x="36171" y="4400"/>
                    </a:lnTo>
                    <a:lnTo>
                      <a:pt x="32234" y="5419"/>
                    </a:lnTo>
                    <a:lnTo>
                      <a:pt x="28298" y="6392"/>
                    </a:lnTo>
                    <a:lnTo>
                      <a:pt x="24361" y="7318"/>
                    </a:lnTo>
                    <a:lnTo>
                      <a:pt x="16859" y="9032"/>
                    </a:lnTo>
                    <a:lnTo>
                      <a:pt x="10190" y="10467"/>
                    </a:lnTo>
                    <a:lnTo>
                      <a:pt x="4864" y="11579"/>
                    </a:lnTo>
                    <a:lnTo>
                      <a:pt x="1" y="12551"/>
                    </a:lnTo>
                    <a:lnTo>
                      <a:pt x="1" y="21397"/>
                    </a:lnTo>
                    <a:lnTo>
                      <a:pt x="285056" y="21397"/>
                    </a:lnTo>
                    <a:lnTo>
                      <a:pt x="285056" y="1205"/>
                    </a:lnTo>
                    <a:lnTo>
                      <a:pt x="280934" y="1853"/>
                    </a:lnTo>
                    <a:lnTo>
                      <a:pt x="275840" y="2687"/>
                    </a:lnTo>
                    <a:lnTo>
                      <a:pt x="263382" y="4910"/>
                    </a:lnTo>
                    <a:lnTo>
                      <a:pt x="248700" y="7503"/>
                    </a:lnTo>
                    <a:lnTo>
                      <a:pt x="240874" y="8846"/>
                    </a:lnTo>
                    <a:lnTo>
                      <a:pt x="232861" y="10143"/>
                    </a:lnTo>
                    <a:lnTo>
                      <a:pt x="224849" y="11440"/>
                    </a:lnTo>
                    <a:lnTo>
                      <a:pt x="216884" y="12551"/>
                    </a:lnTo>
                    <a:lnTo>
                      <a:pt x="212993" y="13107"/>
                    </a:lnTo>
                    <a:lnTo>
                      <a:pt x="209196" y="13570"/>
                    </a:lnTo>
                    <a:lnTo>
                      <a:pt x="205491" y="14033"/>
                    </a:lnTo>
                    <a:lnTo>
                      <a:pt x="201878" y="14404"/>
                    </a:lnTo>
                    <a:lnTo>
                      <a:pt x="198405" y="14728"/>
                    </a:lnTo>
                    <a:lnTo>
                      <a:pt x="195070" y="15006"/>
                    </a:lnTo>
                    <a:lnTo>
                      <a:pt x="191875" y="15191"/>
                    </a:lnTo>
                    <a:lnTo>
                      <a:pt x="188864" y="15330"/>
                    </a:lnTo>
                    <a:lnTo>
                      <a:pt x="186039" y="15423"/>
                    </a:lnTo>
                    <a:lnTo>
                      <a:pt x="183446" y="15376"/>
                    </a:lnTo>
                    <a:lnTo>
                      <a:pt x="181037" y="15284"/>
                    </a:lnTo>
                    <a:lnTo>
                      <a:pt x="179926" y="15191"/>
                    </a:lnTo>
                    <a:lnTo>
                      <a:pt x="178907" y="15052"/>
                    </a:lnTo>
                    <a:lnTo>
                      <a:pt x="174044" y="14404"/>
                    </a:lnTo>
                    <a:lnTo>
                      <a:pt x="167746" y="13478"/>
                    </a:lnTo>
                    <a:lnTo>
                      <a:pt x="151721" y="10977"/>
                    </a:lnTo>
                    <a:lnTo>
                      <a:pt x="142366" y="9495"/>
                    </a:lnTo>
                    <a:lnTo>
                      <a:pt x="132455" y="8013"/>
                    </a:lnTo>
                    <a:lnTo>
                      <a:pt x="122128" y="6484"/>
                    </a:lnTo>
                    <a:lnTo>
                      <a:pt x="111661" y="4956"/>
                    </a:lnTo>
                    <a:lnTo>
                      <a:pt x="101194" y="3567"/>
                    </a:lnTo>
                    <a:lnTo>
                      <a:pt x="96053" y="2965"/>
                    </a:lnTo>
                    <a:lnTo>
                      <a:pt x="91005" y="2363"/>
                    </a:lnTo>
                    <a:lnTo>
                      <a:pt x="86096" y="1807"/>
                    </a:lnTo>
                    <a:lnTo>
                      <a:pt x="81280" y="1344"/>
                    </a:lnTo>
                    <a:lnTo>
                      <a:pt x="76695" y="881"/>
                    </a:lnTo>
                    <a:lnTo>
                      <a:pt x="72249" y="556"/>
                    </a:lnTo>
                    <a:lnTo>
                      <a:pt x="68081" y="279"/>
                    </a:lnTo>
                    <a:lnTo>
                      <a:pt x="64098" y="93"/>
                    </a:lnTo>
                    <a:lnTo>
                      <a:pt x="60439" y="1"/>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382" name="Google Shape;382;p27"/>
            <p:cNvSpPr/>
            <p:nvPr/>
          </p:nvSpPr>
          <p:spPr>
            <a:xfrm flipH="1">
              <a:off x="9" y="4618023"/>
              <a:ext cx="9143916" cy="531181"/>
            </a:xfrm>
            <a:custGeom>
              <a:avLst/>
              <a:gdLst/>
              <a:ahLst/>
              <a:cxnLst/>
              <a:rect l="l" t="t" r="r" b="b"/>
              <a:pathLst>
                <a:path w="285057" h="21397" extrusionOk="0">
                  <a:moveTo>
                    <a:pt x="60439" y="1"/>
                  </a:moveTo>
                  <a:lnTo>
                    <a:pt x="57058" y="47"/>
                  </a:lnTo>
                  <a:lnTo>
                    <a:pt x="55530" y="47"/>
                  </a:lnTo>
                  <a:lnTo>
                    <a:pt x="54048" y="140"/>
                  </a:lnTo>
                  <a:lnTo>
                    <a:pt x="52658" y="232"/>
                  </a:lnTo>
                  <a:lnTo>
                    <a:pt x="51362" y="371"/>
                  </a:lnTo>
                  <a:lnTo>
                    <a:pt x="50157" y="510"/>
                  </a:lnTo>
                  <a:lnTo>
                    <a:pt x="49046" y="695"/>
                  </a:lnTo>
                  <a:lnTo>
                    <a:pt x="48073" y="927"/>
                  </a:lnTo>
                  <a:lnTo>
                    <a:pt x="47147" y="1205"/>
                  </a:lnTo>
                  <a:lnTo>
                    <a:pt x="43674" y="2270"/>
                  </a:lnTo>
                  <a:lnTo>
                    <a:pt x="40015" y="3335"/>
                  </a:lnTo>
                  <a:lnTo>
                    <a:pt x="36171" y="4400"/>
                  </a:lnTo>
                  <a:lnTo>
                    <a:pt x="32234" y="5419"/>
                  </a:lnTo>
                  <a:lnTo>
                    <a:pt x="28298" y="6392"/>
                  </a:lnTo>
                  <a:lnTo>
                    <a:pt x="24361" y="7318"/>
                  </a:lnTo>
                  <a:lnTo>
                    <a:pt x="16859" y="9032"/>
                  </a:lnTo>
                  <a:lnTo>
                    <a:pt x="10190" y="10467"/>
                  </a:lnTo>
                  <a:lnTo>
                    <a:pt x="4864" y="11579"/>
                  </a:lnTo>
                  <a:lnTo>
                    <a:pt x="1" y="12551"/>
                  </a:lnTo>
                  <a:lnTo>
                    <a:pt x="1" y="21397"/>
                  </a:lnTo>
                  <a:lnTo>
                    <a:pt x="285056" y="21397"/>
                  </a:lnTo>
                  <a:lnTo>
                    <a:pt x="285056" y="1205"/>
                  </a:lnTo>
                  <a:lnTo>
                    <a:pt x="280934" y="1853"/>
                  </a:lnTo>
                  <a:lnTo>
                    <a:pt x="275840" y="2687"/>
                  </a:lnTo>
                  <a:lnTo>
                    <a:pt x="263382" y="4910"/>
                  </a:lnTo>
                  <a:lnTo>
                    <a:pt x="248700" y="7503"/>
                  </a:lnTo>
                  <a:lnTo>
                    <a:pt x="240874" y="8846"/>
                  </a:lnTo>
                  <a:lnTo>
                    <a:pt x="232861" y="10143"/>
                  </a:lnTo>
                  <a:lnTo>
                    <a:pt x="224849" y="11440"/>
                  </a:lnTo>
                  <a:lnTo>
                    <a:pt x="216884" y="12551"/>
                  </a:lnTo>
                  <a:lnTo>
                    <a:pt x="212993" y="13107"/>
                  </a:lnTo>
                  <a:lnTo>
                    <a:pt x="209196" y="13570"/>
                  </a:lnTo>
                  <a:lnTo>
                    <a:pt x="205491" y="14033"/>
                  </a:lnTo>
                  <a:lnTo>
                    <a:pt x="201878" y="14404"/>
                  </a:lnTo>
                  <a:lnTo>
                    <a:pt x="198405" y="14728"/>
                  </a:lnTo>
                  <a:lnTo>
                    <a:pt x="195070" y="15006"/>
                  </a:lnTo>
                  <a:lnTo>
                    <a:pt x="191875" y="15191"/>
                  </a:lnTo>
                  <a:lnTo>
                    <a:pt x="188864" y="15330"/>
                  </a:lnTo>
                  <a:lnTo>
                    <a:pt x="186039" y="15423"/>
                  </a:lnTo>
                  <a:lnTo>
                    <a:pt x="183446" y="15376"/>
                  </a:lnTo>
                  <a:lnTo>
                    <a:pt x="181037" y="15284"/>
                  </a:lnTo>
                  <a:lnTo>
                    <a:pt x="179926" y="15191"/>
                  </a:lnTo>
                  <a:lnTo>
                    <a:pt x="178907" y="15052"/>
                  </a:lnTo>
                  <a:lnTo>
                    <a:pt x="174044" y="14404"/>
                  </a:lnTo>
                  <a:lnTo>
                    <a:pt x="167746" y="13478"/>
                  </a:lnTo>
                  <a:lnTo>
                    <a:pt x="151721" y="10977"/>
                  </a:lnTo>
                  <a:lnTo>
                    <a:pt x="142366" y="9495"/>
                  </a:lnTo>
                  <a:lnTo>
                    <a:pt x="132455" y="8013"/>
                  </a:lnTo>
                  <a:lnTo>
                    <a:pt x="122128" y="6484"/>
                  </a:lnTo>
                  <a:lnTo>
                    <a:pt x="111661" y="4956"/>
                  </a:lnTo>
                  <a:lnTo>
                    <a:pt x="101194" y="3567"/>
                  </a:lnTo>
                  <a:lnTo>
                    <a:pt x="96053" y="2965"/>
                  </a:lnTo>
                  <a:lnTo>
                    <a:pt x="91005" y="2363"/>
                  </a:lnTo>
                  <a:lnTo>
                    <a:pt x="86096" y="1807"/>
                  </a:lnTo>
                  <a:lnTo>
                    <a:pt x="81280" y="1344"/>
                  </a:lnTo>
                  <a:lnTo>
                    <a:pt x="76695" y="881"/>
                  </a:lnTo>
                  <a:lnTo>
                    <a:pt x="72249" y="556"/>
                  </a:lnTo>
                  <a:lnTo>
                    <a:pt x="68081" y="279"/>
                  </a:lnTo>
                  <a:lnTo>
                    <a:pt x="64098" y="93"/>
                  </a:lnTo>
                  <a:lnTo>
                    <a:pt x="60439" y="1"/>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383" name="Google Shape;383;p27"/>
          <p:cNvSpPr txBox="1">
            <a:spLocks noGrp="1"/>
          </p:cNvSpPr>
          <p:nvPr>
            <p:ph type="title"/>
          </p:nvPr>
        </p:nvSpPr>
        <p:spPr>
          <a:xfrm>
            <a:off x="1600000" y="1158278"/>
            <a:ext cx="17120000" cy="1272667"/>
          </a:xfrm>
          <a:prstGeom prst="rect">
            <a:avLst/>
          </a:prstGeom>
        </p:spPr>
        <p:txBody>
          <a:bodyPr spcFirstLastPara="1" wrap="square" lIns="91425" tIns="91425" rIns="91425" bIns="91425" anchor="t" anchorCtr="0">
            <a:noAutofit/>
          </a:bodyPr>
          <a:lstStyle>
            <a:lvl1pPr lvl="0" rtl="0">
              <a:spcBef>
                <a:spcPts val="0"/>
              </a:spcBef>
              <a:spcAft>
                <a:spcPts val="0"/>
              </a:spcAft>
              <a:buSzPts val="3500"/>
              <a:buNone/>
              <a:defRPr/>
            </a:lvl1pPr>
            <a:lvl2pPr lvl="1" rtl="0">
              <a:spcBef>
                <a:spcPts val="0"/>
              </a:spcBef>
              <a:spcAft>
                <a:spcPts val="0"/>
              </a:spcAft>
              <a:buSzPts val="3500"/>
              <a:buNone/>
              <a:defRPr/>
            </a:lvl2pPr>
            <a:lvl3pPr lvl="2" rtl="0">
              <a:spcBef>
                <a:spcPts val="0"/>
              </a:spcBef>
              <a:spcAft>
                <a:spcPts val="0"/>
              </a:spcAft>
              <a:buSzPts val="3500"/>
              <a:buNone/>
              <a:defRPr/>
            </a:lvl3pPr>
            <a:lvl4pPr lvl="3" rtl="0">
              <a:spcBef>
                <a:spcPts val="0"/>
              </a:spcBef>
              <a:spcAft>
                <a:spcPts val="0"/>
              </a:spcAft>
              <a:buSzPts val="3500"/>
              <a:buNone/>
              <a:defRPr/>
            </a:lvl4pPr>
            <a:lvl5pPr lvl="4" rtl="0">
              <a:spcBef>
                <a:spcPts val="0"/>
              </a:spcBef>
              <a:spcAft>
                <a:spcPts val="0"/>
              </a:spcAft>
              <a:buSzPts val="3500"/>
              <a:buNone/>
              <a:defRPr/>
            </a:lvl5pPr>
            <a:lvl6pPr lvl="5" rtl="0">
              <a:spcBef>
                <a:spcPts val="0"/>
              </a:spcBef>
              <a:spcAft>
                <a:spcPts val="0"/>
              </a:spcAft>
              <a:buSzPts val="3500"/>
              <a:buNone/>
              <a:defRPr/>
            </a:lvl6pPr>
            <a:lvl7pPr lvl="6" rtl="0">
              <a:spcBef>
                <a:spcPts val="0"/>
              </a:spcBef>
              <a:spcAft>
                <a:spcPts val="0"/>
              </a:spcAft>
              <a:buSzPts val="3500"/>
              <a:buNone/>
              <a:defRPr/>
            </a:lvl7pPr>
            <a:lvl8pPr lvl="7" rtl="0">
              <a:spcBef>
                <a:spcPts val="0"/>
              </a:spcBef>
              <a:spcAft>
                <a:spcPts val="0"/>
              </a:spcAft>
              <a:buSzPts val="3500"/>
              <a:buNone/>
              <a:defRPr/>
            </a:lvl8pPr>
            <a:lvl9pPr lvl="8" rtl="0">
              <a:spcBef>
                <a:spcPts val="0"/>
              </a:spcBef>
              <a:spcAft>
                <a:spcPts val="0"/>
              </a:spcAft>
              <a:buSzPts val="3500"/>
              <a:buNone/>
              <a:defRPr/>
            </a:lvl9pPr>
          </a:lstStyle>
          <a:p>
            <a:endParaRPr/>
          </a:p>
        </p:txBody>
      </p:sp>
      <p:sp>
        <p:nvSpPr>
          <p:cNvPr id="384" name="Google Shape;384;p27"/>
          <p:cNvSpPr txBox="1">
            <a:spLocks noGrp="1"/>
          </p:cNvSpPr>
          <p:nvPr>
            <p:ph type="subTitle" idx="1"/>
          </p:nvPr>
        </p:nvSpPr>
        <p:spPr>
          <a:xfrm>
            <a:off x="11026358" y="5650384"/>
            <a:ext cx="6181333" cy="2246000"/>
          </a:xfrm>
          <a:prstGeom prst="rect">
            <a:avLst/>
          </a:prstGeom>
        </p:spPr>
        <p:txBody>
          <a:bodyPr spcFirstLastPara="1" wrap="square" lIns="91425" tIns="91425" rIns="91425" bIns="91425" anchor="t" anchorCtr="0">
            <a:noAutofit/>
          </a:bodyPr>
          <a:lstStyle>
            <a:lvl1pPr lvl="0" algn="ctr" rtl="0">
              <a:lnSpc>
                <a:spcPct val="100000"/>
              </a:lnSpc>
              <a:spcBef>
                <a:spcPts val="0"/>
              </a:spcBef>
              <a:spcAft>
                <a:spcPts val="0"/>
              </a:spcAft>
              <a:buSzPts val="1400"/>
              <a:buNone/>
              <a:defRPr b="0"/>
            </a:lvl1pPr>
            <a:lvl2pPr lvl="1" algn="ctr" rtl="0">
              <a:lnSpc>
                <a:spcPct val="100000"/>
              </a:lnSpc>
              <a:spcBef>
                <a:spcPts val="0"/>
              </a:spcBef>
              <a:spcAft>
                <a:spcPts val="0"/>
              </a:spcAft>
              <a:buSzPts val="1400"/>
              <a:buNone/>
              <a:defRPr/>
            </a:lvl2pPr>
            <a:lvl3pPr lvl="2" algn="ctr" rtl="0">
              <a:lnSpc>
                <a:spcPct val="100000"/>
              </a:lnSpc>
              <a:spcBef>
                <a:spcPts val="0"/>
              </a:spcBef>
              <a:spcAft>
                <a:spcPts val="0"/>
              </a:spcAft>
              <a:buSzPts val="1400"/>
              <a:buNone/>
              <a:defRPr/>
            </a:lvl3pPr>
            <a:lvl4pPr lvl="3" algn="ctr" rtl="0">
              <a:lnSpc>
                <a:spcPct val="100000"/>
              </a:lnSpc>
              <a:spcBef>
                <a:spcPts val="0"/>
              </a:spcBef>
              <a:spcAft>
                <a:spcPts val="0"/>
              </a:spcAft>
              <a:buSzPts val="1400"/>
              <a:buNone/>
              <a:defRPr/>
            </a:lvl4pPr>
            <a:lvl5pPr lvl="4" algn="ctr" rtl="0">
              <a:lnSpc>
                <a:spcPct val="100000"/>
              </a:lnSpc>
              <a:spcBef>
                <a:spcPts val="0"/>
              </a:spcBef>
              <a:spcAft>
                <a:spcPts val="0"/>
              </a:spcAft>
              <a:buSzPts val="1400"/>
              <a:buNone/>
              <a:defRPr/>
            </a:lvl5pPr>
            <a:lvl6pPr lvl="5" algn="ctr" rtl="0">
              <a:lnSpc>
                <a:spcPct val="100000"/>
              </a:lnSpc>
              <a:spcBef>
                <a:spcPts val="0"/>
              </a:spcBef>
              <a:spcAft>
                <a:spcPts val="0"/>
              </a:spcAft>
              <a:buSzPts val="1400"/>
              <a:buNone/>
              <a:defRPr/>
            </a:lvl6pPr>
            <a:lvl7pPr lvl="6" algn="ctr" rtl="0">
              <a:lnSpc>
                <a:spcPct val="100000"/>
              </a:lnSpc>
              <a:spcBef>
                <a:spcPts val="0"/>
              </a:spcBef>
              <a:spcAft>
                <a:spcPts val="0"/>
              </a:spcAft>
              <a:buSzPts val="1400"/>
              <a:buNone/>
              <a:defRPr/>
            </a:lvl7pPr>
            <a:lvl8pPr lvl="7" algn="ctr" rtl="0">
              <a:lnSpc>
                <a:spcPct val="100000"/>
              </a:lnSpc>
              <a:spcBef>
                <a:spcPts val="0"/>
              </a:spcBef>
              <a:spcAft>
                <a:spcPts val="0"/>
              </a:spcAft>
              <a:buSzPts val="1400"/>
              <a:buNone/>
              <a:defRPr/>
            </a:lvl8pPr>
            <a:lvl9pPr lvl="8" algn="ctr" rtl="0">
              <a:lnSpc>
                <a:spcPct val="100000"/>
              </a:lnSpc>
              <a:spcBef>
                <a:spcPts val="0"/>
              </a:spcBef>
              <a:spcAft>
                <a:spcPts val="0"/>
              </a:spcAft>
              <a:buSzPts val="1400"/>
              <a:buNone/>
              <a:defRPr/>
            </a:lvl9pPr>
          </a:lstStyle>
          <a:p>
            <a:endParaRPr/>
          </a:p>
        </p:txBody>
      </p:sp>
      <p:sp>
        <p:nvSpPr>
          <p:cNvPr id="385" name="Google Shape;385;p27"/>
          <p:cNvSpPr txBox="1">
            <a:spLocks noGrp="1"/>
          </p:cNvSpPr>
          <p:nvPr>
            <p:ph type="subTitle" idx="2"/>
          </p:nvPr>
        </p:nvSpPr>
        <p:spPr>
          <a:xfrm>
            <a:off x="3112307" y="5650384"/>
            <a:ext cx="6181333" cy="2246000"/>
          </a:xfrm>
          <a:prstGeom prst="rect">
            <a:avLst/>
          </a:prstGeom>
        </p:spPr>
        <p:txBody>
          <a:bodyPr spcFirstLastPara="1" wrap="square" lIns="91425" tIns="91425" rIns="91425" bIns="91425" anchor="t" anchorCtr="0">
            <a:noAutofit/>
          </a:bodyPr>
          <a:lstStyle>
            <a:lvl1pPr lvl="0" algn="ctr" rtl="0">
              <a:lnSpc>
                <a:spcPct val="100000"/>
              </a:lnSpc>
              <a:spcBef>
                <a:spcPts val="0"/>
              </a:spcBef>
              <a:spcAft>
                <a:spcPts val="0"/>
              </a:spcAft>
              <a:buSzPts val="1400"/>
              <a:buNone/>
              <a:defRPr b="0"/>
            </a:lvl1pPr>
            <a:lvl2pPr lvl="1" algn="ctr" rtl="0">
              <a:lnSpc>
                <a:spcPct val="100000"/>
              </a:lnSpc>
              <a:spcBef>
                <a:spcPts val="0"/>
              </a:spcBef>
              <a:spcAft>
                <a:spcPts val="0"/>
              </a:spcAft>
              <a:buSzPts val="1400"/>
              <a:buNone/>
              <a:defRPr/>
            </a:lvl2pPr>
            <a:lvl3pPr lvl="2" algn="ctr" rtl="0">
              <a:lnSpc>
                <a:spcPct val="100000"/>
              </a:lnSpc>
              <a:spcBef>
                <a:spcPts val="0"/>
              </a:spcBef>
              <a:spcAft>
                <a:spcPts val="0"/>
              </a:spcAft>
              <a:buSzPts val="1400"/>
              <a:buNone/>
              <a:defRPr/>
            </a:lvl3pPr>
            <a:lvl4pPr lvl="3" algn="ctr" rtl="0">
              <a:lnSpc>
                <a:spcPct val="100000"/>
              </a:lnSpc>
              <a:spcBef>
                <a:spcPts val="0"/>
              </a:spcBef>
              <a:spcAft>
                <a:spcPts val="0"/>
              </a:spcAft>
              <a:buSzPts val="1400"/>
              <a:buNone/>
              <a:defRPr/>
            </a:lvl4pPr>
            <a:lvl5pPr lvl="4" algn="ctr" rtl="0">
              <a:lnSpc>
                <a:spcPct val="100000"/>
              </a:lnSpc>
              <a:spcBef>
                <a:spcPts val="0"/>
              </a:spcBef>
              <a:spcAft>
                <a:spcPts val="0"/>
              </a:spcAft>
              <a:buSzPts val="1400"/>
              <a:buNone/>
              <a:defRPr/>
            </a:lvl5pPr>
            <a:lvl6pPr lvl="5" algn="ctr" rtl="0">
              <a:lnSpc>
                <a:spcPct val="100000"/>
              </a:lnSpc>
              <a:spcBef>
                <a:spcPts val="0"/>
              </a:spcBef>
              <a:spcAft>
                <a:spcPts val="0"/>
              </a:spcAft>
              <a:buSzPts val="1400"/>
              <a:buNone/>
              <a:defRPr/>
            </a:lvl6pPr>
            <a:lvl7pPr lvl="6" algn="ctr" rtl="0">
              <a:lnSpc>
                <a:spcPct val="100000"/>
              </a:lnSpc>
              <a:spcBef>
                <a:spcPts val="0"/>
              </a:spcBef>
              <a:spcAft>
                <a:spcPts val="0"/>
              </a:spcAft>
              <a:buSzPts val="1400"/>
              <a:buNone/>
              <a:defRPr/>
            </a:lvl7pPr>
            <a:lvl8pPr lvl="7" algn="ctr" rtl="0">
              <a:lnSpc>
                <a:spcPct val="100000"/>
              </a:lnSpc>
              <a:spcBef>
                <a:spcPts val="0"/>
              </a:spcBef>
              <a:spcAft>
                <a:spcPts val="0"/>
              </a:spcAft>
              <a:buSzPts val="1400"/>
              <a:buNone/>
              <a:defRPr/>
            </a:lvl8pPr>
            <a:lvl9pPr lvl="8" algn="ctr" rtl="0">
              <a:lnSpc>
                <a:spcPct val="100000"/>
              </a:lnSpc>
              <a:spcBef>
                <a:spcPts val="0"/>
              </a:spcBef>
              <a:spcAft>
                <a:spcPts val="0"/>
              </a:spcAft>
              <a:buSzPts val="1400"/>
              <a:buNone/>
              <a:defRPr/>
            </a:lvl9pPr>
          </a:lstStyle>
          <a:p>
            <a:endParaRPr/>
          </a:p>
        </p:txBody>
      </p:sp>
      <p:sp>
        <p:nvSpPr>
          <p:cNvPr id="386" name="Google Shape;386;p27"/>
          <p:cNvSpPr txBox="1">
            <a:spLocks noGrp="1"/>
          </p:cNvSpPr>
          <p:nvPr>
            <p:ph type="subTitle" idx="3"/>
          </p:nvPr>
        </p:nvSpPr>
        <p:spPr>
          <a:xfrm>
            <a:off x="3112307" y="4762500"/>
            <a:ext cx="6181333" cy="1046000"/>
          </a:xfrm>
          <a:prstGeom prst="rect">
            <a:avLst/>
          </a:prstGeom>
        </p:spPr>
        <p:txBody>
          <a:bodyPr spcFirstLastPara="1" wrap="square" lIns="91425" tIns="91425" rIns="91425" bIns="91425" anchor="b" anchorCtr="0">
            <a:noAutofit/>
          </a:bodyPr>
          <a:lstStyle>
            <a:lvl1pPr lvl="0" algn="ctr" rtl="0">
              <a:lnSpc>
                <a:spcPct val="100000"/>
              </a:lnSpc>
              <a:spcBef>
                <a:spcPts val="0"/>
              </a:spcBef>
              <a:spcAft>
                <a:spcPts val="0"/>
              </a:spcAft>
              <a:buSzPts val="2400"/>
              <a:buFont typeface="Orelega One"/>
              <a:buNone/>
              <a:defRPr sz="4889">
                <a:solidFill>
                  <a:schemeClr val="dk1"/>
                </a:solidFill>
                <a:latin typeface="Orelega One"/>
                <a:ea typeface="Orelega One"/>
                <a:cs typeface="Orelega One"/>
                <a:sym typeface="Orelega One"/>
              </a:defRPr>
            </a:lvl1pPr>
            <a:lvl2pPr lvl="1"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2pPr>
            <a:lvl3pPr lvl="2"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3pPr>
            <a:lvl4pPr lvl="3"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4pPr>
            <a:lvl5pPr lvl="4"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5pPr>
            <a:lvl6pPr lvl="5"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6pPr>
            <a:lvl7pPr lvl="6"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7pPr>
            <a:lvl8pPr lvl="7"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8pPr>
            <a:lvl9pPr lvl="8"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9pPr>
          </a:lstStyle>
          <a:p>
            <a:endParaRPr/>
          </a:p>
        </p:txBody>
      </p:sp>
      <p:sp>
        <p:nvSpPr>
          <p:cNvPr id="387" name="Google Shape;387;p27"/>
          <p:cNvSpPr txBox="1">
            <a:spLocks noGrp="1"/>
          </p:cNvSpPr>
          <p:nvPr>
            <p:ph type="subTitle" idx="4"/>
          </p:nvPr>
        </p:nvSpPr>
        <p:spPr>
          <a:xfrm>
            <a:off x="11026365" y="4762500"/>
            <a:ext cx="6181333" cy="1046000"/>
          </a:xfrm>
          <a:prstGeom prst="rect">
            <a:avLst/>
          </a:prstGeom>
        </p:spPr>
        <p:txBody>
          <a:bodyPr spcFirstLastPara="1" wrap="square" lIns="91425" tIns="91425" rIns="91425" bIns="91425" anchor="b" anchorCtr="0">
            <a:noAutofit/>
          </a:bodyPr>
          <a:lstStyle>
            <a:lvl1pPr lvl="0" algn="ctr" rtl="0">
              <a:lnSpc>
                <a:spcPct val="100000"/>
              </a:lnSpc>
              <a:spcBef>
                <a:spcPts val="0"/>
              </a:spcBef>
              <a:spcAft>
                <a:spcPts val="0"/>
              </a:spcAft>
              <a:buSzPts val="2400"/>
              <a:buFont typeface="Orelega One"/>
              <a:buNone/>
              <a:defRPr sz="4889">
                <a:solidFill>
                  <a:schemeClr val="dk1"/>
                </a:solidFill>
                <a:latin typeface="Orelega One"/>
                <a:ea typeface="Orelega One"/>
                <a:cs typeface="Orelega One"/>
                <a:sym typeface="Orelega One"/>
              </a:defRPr>
            </a:lvl1pPr>
            <a:lvl2pPr lvl="1"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2pPr>
            <a:lvl3pPr lvl="2"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3pPr>
            <a:lvl4pPr lvl="3"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4pPr>
            <a:lvl5pPr lvl="4"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5pPr>
            <a:lvl6pPr lvl="5"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6pPr>
            <a:lvl7pPr lvl="6"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7pPr>
            <a:lvl8pPr lvl="7"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8pPr>
            <a:lvl9pPr lvl="8"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9pPr>
          </a:lstStyle>
          <a:p>
            <a:endParaRPr/>
          </a:p>
        </p:txBody>
      </p:sp>
      <p:grpSp>
        <p:nvGrpSpPr>
          <p:cNvPr id="388" name="Google Shape;388;p27"/>
          <p:cNvGrpSpPr/>
          <p:nvPr/>
        </p:nvGrpSpPr>
        <p:grpSpPr>
          <a:xfrm>
            <a:off x="921445" y="681333"/>
            <a:ext cx="18477111" cy="481333"/>
            <a:chOff x="414650" y="306600"/>
            <a:chExt cx="8314700" cy="216600"/>
          </a:xfrm>
        </p:grpSpPr>
        <p:grpSp>
          <p:nvGrpSpPr>
            <p:cNvPr id="389" name="Google Shape;389;p27"/>
            <p:cNvGrpSpPr/>
            <p:nvPr/>
          </p:nvGrpSpPr>
          <p:grpSpPr>
            <a:xfrm>
              <a:off x="713281" y="389286"/>
              <a:ext cx="7717437" cy="51251"/>
              <a:chOff x="450050" y="465475"/>
              <a:chExt cx="8367600" cy="51241"/>
            </a:xfrm>
          </p:grpSpPr>
          <p:cxnSp>
            <p:nvCxnSpPr>
              <p:cNvPr id="390" name="Google Shape;390;p27"/>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391" name="Google Shape;391;p27"/>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392" name="Google Shape;392;p27"/>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393" name="Google Shape;393;p27"/>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grpSp>
        <p:nvGrpSpPr>
          <p:cNvPr id="394" name="Google Shape;394;p27"/>
          <p:cNvGrpSpPr/>
          <p:nvPr/>
        </p:nvGrpSpPr>
        <p:grpSpPr>
          <a:xfrm>
            <a:off x="163000" y="5935505"/>
            <a:ext cx="19746667" cy="5494551"/>
            <a:chOff x="73350" y="2670977"/>
            <a:chExt cx="8886000" cy="2472548"/>
          </a:xfrm>
        </p:grpSpPr>
        <p:sp>
          <p:nvSpPr>
            <p:cNvPr id="395" name="Google Shape;395;p27"/>
            <p:cNvSpPr/>
            <p:nvPr/>
          </p:nvSpPr>
          <p:spPr>
            <a:xfrm flipH="1">
              <a:off x="8316707" y="2670977"/>
              <a:ext cx="642643" cy="2472548"/>
            </a:xfrm>
            <a:custGeom>
              <a:avLst/>
              <a:gdLst/>
              <a:ahLst/>
              <a:cxnLst/>
              <a:rect l="l" t="t" r="r" b="b"/>
              <a:pathLst>
                <a:path w="24361" h="93737" extrusionOk="0">
                  <a:moveTo>
                    <a:pt x="11069" y="0"/>
                  </a:moveTo>
                  <a:lnTo>
                    <a:pt x="10606" y="47"/>
                  </a:lnTo>
                  <a:lnTo>
                    <a:pt x="10189" y="139"/>
                  </a:lnTo>
                  <a:lnTo>
                    <a:pt x="9957" y="232"/>
                  </a:lnTo>
                  <a:lnTo>
                    <a:pt x="9818" y="371"/>
                  </a:lnTo>
                  <a:lnTo>
                    <a:pt x="9679" y="510"/>
                  </a:lnTo>
                  <a:lnTo>
                    <a:pt x="9541" y="649"/>
                  </a:lnTo>
                  <a:lnTo>
                    <a:pt x="9263" y="1297"/>
                  </a:lnTo>
                  <a:lnTo>
                    <a:pt x="9031" y="1899"/>
                  </a:lnTo>
                  <a:lnTo>
                    <a:pt x="8800" y="2548"/>
                  </a:lnTo>
                  <a:lnTo>
                    <a:pt x="8661" y="3196"/>
                  </a:lnTo>
                  <a:lnTo>
                    <a:pt x="8522" y="3844"/>
                  </a:lnTo>
                  <a:lnTo>
                    <a:pt x="8429" y="4539"/>
                  </a:lnTo>
                  <a:lnTo>
                    <a:pt x="8383" y="5187"/>
                  </a:lnTo>
                  <a:lnTo>
                    <a:pt x="8336" y="5836"/>
                  </a:lnTo>
                  <a:lnTo>
                    <a:pt x="8336" y="7179"/>
                  </a:lnTo>
                  <a:lnTo>
                    <a:pt x="8429" y="8522"/>
                  </a:lnTo>
                  <a:lnTo>
                    <a:pt x="8661" y="11208"/>
                  </a:lnTo>
                  <a:lnTo>
                    <a:pt x="8938" y="14172"/>
                  </a:lnTo>
                  <a:lnTo>
                    <a:pt x="9124" y="17090"/>
                  </a:lnTo>
                  <a:lnTo>
                    <a:pt x="9216" y="20054"/>
                  </a:lnTo>
                  <a:lnTo>
                    <a:pt x="9216" y="21489"/>
                  </a:lnTo>
                  <a:lnTo>
                    <a:pt x="9216" y="22971"/>
                  </a:lnTo>
                  <a:lnTo>
                    <a:pt x="9124" y="25194"/>
                  </a:lnTo>
                  <a:lnTo>
                    <a:pt x="8985" y="27417"/>
                  </a:lnTo>
                  <a:lnTo>
                    <a:pt x="8707" y="31863"/>
                  </a:lnTo>
                  <a:lnTo>
                    <a:pt x="8383" y="36263"/>
                  </a:lnTo>
                  <a:lnTo>
                    <a:pt x="8058" y="40709"/>
                  </a:lnTo>
                  <a:lnTo>
                    <a:pt x="7873" y="40061"/>
                  </a:lnTo>
                  <a:lnTo>
                    <a:pt x="7595" y="39412"/>
                  </a:lnTo>
                  <a:lnTo>
                    <a:pt x="7225" y="38857"/>
                  </a:lnTo>
                  <a:lnTo>
                    <a:pt x="6808" y="38347"/>
                  </a:lnTo>
                  <a:lnTo>
                    <a:pt x="6669" y="38254"/>
                  </a:lnTo>
                  <a:lnTo>
                    <a:pt x="6438" y="38208"/>
                  </a:lnTo>
                  <a:lnTo>
                    <a:pt x="6252" y="38208"/>
                  </a:lnTo>
                  <a:lnTo>
                    <a:pt x="6160" y="38254"/>
                  </a:lnTo>
                  <a:lnTo>
                    <a:pt x="6067" y="38347"/>
                  </a:lnTo>
                  <a:lnTo>
                    <a:pt x="5835" y="38671"/>
                  </a:lnTo>
                  <a:lnTo>
                    <a:pt x="5650" y="39042"/>
                  </a:lnTo>
                  <a:lnTo>
                    <a:pt x="5465" y="39412"/>
                  </a:lnTo>
                  <a:lnTo>
                    <a:pt x="5326" y="39783"/>
                  </a:lnTo>
                  <a:lnTo>
                    <a:pt x="5233" y="40153"/>
                  </a:lnTo>
                  <a:lnTo>
                    <a:pt x="5141" y="40570"/>
                  </a:lnTo>
                  <a:lnTo>
                    <a:pt x="5048" y="41357"/>
                  </a:lnTo>
                  <a:lnTo>
                    <a:pt x="5048" y="42191"/>
                  </a:lnTo>
                  <a:lnTo>
                    <a:pt x="5048" y="43025"/>
                  </a:lnTo>
                  <a:lnTo>
                    <a:pt x="5094" y="44646"/>
                  </a:lnTo>
                  <a:lnTo>
                    <a:pt x="5141" y="46730"/>
                  </a:lnTo>
                  <a:lnTo>
                    <a:pt x="5187" y="48814"/>
                  </a:lnTo>
                  <a:lnTo>
                    <a:pt x="5419" y="52935"/>
                  </a:lnTo>
                  <a:lnTo>
                    <a:pt x="5511" y="54927"/>
                  </a:lnTo>
                  <a:lnTo>
                    <a:pt x="5558" y="56965"/>
                  </a:lnTo>
                  <a:lnTo>
                    <a:pt x="5558" y="56965"/>
                  </a:lnTo>
                  <a:lnTo>
                    <a:pt x="5326" y="56177"/>
                  </a:lnTo>
                  <a:lnTo>
                    <a:pt x="5141" y="55436"/>
                  </a:lnTo>
                  <a:lnTo>
                    <a:pt x="4956" y="54649"/>
                  </a:lnTo>
                  <a:lnTo>
                    <a:pt x="4817" y="53862"/>
                  </a:lnTo>
                  <a:lnTo>
                    <a:pt x="4770" y="53074"/>
                  </a:lnTo>
                  <a:lnTo>
                    <a:pt x="4724" y="52287"/>
                  </a:lnTo>
                  <a:lnTo>
                    <a:pt x="4678" y="50759"/>
                  </a:lnTo>
                  <a:lnTo>
                    <a:pt x="4817" y="47656"/>
                  </a:lnTo>
                  <a:lnTo>
                    <a:pt x="4817" y="45896"/>
                  </a:lnTo>
                  <a:lnTo>
                    <a:pt x="4770" y="44090"/>
                  </a:lnTo>
                  <a:lnTo>
                    <a:pt x="4678" y="42330"/>
                  </a:lnTo>
                  <a:lnTo>
                    <a:pt x="4585" y="40524"/>
                  </a:lnTo>
                  <a:lnTo>
                    <a:pt x="4261" y="36958"/>
                  </a:lnTo>
                  <a:lnTo>
                    <a:pt x="4029" y="33392"/>
                  </a:lnTo>
                  <a:lnTo>
                    <a:pt x="3937" y="31400"/>
                  </a:lnTo>
                  <a:lnTo>
                    <a:pt x="3844" y="30428"/>
                  </a:lnTo>
                  <a:lnTo>
                    <a:pt x="3751" y="29918"/>
                  </a:lnTo>
                  <a:lnTo>
                    <a:pt x="3659" y="29455"/>
                  </a:lnTo>
                  <a:lnTo>
                    <a:pt x="3520" y="29038"/>
                  </a:lnTo>
                  <a:lnTo>
                    <a:pt x="3335" y="28621"/>
                  </a:lnTo>
                  <a:lnTo>
                    <a:pt x="3103" y="28251"/>
                  </a:lnTo>
                  <a:lnTo>
                    <a:pt x="2779" y="27927"/>
                  </a:lnTo>
                  <a:lnTo>
                    <a:pt x="2455" y="27649"/>
                  </a:lnTo>
                  <a:lnTo>
                    <a:pt x="2038" y="27464"/>
                  </a:lnTo>
                  <a:lnTo>
                    <a:pt x="1528" y="27278"/>
                  </a:lnTo>
                  <a:lnTo>
                    <a:pt x="973" y="27232"/>
                  </a:lnTo>
                  <a:lnTo>
                    <a:pt x="648" y="27232"/>
                  </a:lnTo>
                  <a:lnTo>
                    <a:pt x="463" y="27325"/>
                  </a:lnTo>
                  <a:lnTo>
                    <a:pt x="278" y="27417"/>
                  </a:lnTo>
                  <a:lnTo>
                    <a:pt x="139" y="27510"/>
                  </a:lnTo>
                  <a:lnTo>
                    <a:pt x="46" y="27695"/>
                  </a:lnTo>
                  <a:lnTo>
                    <a:pt x="0" y="27834"/>
                  </a:lnTo>
                  <a:lnTo>
                    <a:pt x="0" y="28019"/>
                  </a:lnTo>
                  <a:lnTo>
                    <a:pt x="232" y="28668"/>
                  </a:lnTo>
                  <a:lnTo>
                    <a:pt x="324" y="29316"/>
                  </a:lnTo>
                  <a:lnTo>
                    <a:pt x="417" y="30011"/>
                  </a:lnTo>
                  <a:lnTo>
                    <a:pt x="463" y="30706"/>
                  </a:lnTo>
                  <a:lnTo>
                    <a:pt x="463" y="32049"/>
                  </a:lnTo>
                  <a:lnTo>
                    <a:pt x="463" y="33392"/>
                  </a:lnTo>
                  <a:lnTo>
                    <a:pt x="556" y="35244"/>
                  </a:lnTo>
                  <a:lnTo>
                    <a:pt x="648" y="37097"/>
                  </a:lnTo>
                  <a:lnTo>
                    <a:pt x="648" y="38023"/>
                  </a:lnTo>
                  <a:lnTo>
                    <a:pt x="648" y="38949"/>
                  </a:lnTo>
                  <a:lnTo>
                    <a:pt x="648" y="39875"/>
                  </a:lnTo>
                  <a:lnTo>
                    <a:pt x="556" y="40802"/>
                  </a:lnTo>
                  <a:lnTo>
                    <a:pt x="371" y="42469"/>
                  </a:lnTo>
                  <a:lnTo>
                    <a:pt x="232" y="44229"/>
                  </a:lnTo>
                  <a:lnTo>
                    <a:pt x="139" y="45989"/>
                  </a:lnTo>
                  <a:lnTo>
                    <a:pt x="93" y="47795"/>
                  </a:lnTo>
                  <a:lnTo>
                    <a:pt x="93" y="49555"/>
                  </a:lnTo>
                  <a:lnTo>
                    <a:pt x="185" y="51315"/>
                  </a:lnTo>
                  <a:lnTo>
                    <a:pt x="324" y="53074"/>
                  </a:lnTo>
                  <a:lnTo>
                    <a:pt x="556" y="54742"/>
                  </a:lnTo>
                  <a:lnTo>
                    <a:pt x="695" y="55575"/>
                  </a:lnTo>
                  <a:lnTo>
                    <a:pt x="880" y="56409"/>
                  </a:lnTo>
                  <a:lnTo>
                    <a:pt x="1297" y="57984"/>
                  </a:lnTo>
                  <a:lnTo>
                    <a:pt x="1714" y="59604"/>
                  </a:lnTo>
                  <a:lnTo>
                    <a:pt x="1899" y="60438"/>
                  </a:lnTo>
                  <a:lnTo>
                    <a:pt x="2038" y="61272"/>
                  </a:lnTo>
                  <a:lnTo>
                    <a:pt x="2223" y="62661"/>
                  </a:lnTo>
                  <a:lnTo>
                    <a:pt x="2408" y="64097"/>
                  </a:lnTo>
                  <a:lnTo>
                    <a:pt x="2547" y="64791"/>
                  </a:lnTo>
                  <a:lnTo>
                    <a:pt x="2686" y="65486"/>
                  </a:lnTo>
                  <a:lnTo>
                    <a:pt x="2918" y="66181"/>
                  </a:lnTo>
                  <a:lnTo>
                    <a:pt x="3196" y="66829"/>
                  </a:lnTo>
                  <a:lnTo>
                    <a:pt x="3566" y="67478"/>
                  </a:lnTo>
                  <a:lnTo>
                    <a:pt x="3983" y="68126"/>
                  </a:lnTo>
                  <a:lnTo>
                    <a:pt x="4446" y="68682"/>
                  </a:lnTo>
                  <a:lnTo>
                    <a:pt x="4956" y="69237"/>
                  </a:lnTo>
                  <a:lnTo>
                    <a:pt x="5511" y="69701"/>
                  </a:lnTo>
                  <a:lnTo>
                    <a:pt x="6113" y="70164"/>
                  </a:lnTo>
                  <a:lnTo>
                    <a:pt x="6715" y="70534"/>
                  </a:lnTo>
                  <a:lnTo>
                    <a:pt x="7364" y="70812"/>
                  </a:lnTo>
                  <a:lnTo>
                    <a:pt x="7179" y="72572"/>
                  </a:lnTo>
                  <a:lnTo>
                    <a:pt x="7086" y="73452"/>
                  </a:lnTo>
                  <a:lnTo>
                    <a:pt x="7040" y="74332"/>
                  </a:lnTo>
                  <a:lnTo>
                    <a:pt x="7086" y="75767"/>
                  </a:lnTo>
                  <a:lnTo>
                    <a:pt x="7179" y="77203"/>
                  </a:lnTo>
                  <a:lnTo>
                    <a:pt x="7317" y="78639"/>
                  </a:lnTo>
                  <a:lnTo>
                    <a:pt x="7410" y="80075"/>
                  </a:lnTo>
                  <a:lnTo>
                    <a:pt x="7456" y="81603"/>
                  </a:lnTo>
                  <a:lnTo>
                    <a:pt x="7456" y="83131"/>
                  </a:lnTo>
                  <a:lnTo>
                    <a:pt x="7503" y="86188"/>
                  </a:lnTo>
                  <a:lnTo>
                    <a:pt x="7549" y="87716"/>
                  </a:lnTo>
                  <a:lnTo>
                    <a:pt x="7642" y="89244"/>
                  </a:lnTo>
                  <a:lnTo>
                    <a:pt x="7827" y="90773"/>
                  </a:lnTo>
                  <a:lnTo>
                    <a:pt x="7966" y="91514"/>
                  </a:lnTo>
                  <a:lnTo>
                    <a:pt x="8151" y="92208"/>
                  </a:lnTo>
                  <a:lnTo>
                    <a:pt x="8197" y="92440"/>
                  </a:lnTo>
                  <a:lnTo>
                    <a:pt x="8290" y="92625"/>
                  </a:lnTo>
                  <a:lnTo>
                    <a:pt x="8522" y="92996"/>
                  </a:lnTo>
                  <a:lnTo>
                    <a:pt x="8846" y="93274"/>
                  </a:lnTo>
                  <a:lnTo>
                    <a:pt x="9263" y="93505"/>
                  </a:lnTo>
                  <a:lnTo>
                    <a:pt x="9679" y="93644"/>
                  </a:lnTo>
                  <a:lnTo>
                    <a:pt x="10143" y="93737"/>
                  </a:lnTo>
                  <a:lnTo>
                    <a:pt x="10652" y="93737"/>
                  </a:lnTo>
                  <a:lnTo>
                    <a:pt x="11161" y="93690"/>
                  </a:lnTo>
                  <a:lnTo>
                    <a:pt x="11671" y="93598"/>
                  </a:lnTo>
                  <a:lnTo>
                    <a:pt x="12180" y="93459"/>
                  </a:lnTo>
                  <a:lnTo>
                    <a:pt x="12643" y="93274"/>
                  </a:lnTo>
                  <a:lnTo>
                    <a:pt x="13060" y="93042"/>
                  </a:lnTo>
                  <a:lnTo>
                    <a:pt x="13431" y="92764"/>
                  </a:lnTo>
                  <a:lnTo>
                    <a:pt x="13709" y="92440"/>
                  </a:lnTo>
                  <a:lnTo>
                    <a:pt x="13940" y="92116"/>
                  </a:lnTo>
                  <a:lnTo>
                    <a:pt x="14079" y="91699"/>
                  </a:lnTo>
                  <a:lnTo>
                    <a:pt x="14218" y="91004"/>
                  </a:lnTo>
                  <a:lnTo>
                    <a:pt x="14311" y="90310"/>
                  </a:lnTo>
                  <a:lnTo>
                    <a:pt x="14403" y="88874"/>
                  </a:lnTo>
                  <a:lnTo>
                    <a:pt x="14450" y="87392"/>
                  </a:lnTo>
                  <a:lnTo>
                    <a:pt x="14403" y="85910"/>
                  </a:lnTo>
                  <a:lnTo>
                    <a:pt x="14264" y="82992"/>
                  </a:lnTo>
                  <a:lnTo>
                    <a:pt x="14218" y="81510"/>
                  </a:lnTo>
                  <a:lnTo>
                    <a:pt x="14218" y="80075"/>
                  </a:lnTo>
                  <a:lnTo>
                    <a:pt x="14218" y="78546"/>
                  </a:lnTo>
                  <a:lnTo>
                    <a:pt x="14311" y="76972"/>
                  </a:lnTo>
                  <a:lnTo>
                    <a:pt x="14311" y="75443"/>
                  </a:lnTo>
                  <a:lnTo>
                    <a:pt x="14311" y="74656"/>
                  </a:lnTo>
                  <a:lnTo>
                    <a:pt x="14264" y="73915"/>
                  </a:lnTo>
                  <a:lnTo>
                    <a:pt x="14125" y="72711"/>
                  </a:lnTo>
                  <a:lnTo>
                    <a:pt x="13940" y="71507"/>
                  </a:lnTo>
                  <a:lnTo>
                    <a:pt x="14403" y="71321"/>
                  </a:lnTo>
                  <a:lnTo>
                    <a:pt x="14820" y="71136"/>
                  </a:lnTo>
                  <a:lnTo>
                    <a:pt x="15237" y="70905"/>
                  </a:lnTo>
                  <a:lnTo>
                    <a:pt x="15654" y="70627"/>
                  </a:lnTo>
                  <a:lnTo>
                    <a:pt x="16395" y="70025"/>
                  </a:lnTo>
                  <a:lnTo>
                    <a:pt x="17089" y="69376"/>
                  </a:lnTo>
                  <a:lnTo>
                    <a:pt x="17738" y="68635"/>
                  </a:lnTo>
                  <a:lnTo>
                    <a:pt x="18294" y="67848"/>
                  </a:lnTo>
                  <a:lnTo>
                    <a:pt x="18849" y="66968"/>
                  </a:lnTo>
                  <a:lnTo>
                    <a:pt x="19313" y="66088"/>
                  </a:lnTo>
                  <a:lnTo>
                    <a:pt x="19729" y="65162"/>
                  </a:lnTo>
                  <a:lnTo>
                    <a:pt x="20100" y="64189"/>
                  </a:lnTo>
                  <a:lnTo>
                    <a:pt x="20424" y="63263"/>
                  </a:lnTo>
                  <a:lnTo>
                    <a:pt x="20702" y="62291"/>
                  </a:lnTo>
                  <a:lnTo>
                    <a:pt x="20933" y="61318"/>
                  </a:lnTo>
                  <a:lnTo>
                    <a:pt x="21119" y="60345"/>
                  </a:lnTo>
                  <a:lnTo>
                    <a:pt x="21258" y="59419"/>
                  </a:lnTo>
                  <a:lnTo>
                    <a:pt x="21350" y="58493"/>
                  </a:lnTo>
                  <a:lnTo>
                    <a:pt x="21628" y="55622"/>
                  </a:lnTo>
                  <a:lnTo>
                    <a:pt x="21906" y="52797"/>
                  </a:lnTo>
                  <a:lnTo>
                    <a:pt x="22091" y="51407"/>
                  </a:lnTo>
                  <a:lnTo>
                    <a:pt x="22277" y="49971"/>
                  </a:lnTo>
                  <a:lnTo>
                    <a:pt x="22508" y="48582"/>
                  </a:lnTo>
                  <a:lnTo>
                    <a:pt x="22786" y="47146"/>
                  </a:lnTo>
                  <a:lnTo>
                    <a:pt x="23064" y="45942"/>
                  </a:lnTo>
                  <a:lnTo>
                    <a:pt x="23434" y="44738"/>
                  </a:lnTo>
                  <a:lnTo>
                    <a:pt x="23759" y="43488"/>
                  </a:lnTo>
                  <a:lnTo>
                    <a:pt x="24083" y="42237"/>
                  </a:lnTo>
                  <a:lnTo>
                    <a:pt x="24175" y="41635"/>
                  </a:lnTo>
                  <a:lnTo>
                    <a:pt x="24268" y="41033"/>
                  </a:lnTo>
                  <a:lnTo>
                    <a:pt x="24361" y="40385"/>
                  </a:lnTo>
                  <a:lnTo>
                    <a:pt x="24361" y="39783"/>
                  </a:lnTo>
                  <a:lnTo>
                    <a:pt x="24361" y="39181"/>
                  </a:lnTo>
                  <a:lnTo>
                    <a:pt x="24268" y="38532"/>
                  </a:lnTo>
                  <a:lnTo>
                    <a:pt x="24129" y="37930"/>
                  </a:lnTo>
                  <a:lnTo>
                    <a:pt x="23944" y="37375"/>
                  </a:lnTo>
                  <a:lnTo>
                    <a:pt x="23897" y="37236"/>
                  </a:lnTo>
                  <a:lnTo>
                    <a:pt x="23805" y="37189"/>
                  </a:lnTo>
                  <a:lnTo>
                    <a:pt x="23666" y="37143"/>
                  </a:lnTo>
                  <a:lnTo>
                    <a:pt x="23573" y="37097"/>
                  </a:lnTo>
                  <a:lnTo>
                    <a:pt x="23295" y="37097"/>
                  </a:lnTo>
                  <a:lnTo>
                    <a:pt x="23064" y="37189"/>
                  </a:lnTo>
                  <a:lnTo>
                    <a:pt x="22647" y="37513"/>
                  </a:lnTo>
                  <a:lnTo>
                    <a:pt x="22277" y="37838"/>
                  </a:lnTo>
                  <a:lnTo>
                    <a:pt x="21906" y="38162"/>
                  </a:lnTo>
                  <a:lnTo>
                    <a:pt x="21582" y="38532"/>
                  </a:lnTo>
                  <a:lnTo>
                    <a:pt x="20933" y="39273"/>
                  </a:lnTo>
                  <a:lnTo>
                    <a:pt x="20378" y="40107"/>
                  </a:lnTo>
                  <a:lnTo>
                    <a:pt x="20378" y="39459"/>
                  </a:lnTo>
                  <a:lnTo>
                    <a:pt x="20331" y="38764"/>
                  </a:lnTo>
                  <a:lnTo>
                    <a:pt x="20239" y="38162"/>
                  </a:lnTo>
                  <a:lnTo>
                    <a:pt x="20100" y="37560"/>
                  </a:lnTo>
                  <a:lnTo>
                    <a:pt x="19915" y="36958"/>
                  </a:lnTo>
                  <a:lnTo>
                    <a:pt x="19637" y="36402"/>
                  </a:lnTo>
                  <a:lnTo>
                    <a:pt x="19266" y="35893"/>
                  </a:lnTo>
                  <a:lnTo>
                    <a:pt x="18849" y="35383"/>
                  </a:lnTo>
                  <a:lnTo>
                    <a:pt x="18757" y="35290"/>
                  </a:lnTo>
                  <a:lnTo>
                    <a:pt x="18618" y="35244"/>
                  </a:lnTo>
                  <a:lnTo>
                    <a:pt x="18340" y="35152"/>
                  </a:lnTo>
                  <a:lnTo>
                    <a:pt x="18016" y="35198"/>
                  </a:lnTo>
                  <a:lnTo>
                    <a:pt x="17877" y="35244"/>
                  </a:lnTo>
                  <a:lnTo>
                    <a:pt x="17738" y="35290"/>
                  </a:lnTo>
                  <a:lnTo>
                    <a:pt x="17414" y="35568"/>
                  </a:lnTo>
                  <a:lnTo>
                    <a:pt x="17136" y="35893"/>
                  </a:lnTo>
                  <a:lnTo>
                    <a:pt x="16904" y="36170"/>
                  </a:lnTo>
                  <a:lnTo>
                    <a:pt x="16673" y="36495"/>
                  </a:lnTo>
                  <a:lnTo>
                    <a:pt x="16256" y="37097"/>
                  </a:lnTo>
                  <a:lnTo>
                    <a:pt x="15978" y="37791"/>
                  </a:lnTo>
                  <a:lnTo>
                    <a:pt x="15746" y="38532"/>
                  </a:lnTo>
                  <a:lnTo>
                    <a:pt x="15607" y="39273"/>
                  </a:lnTo>
                  <a:lnTo>
                    <a:pt x="15469" y="40061"/>
                  </a:lnTo>
                  <a:lnTo>
                    <a:pt x="15376" y="40894"/>
                  </a:lnTo>
                  <a:lnTo>
                    <a:pt x="15144" y="42978"/>
                  </a:lnTo>
                  <a:lnTo>
                    <a:pt x="15005" y="45062"/>
                  </a:lnTo>
                  <a:lnTo>
                    <a:pt x="14774" y="49277"/>
                  </a:lnTo>
                  <a:lnTo>
                    <a:pt x="14728" y="51268"/>
                  </a:lnTo>
                  <a:lnTo>
                    <a:pt x="14589" y="53260"/>
                  </a:lnTo>
                  <a:lnTo>
                    <a:pt x="14542" y="54279"/>
                  </a:lnTo>
                  <a:lnTo>
                    <a:pt x="14403" y="55251"/>
                  </a:lnTo>
                  <a:lnTo>
                    <a:pt x="14218" y="56224"/>
                  </a:lnTo>
                  <a:lnTo>
                    <a:pt x="13987" y="57196"/>
                  </a:lnTo>
                  <a:lnTo>
                    <a:pt x="13801" y="57752"/>
                  </a:lnTo>
                  <a:lnTo>
                    <a:pt x="13570" y="58261"/>
                  </a:lnTo>
                  <a:lnTo>
                    <a:pt x="13338" y="58678"/>
                  </a:lnTo>
                  <a:lnTo>
                    <a:pt x="13060" y="59095"/>
                  </a:lnTo>
                  <a:lnTo>
                    <a:pt x="12968" y="55853"/>
                  </a:lnTo>
                  <a:lnTo>
                    <a:pt x="12921" y="52611"/>
                  </a:lnTo>
                  <a:lnTo>
                    <a:pt x="12875" y="46128"/>
                  </a:lnTo>
                  <a:lnTo>
                    <a:pt x="12829" y="40477"/>
                  </a:lnTo>
                  <a:lnTo>
                    <a:pt x="12782" y="34827"/>
                  </a:lnTo>
                  <a:lnTo>
                    <a:pt x="12551" y="23527"/>
                  </a:lnTo>
                  <a:lnTo>
                    <a:pt x="12458" y="17877"/>
                  </a:lnTo>
                  <a:lnTo>
                    <a:pt x="12412" y="12227"/>
                  </a:lnTo>
                  <a:lnTo>
                    <a:pt x="12412" y="9402"/>
                  </a:lnTo>
                  <a:lnTo>
                    <a:pt x="12458" y="6530"/>
                  </a:lnTo>
                  <a:lnTo>
                    <a:pt x="12458" y="5141"/>
                  </a:lnTo>
                  <a:lnTo>
                    <a:pt x="12458" y="3705"/>
                  </a:lnTo>
                  <a:lnTo>
                    <a:pt x="12412" y="2316"/>
                  </a:lnTo>
                  <a:lnTo>
                    <a:pt x="12319" y="927"/>
                  </a:lnTo>
                  <a:lnTo>
                    <a:pt x="12273" y="695"/>
                  </a:lnTo>
                  <a:lnTo>
                    <a:pt x="12180" y="510"/>
                  </a:lnTo>
                  <a:lnTo>
                    <a:pt x="12041" y="371"/>
                  </a:lnTo>
                  <a:lnTo>
                    <a:pt x="11902" y="232"/>
                  </a:lnTo>
                  <a:lnTo>
                    <a:pt x="11717" y="139"/>
                  </a:lnTo>
                  <a:lnTo>
                    <a:pt x="11486" y="47"/>
                  </a:lnTo>
                  <a:lnTo>
                    <a:pt x="11069" y="0"/>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396" name="Google Shape;396;p27"/>
            <p:cNvSpPr/>
            <p:nvPr/>
          </p:nvSpPr>
          <p:spPr>
            <a:xfrm>
              <a:off x="422300" y="3537388"/>
              <a:ext cx="462000" cy="1352350"/>
            </a:xfrm>
            <a:custGeom>
              <a:avLst/>
              <a:gdLst/>
              <a:ahLst/>
              <a:cxnLst/>
              <a:rect l="l" t="t" r="r" b="b"/>
              <a:pathLst>
                <a:path w="18480" h="54094" extrusionOk="0">
                  <a:moveTo>
                    <a:pt x="2177" y="27464"/>
                  </a:moveTo>
                  <a:lnTo>
                    <a:pt x="2363" y="27973"/>
                  </a:lnTo>
                  <a:lnTo>
                    <a:pt x="2594" y="28436"/>
                  </a:lnTo>
                  <a:lnTo>
                    <a:pt x="2872" y="28853"/>
                  </a:lnTo>
                  <a:lnTo>
                    <a:pt x="3243" y="29224"/>
                  </a:lnTo>
                  <a:lnTo>
                    <a:pt x="3613" y="29548"/>
                  </a:lnTo>
                  <a:lnTo>
                    <a:pt x="4122" y="29779"/>
                  </a:lnTo>
                  <a:lnTo>
                    <a:pt x="4632" y="30011"/>
                  </a:lnTo>
                  <a:lnTo>
                    <a:pt x="5188" y="30196"/>
                  </a:lnTo>
                  <a:lnTo>
                    <a:pt x="5327" y="31539"/>
                  </a:lnTo>
                  <a:lnTo>
                    <a:pt x="4863" y="31493"/>
                  </a:lnTo>
                  <a:lnTo>
                    <a:pt x="4447" y="31400"/>
                  </a:lnTo>
                  <a:lnTo>
                    <a:pt x="3984" y="31261"/>
                  </a:lnTo>
                  <a:lnTo>
                    <a:pt x="3613" y="31076"/>
                  </a:lnTo>
                  <a:lnTo>
                    <a:pt x="3243" y="30845"/>
                  </a:lnTo>
                  <a:lnTo>
                    <a:pt x="2918" y="30613"/>
                  </a:lnTo>
                  <a:lnTo>
                    <a:pt x="2687" y="30335"/>
                  </a:lnTo>
                  <a:lnTo>
                    <a:pt x="2502" y="30011"/>
                  </a:lnTo>
                  <a:lnTo>
                    <a:pt x="2409" y="29733"/>
                  </a:lnTo>
                  <a:lnTo>
                    <a:pt x="2316" y="29455"/>
                  </a:lnTo>
                  <a:lnTo>
                    <a:pt x="2224" y="28807"/>
                  </a:lnTo>
                  <a:lnTo>
                    <a:pt x="2224" y="28158"/>
                  </a:lnTo>
                  <a:lnTo>
                    <a:pt x="2177" y="27464"/>
                  </a:lnTo>
                  <a:close/>
                  <a:moveTo>
                    <a:pt x="7457" y="1"/>
                  </a:moveTo>
                  <a:lnTo>
                    <a:pt x="7179" y="47"/>
                  </a:lnTo>
                  <a:lnTo>
                    <a:pt x="6901" y="140"/>
                  </a:lnTo>
                  <a:lnTo>
                    <a:pt x="6670" y="278"/>
                  </a:lnTo>
                  <a:lnTo>
                    <a:pt x="6484" y="510"/>
                  </a:lnTo>
                  <a:lnTo>
                    <a:pt x="6299" y="881"/>
                  </a:lnTo>
                  <a:lnTo>
                    <a:pt x="6114" y="1251"/>
                  </a:lnTo>
                  <a:lnTo>
                    <a:pt x="5882" y="2038"/>
                  </a:lnTo>
                  <a:lnTo>
                    <a:pt x="5697" y="2826"/>
                  </a:lnTo>
                  <a:lnTo>
                    <a:pt x="5604" y="3613"/>
                  </a:lnTo>
                  <a:lnTo>
                    <a:pt x="5558" y="4400"/>
                  </a:lnTo>
                  <a:lnTo>
                    <a:pt x="5558" y="5234"/>
                  </a:lnTo>
                  <a:lnTo>
                    <a:pt x="5558" y="6901"/>
                  </a:lnTo>
                  <a:lnTo>
                    <a:pt x="5558" y="10004"/>
                  </a:lnTo>
                  <a:lnTo>
                    <a:pt x="5604" y="13107"/>
                  </a:lnTo>
                  <a:lnTo>
                    <a:pt x="5651" y="14913"/>
                  </a:lnTo>
                  <a:lnTo>
                    <a:pt x="5604" y="16719"/>
                  </a:lnTo>
                  <a:lnTo>
                    <a:pt x="5558" y="18479"/>
                  </a:lnTo>
                  <a:lnTo>
                    <a:pt x="5466" y="19405"/>
                  </a:lnTo>
                  <a:lnTo>
                    <a:pt x="5327" y="20285"/>
                  </a:lnTo>
                  <a:lnTo>
                    <a:pt x="5095" y="21860"/>
                  </a:lnTo>
                  <a:lnTo>
                    <a:pt x="4817" y="23388"/>
                  </a:lnTo>
                  <a:lnTo>
                    <a:pt x="4771" y="24176"/>
                  </a:lnTo>
                  <a:lnTo>
                    <a:pt x="4725" y="24963"/>
                  </a:lnTo>
                  <a:lnTo>
                    <a:pt x="4725" y="25750"/>
                  </a:lnTo>
                  <a:lnTo>
                    <a:pt x="4817" y="26538"/>
                  </a:lnTo>
                  <a:lnTo>
                    <a:pt x="4910" y="27603"/>
                  </a:lnTo>
                  <a:lnTo>
                    <a:pt x="4539" y="27047"/>
                  </a:lnTo>
                  <a:lnTo>
                    <a:pt x="4261" y="26445"/>
                  </a:lnTo>
                  <a:lnTo>
                    <a:pt x="4030" y="25797"/>
                  </a:lnTo>
                  <a:lnTo>
                    <a:pt x="3891" y="25195"/>
                  </a:lnTo>
                  <a:lnTo>
                    <a:pt x="3845" y="24546"/>
                  </a:lnTo>
                  <a:lnTo>
                    <a:pt x="3798" y="23851"/>
                  </a:lnTo>
                  <a:lnTo>
                    <a:pt x="3845" y="22416"/>
                  </a:lnTo>
                  <a:lnTo>
                    <a:pt x="3798" y="21721"/>
                  </a:lnTo>
                  <a:lnTo>
                    <a:pt x="3752" y="21397"/>
                  </a:lnTo>
                  <a:lnTo>
                    <a:pt x="3659" y="21073"/>
                  </a:lnTo>
                  <a:lnTo>
                    <a:pt x="3567" y="20795"/>
                  </a:lnTo>
                  <a:lnTo>
                    <a:pt x="3428" y="20517"/>
                  </a:lnTo>
                  <a:lnTo>
                    <a:pt x="3243" y="20285"/>
                  </a:lnTo>
                  <a:lnTo>
                    <a:pt x="3011" y="20054"/>
                  </a:lnTo>
                  <a:lnTo>
                    <a:pt x="2965" y="20008"/>
                  </a:lnTo>
                  <a:lnTo>
                    <a:pt x="2872" y="20054"/>
                  </a:lnTo>
                  <a:lnTo>
                    <a:pt x="2502" y="20332"/>
                  </a:lnTo>
                  <a:lnTo>
                    <a:pt x="2224" y="20656"/>
                  </a:lnTo>
                  <a:lnTo>
                    <a:pt x="1992" y="21026"/>
                  </a:lnTo>
                  <a:lnTo>
                    <a:pt x="1853" y="21490"/>
                  </a:lnTo>
                  <a:lnTo>
                    <a:pt x="1761" y="21953"/>
                  </a:lnTo>
                  <a:lnTo>
                    <a:pt x="1714" y="22416"/>
                  </a:lnTo>
                  <a:lnTo>
                    <a:pt x="1668" y="22925"/>
                  </a:lnTo>
                  <a:lnTo>
                    <a:pt x="1668" y="23435"/>
                  </a:lnTo>
                  <a:lnTo>
                    <a:pt x="1483" y="22694"/>
                  </a:lnTo>
                  <a:lnTo>
                    <a:pt x="1297" y="21953"/>
                  </a:lnTo>
                  <a:lnTo>
                    <a:pt x="1020" y="21212"/>
                  </a:lnTo>
                  <a:lnTo>
                    <a:pt x="742" y="20424"/>
                  </a:lnTo>
                  <a:lnTo>
                    <a:pt x="695" y="20378"/>
                  </a:lnTo>
                  <a:lnTo>
                    <a:pt x="603" y="20424"/>
                  </a:lnTo>
                  <a:lnTo>
                    <a:pt x="371" y="21397"/>
                  </a:lnTo>
                  <a:lnTo>
                    <a:pt x="232" y="22323"/>
                  </a:lnTo>
                  <a:lnTo>
                    <a:pt x="93" y="23296"/>
                  </a:lnTo>
                  <a:lnTo>
                    <a:pt x="1" y="24268"/>
                  </a:lnTo>
                  <a:lnTo>
                    <a:pt x="1" y="25195"/>
                  </a:lnTo>
                  <a:lnTo>
                    <a:pt x="1" y="26167"/>
                  </a:lnTo>
                  <a:lnTo>
                    <a:pt x="47" y="28158"/>
                  </a:lnTo>
                  <a:lnTo>
                    <a:pt x="140" y="28853"/>
                  </a:lnTo>
                  <a:lnTo>
                    <a:pt x="186" y="29455"/>
                  </a:lnTo>
                  <a:lnTo>
                    <a:pt x="325" y="30057"/>
                  </a:lnTo>
                  <a:lnTo>
                    <a:pt x="510" y="30567"/>
                  </a:lnTo>
                  <a:lnTo>
                    <a:pt x="788" y="31030"/>
                  </a:lnTo>
                  <a:lnTo>
                    <a:pt x="1112" y="31493"/>
                  </a:lnTo>
                  <a:lnTo>
                    <a:pt x="1575" y="31863"/>
                  </a:lnTo>
                  <a:lnTo>
                    <a:pt x="2177" y="32234"/>
                  </a:lnTo>
                  <a:lnTo>
                    <a:pt x="2548" y="32419"/>
                  </a:lnTo>
                  <a:lnTo>
                    <a:pt x="2918" y="32604"/>
                  </a:lnTo>
                  <a:lnTo>
                    <a:pt x="3752" y="32836"/>
                  </a:lnTo>
                  <a:lnTo>
                    <a:pt x="4586" y="33021"/>
                  </a:lnTo>
                  <a:lnTo>
                    <a:pt x="5002" y="33068"/>
                  </a:lnTo>
                  <a:lnTo>
                    <a:pt x="5419" y="33068"/>
                  </a:lnTo>
                  <a:lnTo>
                    <a:pt x="5466" y="34503"/>
                  </a:lnTo>
                  <a:lnTo>
                    <a:pt x="5466" y="35985"/>
                  </a:lnTo>
                  <a:lnTo>
                    <a:pt x="5466" y="37514"/>
                  </a:lnTo>
                  <a:lnTo>
                    <a:pt x="5419" y="39042"/>
                  </a:lnTo>
                  <a:lnTo>
                    <a:pt x="5141" y="45711"/>
                  </a:lnTo>
                  <a:lnTo>
                    <a:pt x="5002" y="47517"/>
                  </a:lnTo>
                  <a:lnTo>
                    <a:pt x="4863" y="49370"/>
                  </a:lnTo>
                  <a:lnTo>
                    <a:pt x="4863" y="50249"/>
                  </a:lnTo>
                  <a:lnTo>
                    <a:pt x="4863" y="51176"/>
                  </a:lnTo>
                  <a:lnTo>
                    <a:pt x="4863" y="52056"/>
                  </a:lnTo>
                  <a:lnTo>
                    <a:pt x="5002" y="52936"/>
                  </a:lnTo>
                  <a:lnTo>
                    <a:pt x="5095" y="53260"/>
                  </a:lnTo>
                  <a:lnTo>
                    <a:pt x="5234" y="53538"/>
                  </a:lnTo>
                  <a:lnTo>
                    <a:pt x="5419" y="53769"/>
                  </a:lnTo>
                  <a:lnTo>
                    <a:pt x="5697" y="53908"/>
                  </a:lnTo>
                  <a:lnTo>
                    <a:pt x="5975" y="54001"/>
                  </a:lnTo>
                  <a:lnTo>
                    <a:pt x="6299" y="54093"/>
                  </a:lnTo>
                  <a:lnTo>
                    <a:pt x="6948" y="54093"/>
                  </a:lnTo>
                  <a:lnTo>
                    <a:pt x="7272" y="54047"/>
                  </a:lnTo>
                  <a:lnTo>
                    <a:pt x="7596" y="53954"/>
                  </a:lnTo>
                  <a:lnTo>
                    <a:pt x="7874" y="53816"/>
                  </a:lnTo>
                  <a:lnTo>
                    <a:pt x="8105" y="53677"/>
                  </a:lnTo>
                  <a:lnTo>
                    <a:pt x="8337" y="53538"/>
                  </a:lnTo>
                  <a:lnTo>
                    <a:pt x="8476" y="53352"/>
                  </a:lnTo>
                  <a:lnTo>
                    <a:pt x="8568" y="53121"/>
                  </a:lnTo>
                  <a:lnTo>
                    <a:pt x="8568" y="52936"/>
                  </a:lnTo>
                  <a:lnTo>
                    <a:pt x="8754" y="52102"/>
                  </a:lnTo>
                  <a:lnTo>
                    <a:pt x="8939" y="51315"/>
                  </a:lnTo>
                  <a:lnTo>
                    <a:pt x="9171" y="49647"/>
                  </a:lnTo>
                  <a:lnTo>
                    <a:pt x="9310" y="47980"/>
                  </a:lnTo>
                  <a:lnTo>
                    <a:pt x="9356" y="46267"/>
                  </a:lnTo>
                  <a:lnTo>
                    <a:pt x="9402" y="42840"/>
                  </a:lnTo>
                  <a:lnTo>
                    <a:pt x="9448" y="41172"/>
                  </a:lnTo>
                  <a:lnTo>
                    <a:pt x="9495" y="39551"/>
                  </a:lnTo>
                  <a:lnTo>
                    <a:pt x="9541" y="38255"/>
                  </a:lnTo>
                  <a:lnTo>
                    <a:pt x="10282" y="38255"/>
                  </a:lnTo>
                  <a:lnTo>
                    <a:pt x="10699" y="38162"/>
                  </a:lnTo>
                  <a:lnTo>
                    <a:pt x="11162" y="38069"/>
                  </a:lnTo>
                  <a:lnTo>
                    <a:pt x="11579" y="37977"/>
                  </a:lnTo>
                  <a:lnTo>
                    <a:pt x="11996" y="37838"/>
                  </a:lnTo>
                  <a:lnTo>
                    <a:pt x="12366" y="37653"/>
                  </a:lnTo>
                  <a:lnTo>
                    <a:pt x="12737" y="37467"/>
                  </a:lnTo>
                  <a:lnTo>
                    <a:pt x="13107" y="37236"/>
                  </a:lnTo>
                  <a:lnTo>
                    <a:pt x="13478" y="36958"/>
                  </a:lnTo>
                  <a:lnTo>
                    <a:pt x="13802" y="36726"/>
                  </a:lnTo>
                  <a:lnTo>
                    <a:pt x="14080" y="36402"/>
                  </a:lnTo>
                  <a:lnTo>
                    <a:pt x="14358" y="36078"/>
                  </a:lnTo>
                  <a:lnTo>
                    <a:pt x="14635" y="35754"/>
                  </a:lnTo>
                  <a:lnTo>
                    <a:pt x="14867" y="35383"/>
                  </a:lnTo>
                  <a:lnTo>
                    <a:pt x="15099" y="34966"/>
                  </a:lnTo>
                  <a:lnTo>
                    <a:pt x="15284" y="34550"/>
                  </a:lnTo>
                  <a:lnTo>
                    <a:pt x="15562" y="33901"/>
                  </a:lnTo>
                  <a:lnTo>
                    <a:pt x="15840" y="33207"/>
                  </a:lnTo>
                  <a:lnTo>
                    <a:pt x="16303" y="31863"/>
                  </a:lnTo>
                  <a:lnTo>
                    <a:pt x="17136" y="29085"/>
                  </a:lnTo>
                  <a:lnTo>
                    <a:pt x="17553" y="27788"/>
                  </a:lnTo>
                  <a:lnTo>
                    <a:pt x="17970" y="26538"/>
                  </a:lnTo>
                  <a:lnTo>
                    <a:pt x="18155" y="25889"/>
                  </a:lnTo>
                  <a:lnTo>
                    <a:pt x="18294" y="25241"/>
                  </a:lnTo>
                  <a:lnTo>
                    <a:pt x="18433" y="24592"/>
                  </a:lnTo>
                  <a:lnTo>
                    <a:pt x="18479" y="23898"/>
                  </a:lnTo>
                  <a:lnTo>
                    <a:pt x="18479" y="23620"/>
                  </a:lnTo>
                  <a:lnTo>
                    <a:pt x="18433" y="23157"/>
                  </a:lnTo>
                  <a:lnTo>
                    <a:pt x="18340" y="22601"/>
                  </a:lnTo>
                  <a:lnTo>
                    <a:pt x="18202" y="21999"/>
                  </a:lnTo>
                  <a:lnTo>
                    <a:pt x="17970" y="21443"/>
                  </a:lnTo>
                  <a:lnTo>
                    <a:pt x="17831" y="21212"/>
                  </a:lnTo>
                  <a:lnTo>
                    <a:pt x="17692" y="21026"/>
                  </a:lnTo>
                  <a:lnTo>
                    <a:pt x="17507" y="20887"/>
                  </a:lnTo>
                  <a:lnTo>
                    <a:pt x="17322" y="20795"/>
                  </a:lnTo>
                  <a:lnTo>
                    <a:pt x="17090" y="20841"/>
                  </a:lnTo>
                  <a:lnTo>
                    <a:pt x="16858" y="20934"/>
                  </a:lnTo>
                  <a:lnTo>
                    <a:pt x="16442" y="21212"/>
                  </a:lnTo>
                  <a:lnTo>
                    <a:pt x="16117" y="21490"/>
                  </a:lnTo>
                  <a:lnTo>
                    <a:pt x="15886" y="21767"/>
                  </a:lnTo>
                  <a:lnTo>
                    <a:pt x="15701" y="22092"/>
                  </a:lnTo>
                  <a:lnTo>
                    <a:pt x="15515" y="22416"/>
                  </a:lnTo>
                  <a:lnTo>
                    <a:pt x="15423" y="22833"/>
                  </a:lnTo>
                  <a:lnTo>
                    <a:pt x="15191" y="23759"/>
                  </a:lnTo>
                  <a:lnTo>
                    <a:pt x="14821" y="25195"/>
                  </a:lnTo>
                  <a:lnTo>
                    <a:pt x="14404" y="26630"/>
                  </a:lnTo>
                  <a:lnTo>
                    <a:pt x="13524" y="29502"/>
                  </a:lnTo>
                  <a:lnTo>
                    <a:pt x="12876" y="31771"/>
                  </a:lnTo>
                  <a:lnTo>
                    <a:pt x="12505" y="32882"/>
                  </a:lnTo>
                  <a:lnTo>
                    <a:pt x="12274" y="33438"/>
                  </a:lnTo>
                  <a:lnTo>
                    <a:pt x="12042" y="33994"/>
                  </a:lnTo>
                  <a:lnTo>
                    <a:pt x="11857" y="34411"/>
                  </a:lnTo>
                  <a:lnTo>
                    <a:pt x="11579" y="34781"/>
                  </a:lnTo>
                  <a:lnTo>
                    <a:pt x="11347" y="35105"/>
                  </a:lnTo>
                  <a:lnTo>
                    <a:pt x="11069" y="35337"/>
                  </a:lnTo>
                  <a:lnTo>
                    <a:pt x="10745" y="35568"/>
                  </a:lnTo>
                  <a:lnTo>
                    <a:pt x="10375" y="35707"/>
                  </a:lnTo>
                  <a:lnTo>
                    <a:pt x="10004" y="35846"/>
                  </a:lnTo>
                  <a:lnTo>
                    <a:pt x="9587" y="35939"/>
                  </a:lnTo>
                  <a:lnTo>
                    <a:pt x="9587" y="33716"/>
                  </a:lnTo>
                  <a:lnTo>
                    <a:pt x="9495" y="31493"/>
                  </a:lnTo>
                  <a:lnTo>
                    <a:pt x="9310" y="29270"/>
                  </a:lnTo>
                  <a:lnTo>
                    <a:pt x="9078" y="27047"/>
                  </a:lnTo>
                  <a:lnTo>
                    <a:pt x="8985" y="26213"/>
                  </a:lnTo>
                  <a:lnTo>
                    <a:pt x="8939" y="25426"/>
                  </a:lnTo>
                  <a:lnTo>
                    <a:pt x="8939" y="24639"/>
                  </a:lnTo>
                  <a:lnTo>
                    <a:pt x="8985" y="23898"/>
                  </a:lnTo>
                  <a:lnTo>
                    <a:pt x="9171" y="22369"/>
                  </a:lnTo>
                  <a:lnTo>
                    <a:pt x="9448" y="20749"/>
                  </a:lnTo>
                  <a:lnTo>
                    <a:pt x="9587" y="19915"/>
                  </a:lnTo>
                  <a:lnTo>
                    <a:pt x="9680" y="19128"/>
                  </a:lnTo>
                  <a:lnTo>
                    <a:pt x="9819" y="17460"/>
                  </a:lnTo>
                  <a:lnTo>
                    <a:pt x="9865" y="15793"/>
                  </a:lnTo>
                  <a:lnTo>
                    <a:pt x="9865" y="14126"/>
                  </a:lnTo>
                  <a:lnTo>
                    <a:pt x="9773" y="10513"/>
                  </a:lnTo>
                  <a:lnTo>
                    <a:pt x="9634" y="6901"/>
                  </a:lnTo>
                  <a:lnTo>
                    <a:pt x="9587" y="5234"/>
                  </a:lnTo>
                  <a:lnTo>
                    <a:pt x="9541" y="4400"/>
                  </a:lnTo>
                  <a:lnTo>
                    <a:pt x="9448" y="3613"/>
                  </a:lnTo>
                  <a:lnTo>
                    <a:pt x="9310" y="2779"/>
                  </a:lnTo>
                  <a:lnTo>
                    <a:pt x="9124" y="1992"/>
                  </a:lnTo>
                  <a:lnTo>
                    <a:pt x="8846" y="1251"/>
                  </a:lnTo>
                  <a:lnTo>
                    <a:pt x="8661" y="881"/>
                  </a:lnTo>
                  <a:lnTo>
                    <a:pt x="8430" y="510"/>
                  </a:lnTo>
                  <a:lnTo>
                    <a:pt x="8244" y="278"/>
                  </a:lnTo>
                  <a:lnTo>
                    <a:pt x="8013" y="140"/>
                  </a:lnTo>
                  <a:lnTo>
                    <a:pt x="7735" y="47"/>
                  </a:lnTo>
                  <a:lnTo>
                    <a:pt x="7457" y="1"/>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397" name="Google Shape;397;p27"/>
            <p:cNvSpPr/>
            <p:nvPr/>
          </p:nvSpPr>
          <p:spPr>
            <a:xfrm>
              <a:off x="73350" y="3722650"/>
              <a:ext cx="291800" cy="981850"/>
            </a:xfrm>
            <a:custGeom>
              <a:avLst/>
              <a:gdLst/>
              <a:ahLst/>
              <a:cxnLst/>
              <a:rect l="l" t="t" r="r" b="b"/>
              <a:pathLst>
                <a:path w="11672" h="39274" extrusionOk="0">
                  <a:moveTo>
                    <a:pt x="6253" y="1"/>
                  </a:moveTo>
                  <a:lnTo>
                    <a:pt x="6068" y="47"/>
                  </a:lnTo>
                  <a:lnTo>
                    <a:pt x="5929" y="140"/>
                  </a:lnTo>
                  <a:lnTo>
                    <a:pt x="5558" y="603"/>
                  </a:lnTo>
                  <a:lnTo>
                    <a:pt x="5327" y="1112"/>
                  </a:lnTo>
                  <a:lnTo>
                    <a:pt x="5141" y="1622"/>
                  </a:lnTo>
                  <a:lnTo>
                    <a:pt x="5002" y="2177"/>
                  </a:lnTo>
                  <a:lnTo>
                    <a:pt x="4910" y="2733"/>
                  </a:lnTo>
                  <a:lnTo>
                    <a:pt x="4863" y="3289"/>
                  </a:lnTo>
                  <a:lnTo>
                    <a:pt x="4817" y="4447"/>
                  </a:lnTo>
                  <a:lnTo>
                    <a:pt x="4771" y="6855"/>
                  </a:lnTo>
                  <a:lnTo>
                    <a:pt x="4725" y="9263"/>
                  </a:lnTo>
                  <a:lnTo>
                    <a:pt x="4771" y="11903"/>
                  </a:lnTo>
                  <a:lnTo>
                    <a:pt x="4817" y="14543"/>
                  </a:lnTo>
                  <a:lnTo>
                    <a:pt x="4586" y="14172"/>
                  </a:lnTo>
                  <a:lnTo>
                    <a:pt x="4447" y="13755"/>
                  </a:lnTo>
                  <a:lnTo>
                    <a:pt x="4308" y="13339"/>
                  </a:lnTo>
                  <a:lnTo>
                    <a:pt x="4215" y="12922"/>
                  </a:lnTo>
                  <a:lnTo>
                    <a:pt x="4169" y="12459"/>
                  </a:lnTo>
                  <a:lnTo>
                    <a:pt x="4076" y="11533"/>
                  </a:lnTo>
                  <a:lnTo>
                    <a:pt x="4030" y="10699"/>
                  </a:lnTo>
                  <a:lnTo>
                    <a:pt x="4076" y="10189"/>
                  </a:lnTo>
                  <a:lnTo>
                    <a:pt x="4076" y="9680"/>
                  </a:lnTo>
                  <a:lnTo>
                    <a:pt x="4030" y="8661"/>
                  </a:lnTo>
                  <a:lnTo>
                    <a:pt x="3798" y="6670"/>
                  </a:lnTo>
                  <a:lnTo>
                    <a:pt x="3752" y="5605"/>
                  </a:lnTo>
                  <a:lnTo>
                    <a:pt x="3659" y="4586"/>
                  </a:lnTo>
                  <a:lnTo>
                    <a:pt x="3613" y="4076"/>
                  </a:lnTo>
                  <a:lnTo>
                    <a:pt x="3520" y="3567"/>
                  </a:lnTo>
                  <a:lnTo>
                    <a:pt x="3381" y="3057"/>
                  </a:lnTo>
                  <a:lnTo>
                    <a:pt x="3150" y="2594"/>
                  </a:lnTo>
                  <a:lnTo>
                    <a:pt x="3104" y="2502"/>
                  </a:lnTo>
                  <a:lnTo>
                    <a:pt x="3011" y="2409"/>
                  </a:lnTo>
                  <a:lnTo>
                    <a:pt x="2826" y="2363"/>
                  </a:lnTo>
                  <a:lnTo>
                    <a:pt x="2594" y="2455"/>
                  </a:lnTo>
                  <a:lnTo>
                    <a:pt x="2548" y="2502"/>
                  </a:lnTo>
                  <a:lnTo>
                    <a:pt x="2455" y="2594"/>
                  </a:lnTo>
                  <a:lnTo>
                    <a:pt x="2224" y="3104"/>
                  </a:lnTo>
                  <a:lnTo>
                    <a:pt x="2038" y="3613"/>
                  </a:lnTo>
                  <a:lnTo>
                    <a:pt x="1946" y="4169"/>
                  </a:lnTo>
                  <a:lnTo>
                    <a:pt x="1853" y="4725"/>
                  </a:lnTo>
                  <a:lnTo>
                    <a:pt x="1853" y="5280"/>
                  </a:lnTo>
                  <a:lnTo>
                    <a:pt x="1853" y="5836"/>
                  </a:lnTo>
                  <a:lnTo>
                    <a:pt x="1899" y="6994"/>
                  </a:lnTo>
                  <a:lnTo>
                    <a:pt x="1992" y="8105"/>
                  </a:lnTo>
                  <a:lnTo>
                    <a:pt x="2131" y="9171"/>
                  </a:lnTo>
                  <a:lnTo>
                    <a:pt x="2177" y="10421"/>
                  </a:lnTo>
                  <a:lnTo>
                    <a:pt x="2270" y="11625"/>
                  </a:lnTo>
                  <a:lnTo>
                    <a:pt x="2455" y="12737"/>
                  </a:lnTo>
                  <a:lnTo>
                    <a:pt x="2548" y="13292"/>
                  </a:lnTo>
                  <a:lnTo>
                    <a:pt x="2687" y="13802"/>
                  </a:lnTo>
                  <a:lnTo>
                    <a:pt x="2872" y="14265"/>
                  </a:lnTo>
                  <a:lnTo>
                    <a:pt x="3057" y="14682"/>
                  </a:lnTo>
                  <a:lnTo>
                    <a:pt x="3289" y="15052"/>
                  </a:lnTo>
                  <a:lnTo>
                    <a:pt x="3567" y="15376"/>
                  </a:lnTo>
                  <a:lnTo>
                    <a:pt x="3845" y="15654"/>
                  </a:lnTo>
                  <a:lnTo>
                    <a:pt x="4169" y="15886"/>
                  </a:lnTo>
                  <a:lnTo>
                    <a:pt x="4493" y="16025"/>
                  </a:lnTo>
                  <a:lnTo>
                    <a:pt x="4863" y="16071"/>
                  </a:lnTo>
                  <a:lnTo>
                    <a:pt x="5002" y="18850"/>
                  </a:lnTo>
                  <a:lnTo>
                    <a:pt x="5049" y="19545"/>
                  </a:lnTo>
                  <a:lnTo>
                    <a:pt x="4910" y="19591"/>
                  </a:lnTo>
                  <a:lnTo>
                    <a:pt x="4586" y="19730"/>
                  </a:lnTo>
                  <a:lnTo>
                    <a:pt x="4261" y="19730"/>
                  </a:lnTo>
                  <a:lnTo>
                    <a:pt x="3984" y="19683"/>
                  </a:lnTo>
                  <a:lnTo>
                    <a:pt x="3752" y="19545"/>
                  </a:lnTo>
                  <a:lnTo>
                    <a:pt x="3520" y="19359"/>
                  </a:lnTo>
                  <a:lnTo>
                    <a:pt x="3289" y="19128"/>
                  </a:lnTo>
                  <a:lnTo>
                    <a:pt x="3104" y="18804"/>
                  </a:lnTo>
                  <a:lnTo>
                    <a:pt x="2965" y="18479"/>
                  </a:lnTo>
                  <a:lnTo>
                    <a:pt x="2687" y="17692"/>
                  </a:lnTo>
                  <a:lnTo>
                    <a:pt x="2455" y="16812"/>
                  </a:lnTo>
                  <a:lnTo>
                    <a:pt x="2316" y="15886"/>
                  </a:lnTo>
                  <a:lnTo>
                    <a:pt x="2224" y="15052"/>
                  </a:lnTo>
                  <a:lnTo>
                    <a:pt x="2224" y="14033"/>
                  </a:lnTo>
                  <a:lnTo>
                    <a:pt x="2177" y="13061"/>
                  </a:lnTo>
                  <a:lnTo>
                    <a:pt x="1992" y="11069"/>
                  </a:lnTo>
                  <a:lnTo>
                    <a:pt x="1899" y="9958"/>
                  </a:lnTo>
                  <a:lnTo>
                    <a:pt x="1807" y="9402"/>
                  </a:lnTo>
                  <a:lnTo>
                    <a:pt x="1714" y="8893"/>
                  </a:lnTo>
                  <a:lnTo>
                    <a:pt x="1529" y="8383"/>
                  </a:lnTo>
                  <a:lnTo>
                    <a:pt x="1344" y="7874"/>
                  </a:lnTo>
                  <a:lnTo>
                    <a:pt x="1066" y="7364"/>
                  </a:lnTo>
                  <a:lnTo>
                    <a:pt x="742" y="6901"/>
                  </a:lnTo>
                  <a:lnTo>
                    <a:pt x="649" y="6809"/>
                  </a:lnTo>
                  <a:lnTo>
                    <a:pt x="556" y="6762"/>
                  </a:lnTo>
                  <a:lnTo>
                    <a:pt x="417" y="6762"/>
                  </a:lnTo>
                  <a:lnTo>
                    <a:pt x="279" y="6809"/>
                  </a:lnTo>
                  <a:lnTo>
                    <a:pt x="186" y="6855"/>
                  </a:lnTo>
                  <a:lnTo>
                    <a:pt x="93" y="6948"/>
                  </a:lnTo>
                  <a:lnTo>
                    <a:pt x="47" y="7087"/>
                  </a:lnTo>
                  <a:lnTo>
                    <a:pt x="1" y="7179"/>
                  </a:lnTo>
                  <a:lnTo>
                    <a:pt x="47" y="8430"/>
                  </a:lnTo>
                  <a:lnTo>
                    <a:pt x="140" y="9634"/>
                  </a:lnTo>
                  <a:lnTo>
                    <a:pt x="232" y="10838"/>
                  </a:lnTo>
                  <a:lnTo>
                    <a:pt x="325" y="12088"/>
                  </a:lnTo>
                  <a:lnTo>
                    <a:pt x="371" y="13153"/>
                  </a:lnTo>
                  <a:lnTo>
                    <a:pt x="464" y="14265"/>
                  </a:lnTo>
                  <a:lnTo>
                    <a:pt x="510" y="15284"/>
                  </a:lnTo>
                  <a:lnTo>
                    <a:pt x="603" y="16256"/>
                  </a:lnTo>
                  <a:lnTo>
                    <a:pt x="742" y="17275"/>
                  </a:lnTo>
                  <a:lnTo>
                    <a:pt x="834" y="17738"/>
                  </a:lnTo>
                  <a:lnTo>
                    <a:pt x="973" y="18201"/>
                  </a:lnTo>
                  <a:lnTo>
                    <a:pt x="1066" y="18572"/>
                  </a:lnTo>
                  <a:lnTo>
                    <a:pt x="1205" y="18896"/>
                  </a:lnTo>
                  <a:lnTo>
                    <a:pt x="1575" y="19498"/>
                  </a:lnTo>
                  <a:lnTo>
                    <a:pt x="2038" y="20054"/>
                  </a:lnTo>
                  <a:lnTo>
                    <a:pt x="2270" y="20332"/>
                  </a:lnTo>
                  <a:lnTo>
                    <a:pt x="2548" y="20563"/>
                  </a:lnTo>
                  <a:lnTo>
                    <a:pt x="2826" y="20749"/>
                  </a:lnTo>
                  <a:lnTo>
                    <a:pt x="3104" y="20934"/>
                  </a:lnTo>
                  <a:lnTo>
                    <a:pt x="3428" y="21073"/>
                  </a:lnTo>
                  <a:lnTo>
                    <a:pt x="3752" y="21165"/>
                  </a:lnTo>
                  <a:lnTo>
                    <a:pt x="4076" y="21258"/>
                  </a:lnTo>
                  <a:lnTo>
                    <a:pt x="4771" y="21258"/>
                  </a:lnTo>
                  <a:lnTo>
                    <a:pt x="5095" y="21212"/>
                  </a:lnTo>
                  <a:lnTo>
                    <a:pt x="5141" y="23388"/>
                  </a:lnTo>
                  <a:lnTo>
                    <a:pt x="5141" y="25519"/>
                  </a:lnTo>
                  <a:lnTo>
                    <a:pt x="5188" y="29872"/>
                  </a:lnTo>
                  <a:lnTo>
                    <a:pt x="5188" y="32049"/>
                  </a:lnTo>
                  <a:lnTo>
                    <a:pt x="5234" y="34179"/>
                  </a:lnTo>
                  <a:lnTo>
                    <a:pt x="5327" y="36356"/>
                  </a:lnTo>
                  <a:lnTo>
                    <a:pt x="5466" y="38533"/>
                  </a:lnTo>
                  <a:lnTo>
                    <a:pt x="5512" y="38672"/>
                  </a:lnTo>
                  <a:lnTo>
                    <a:pt x="5558" y="38857"/>
                  </a:lnTo>
                  <a:lnTo>
                    <a:pt x="5697" y="38949"/>
                  </a:lnTo>
                  <a:lnTo>
                    <a:pt x="5836" y="39088"/>
                  </a:lnTo>
                  <a:lnTo>
                    <a:pt x="6021" y="39135"/>
                  </a:lnTo>
                  <a:lnTo>
                    <a:pt x="6207" y="39227"/>
                  </a:lnTo>
                  <a:lnTo>
                    <a:pt x="6577" y="39274"/>
                  </a:lnTo>
                  <a:lnTo>
                    <a:pt x="6994" y="39227"/>
                  </a:lnTo>
                  <a:lnTo>
                    <a:pt x="7179" y="39135"/>
                  </a:lnTo>
                  <a:lnTo>
                    <a:pt x="7318" y="39088"/>
                  </a:lnTo>
                  <a:lnTo>
                    <a:pt x="7457" y="38949"/>
                  </a:lnTo>
                  <a:lnTo>
                    <a:pt x="7596" y="38857"/>
                  </a:lnTo>
                  <a:lnTo>
                    <a:pt x="7642" y="38718"/>
                  </a:lnTo>
                  <a:lnTo>
                    <a:pt x="7689" y="38533"/>
                  </a:lnTo>
                  <a:lnTo>
                    <a:pt x="7689" y="36587"/>
                  </a:lnTo>
                  <a:lnTo>
                    <a:pt x="7596" y="34642"/>
                  </a:lnTo>
                  <a:lnTo>
                    <a:pt x="7411" y="30798"/>
                  </a:lnTo>
                  <a:lnTo>
                    <a:pt x="7179" y="26955"/>
                  </a:lnTo>
                  <a:lnTo>
                    <a:pt x="6948" y="23111"/>
                  </a:lnTo>
                  <a:lnTo>
                    <a:pt x="6948" y="23111"/>
                  </a:lnTo>
                  <a:lnTo>
                    <a:pt x="7225" y="23157"/>
                  </a:lnTo>
                  <a:lnTo>
                    <a:pt x="7828" y="23157"/>
                  </a:lnTo>
                  <a:lnTo>
                    <a:pt x="8152" y="23111"/>
                  </a:lnTo>
                  <a:lnTo>
                    <a:pt x="8430" y="23018"/>
                  </a:lnTo>
                  <a:lnTo>
                    <a:pt x="8707" y="22879"/>
                  </a:lnTo>
                  <a:lnTo>
                    <a:pt x="9217" y="22555"/>
                  </a:lnTo>
                  <a:lnTo>
                    <a:pt x="9726" y="22184"/>
                  </a:lnTo>
                  <a:lnTo>
                    <a:pt x="10143" y="21721"/>
                  </a:lnTo>
                  <a:lnTo>
                    <a:pt x="10514" y="21165"/>
                  </a:lnTo>
                  <a:lnTo>
                    <a:pt x="10792" y="20656"/>
                  </a:lnTo>
                  <a:lnTo>
                    <a:pt x="11116" y="19730"/>
                  </a:lnTo>
                  <a:lnTo>
                    <a:pt x="11394" y="18757"/>
                  </a:lnTo>
                  <a:lnTo>
                    <a:pt x="11579" y="17785"/>
                  </a:lnTo>
                  <a:lnTo>
                    <a:pt x="11671" y="16766"/>
                  </a:lnTo>
                  <a:lnTo>
                    <a:pt x="11671" y="15747"/>
                  </a:lnTo>
                  <a:lnTo>
                    <a:pt x="11625" y="15237"/>
                  </a:lnTo>
                  <a:lnTo>
                    <a:pt x="11533" y="14728"/>
                  </a:lnTo>
                  <a:lnTo>
                    <a:pt x="11440" y="14265"/>
                  </a:lnTo>
                  <a:lnTo>
                    <a:pt x="11301" y="13755"/>
                  </a:lnTo>
                  <a:lnTo>
                    <a:pt x="11162" y="13339"/>
                  </a:lnTo>
                  <a:lnTo>
                    <a:pt x="10977" y="12876"/>
                  </a:lnTo>
                  <a:lnTo>
                    <a:pt x="10884" y="12783"/>
                  </a:lnTo>
                  <a:lnTo>
                    <a:pt x="10792" y="12690"/>
                  </a:lnTo>
                  <a:lnTo>
                    <a:pt x="10653" y="12644"/>
                  </a:lnTo>
                  <a:lnTo>
                    <a:pt x="10560" y="12690"/>
                  </a:lnTo>
                  <a:lnTo>
                    <a:pt x="10421" y="12690"/>
                  </a:lnTo>
                  <a:lnTo>
                    <a:pt x="10328" y="12783"/>
                  </a:lnTo>
                  <a:lnTo>
                    <a:pt x="10236" y="12876"/>
                  </a:lnTo>
                  <a:lnTo>
                    <a:pt x="10189" y="12968"/>
                  </a:lnTo>
                  <a:lnTo>
                    <a:pt x="10004" y="13524"/>
                  </a:lnTo>
                  <a:lnTo>
                    <a:pt x="9912" y="14033"/>
                  </a:lnTo>
                  <a:lnTo>
                    <a:pt x="9726" y="15099"/>
                  </a:lnTo>
                  <a:lnTo>
                    <a:pt x="9448" y="17229"/>
                  </a:lnTo>
                  <a:lnTo>
                    <a:pt x="9263" y="18433"/>
                  </a:lnTo>
                  <a:lnTo>
                    <a:pt x="9078" y="19128"/>
                  </a:lnTo>
                  <a:lnTo>
                    <a:pt x="8846" y="19822"/>
                  </a:lnTo>
                  <a:lnTo>
                    <a:pt x="8707" y="20054"/>
                  </a:lnTo>
                  <a:lnTo>
                    <a:pt x="8569" y="20286"/>
                  </a:lnTo>
                  <a:lnTo>
                    <a:pt x="8383" y="20471"/>
                  </a:lnTo>
                  <a:lnTo>
                    <a:pt x="8198" y="20610"/>
                  </a:lnTo>
                  <a:lnTo>
                    <a:pt x="7920" y="20702"/>
                  </a:lnTo>
                  <a:lnTo>
                    <a:pt x="7689" y="20749"/>
                  </a:lnTo>
                  <a:lnTo>
                    <a:pt x="7364" y="20749"/>
                  </a:lnTo>
                  <a:lnTo>
                    <a:pt x="6994" y="20702"/>
                  </a:lnTo>
                  <a:lnTo>
                    <a:pt x="6855" y="20656"/>
                  </a:lnTo>
                  <a:lnTo>
                    <a:pt x="6809" y="18850"/>
                  </a:lnTo>
                  <a:lnTo>
                    <a:pt x="6809" y="17877"/>
                  </a:lnTo>
                  <a:lnTo>
                    <a:pt x="7225" y="17831"/>
                  </a:lnTo>
                  <a:lnTo>
                    <a:pt x="7550" y="17738"/>
                  </a:lnTo>
                  <a:lnTo>
                    <a:pt x="7874" y="17599"/>
                  </a:lnTo>
                  <a:lnTo>
                    <a:pt x="8105" y="17414"/>
                  </a:lnTo>
                  <a:lnTo>
                    <a:pt x="8337" y="17229"/>
                  </a:lnTo>
                  <a:lnTo>
                    <a:pt x="8476" y="17044"/>
                  </a:lnTo>
                  <a:lnTo>
                    <a:pt x="8615" y="16812"/>
                  </a:lnTo>
                  <a:lnTo>
                    <a:pt x="8754" y="16534"/>
                  </a:lnTo>
                  <a:lnTo>
                    <a:pt x="8893" y="16349"/>
                  </a:lnTo>
                  <a:lnTo>
                    <a:pt x="9032" y="16117"/>
                  </a:lnTo>
                  <a:lnTo>
                    <a:pt x="9217" y="15562"/>
                  </a:lnTo>
                  <a:lnTo>
                    <a:pt x="9356" y="15006"/>
                  </a:lnTo>
                  <a:lnTo>
                    <a:pt x="9402" y="14404"/>
                  </a:lnTo>
                  <a:lnTo>
                    <a:pt x="9448" y="13061"/>
                  </a:lnTo>
                  <a:lnTo>
                    <a:pt x="9819" y="11394"/>
                  </a:lnTo>
                  <a:lnTo>
                    <a:pt x="9912" y="10560"/>
                  </a:lnTo>
                  <a:lnTo>
                    <a:pt x="10004" y="9726"/>
                  </a:lnTo>
                  <a:lnTo>
                    <a:pt x="10004" y="8893"/>
                  </a:lnTo>
                  <a:lnTo>
                    <a:pt x="9912" y="8059"/>
                  </a:lnTo>
                  <a:lnTo>
                    <a:pt x="9819" y="7642"/>
                  </a:lnTo>
                  <a:lnTo>
                    <a:pt x="9726" y="7225"/>
                  </a:lnTo>
                  <a:lnTo>
                    <a:pt x="9541" y="6809"/>
                  </a:lnTo>
                  <a:lnTo>
                    <a:pt x="9356" y="6392"/>
                  </a:lnTo>
                  <a:lnTo>
                    <a:pt x="9263" y="6299"/>
                  </a:lnTo>
                  <a:lnTo>
                    <a:pt x="9171" y="6207"/>
                  </a:lnTo>
                  <a:lnTo>
                    <a:pt x="8939" y="6207"/>
                  </a:lnTo>
                  <a:lnTo>
                    <a:pt x="8846" y="6253"/>
                  </a:lnTo>
                  <a:lnTo>
                    <a:pt x="8707" y="6299"/>
                  </a:lnTo>
                  <a:lnTo>
                    <a:pt x="8661" y="6392"/>
                  </a:lnTo>
                  <a:lnTo>
                    <a:pt x="8569" y="6531"/>
                  </a:lnTo>
                  <a:lnTo>
                    <a:pt x="8383" y="7179"/>
                  </a:lnTo>
                  <a:lnTo>
                    <a:pt x="8198" y="7920"/>
                  </a:lnTo>
                  <a:lnTo>
                    <a:pt x="8059" y="8661"/>
                  </a:lnTo>
                  <a:lnTo>
                    <a:pt x="7966" y="9448"/>
                  </a:lnTo>
                  <a:lnTo>
                    <a:pt x="7828" y="10977"/>
                  </a:lnTo>
                  <a:lnTo>
                    <a:pt x="7735" y="12459"/>
                  </a:lnTo>
                  <a:lnTo>
                    <a:pt x="7689" y="13014"/>
                  </a:lnTo>
                  <a:lnTo>
                    <a:pt x="7735" y="13570"/>
                  </a:lnTo>
                  <a:lnTo>
                    <a:pt x="7735" y="14126"/>
                  </a:lnTo>
                  <a:lnTo>
                    <a:pt x="7735" y="14404"/>
                  </a:lnTo>
                  <a:lnTo>
                    <a:pt x="7689" y="14682"/>
                  </a:lnTo>
                  <a:lnTo>
                    <a:pt x="7550" y="15099"/>
                  </a:lnTo>
                  <a:lnTo>
                    <a:pt x="7318" y="15423"/>
                  </a:lnTo>
                  <a:lnTo>
                    <a:pt x="7087" y="15654"/>
                  </a:lnTo>
                  <a:lnTo>
                    <a:pt x="6809" y="15886"/>
                  </a:lnTo>
                  <a:lnTo>
                    <a:pt x="6809" y="12551"/>
                  </a:lnTo>
                  <a:lnTo>
                    <a:pt x="6855" y="9263"/>
                  </a:lnTo>
                  <a:lnTo>
                    <a:pt x="6948" y="6670"/>
                  </a:lnTo>
                  <a:lnTo>
                    <a:pt x="7087" y="4076"/>
                  </a:lnTo>
                  <a:lnTo>
                    <a:pt x="7133" y="3057"/>
                  </a:lnTo>
                  <a:lnTo>
                    <a:pt x="7179" y="2548"/>
                  </a:lnTo>
                  <a:lnTo>
                    <a:pt x="7133" y="2038"/>
                  </a:lnTo>
                  <a:lnTo>
                    <a:pt x="7087" y="1529"/>
                  </a:lnTo>
                  <a:lnTo>
                    <a:pt x="6994" y="1066"/>
                  </a:lnTo>
                  <a:lnTo>
                    <a:pt x="6809" y="603"/>
                  </a:lnTo>
                  <a:lnTo>
                    <a:pt x="6531" y="140"/>
                  </a:lnTo>
                  <a:lnTo>
                    <a:pt x="6438" y="47"/>
                  </a:lnTo>
                  <a:lnTo>
                    <a:pt x="6253" y="1"/>
                  </a:lnTo>
                  <a:close/>
                </a:path>
              </a:pathLst>
            </a:custGeom>
            <a:solidFill>
              <a:schemeClr val="l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Tree>
    <p:extLst>
      <p:ext uri="{BB962C8B-B14F-4D97-AF65-F5344CB8AC3E}">
        <p14:creationId xmlns:p14="http://schemas.microsoft.com/office/powerpoint/2010/main" val="2424021870"/>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itle Slide">
    <p:bg>
      <p:bgPr>
        <a:solidFill>
          <a:schemeClr val="accent5"/>
        </a:solidFill>
        <a:effectLst/>
      </p:bgPr>
    </p:bg>
    <p:spTree>
      <p:nvGrpSpPr>
        <p:cNvPr id="1" name=""/>
        <p:cNvGrpSpPr/>
        <p:nvPr/>
      </p:nvGrpSpPr>
      <p:grpSpPr>
        <a:xfrm>
          <a:off x="0" y="0"/>
          <a:ext cx="0" cy="0"/>
          <a:chOff x="0" y="0"/>
          <a:chExt cx="0" cy="0"/>
        </a:xfrm>
      </p:grpSpPr>
      <p:cxnSp>
        <p:nvCxnSpPr>
          <p:cNvPr id="21" name="Straight Connector 20"/>
          <p:cNvCxnSpPr/>
          <p:nvPr userDrawn="1"/>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sp>
        <p:nvSpPr>
          <p:cNvPr id="35" name="Title 4"/>
          <p:cNvSpPr>
            <a:spLocks noGrp="1"/>
          </p:cNvSpPr>
          <p:nvPr>
            <p:ph type="title"/>
          </p:nvPr>
        </p:nvSpPr>
        <p:spPr>
          <a:xfrm>
            <a:off x="842674" y="794960"/>
            <a:ext cx="10961399" cy="984304"/>
          </a:xfrm>
          <a:prstGeom prst="rect">
            <a:avLst/>
          </a:prstGeom>
        </p:spPr>
        <p:txBody>
          <a:bodyPr anchor="t" anchorCtr="0"/>
          <a:lstStyle>
            <a:lvl1pPr>
              <a:defRPr sz="4800">
                <a:solidFill>
                  <a:schemeClr val="bg1"/>
                </a:solidFill>
              </a:defRPr>
            </a:lvl1pPr>
          </a:lstStyle>
          <a:p>
            <a:r>
              <a:rPr lang="en-US" dirty="0"/>
              <a:t>Click to edit Master title style</a:t>
            </a:r>
            <a:endParaRPr lang="en-GB" dirty="0"/>
          </a:p>
        </p:txBody>
      </p:sp>
      <p:sp>
        <p:nvSpPr>
          <p:cNvPr id="6" name="Text Placeholder 8"/>
          <p:cNvSpPr>
            <a:spLocks noGrp="1"/>
          </p:cNvSpPr>
          <p:nvPr>
            <p:ph type="body" sz="quarter" idx="10"/>
          </p:nvPr>
        </p:nvSpPr>
        <p:spPr>
          <a:xfrm>
            <a:off x="842674" y="3271875"/>
            <a:ext cx="18718314" cy="5502275"/>
          </a:xfrm>
          <a:prstGeom prst="rect">
            <a:avLst/>
          </a:prstGeom>
        </p:spPr>
        <p:txBody>
          <a:bodyPr>
            <a:noAutofit/>
          </a:bodyPr>
          <a:lstStyle>
            <a:lvl1pPr marL="342896" indent="-342896">
              <a:buClr>
                <a:srgbClr val="F76C6C"/>
              </a:buClr>
              <a:buFont typeface="Wingdings" panose="05000000000000000000" pitchFamily="2" charset="2"/>
              <a:buChar char="§"/>
              <a:defRPr sz="3200">
                <a:solidFill>
                  <a:schemeClr val="bg1"/>
                </a:solidFill>
              </a:defRPr>
            </a:lvl1pPr>
          </a:lstStyle>
          <a:p>
            <a:pPr lvl="0"/>
            <a:r>
              <a:rPr lang="en-US" dirty="0"/>
              <a:t>Edit Master text styles</a:t>
            </a:r>
          </a:p>
        </p:txBody>
      </p:sp>
      <p:sp>
        <p:nvSpPr>
          <p:cNvPr id="7" name="Text Placeholder 10"/>
          <p:cNvSpPr>
            <a:spLocks noGrp="1"/>
          </p:cNvSpPr>
          <p:nvPr>
            <p:ph type="body" sz="quarter" idx="11"/>
          </p:nvPr>
        </p:nvSpPr>
        <p:spPr>
          <a:xfrm>
            <a:off x="842671" y="2230015"/>
            <a:ext cx="18718317" cy="1044575"/>
          </a:xfrm>
          <a:prstGeom prst="rect">
            <a:avLst/>
          </a:prstGeom>
        </p:spPr>
        <p:txBody>
          <a:bodyPr>
            <a:noAutofit/>
          </a:bodyPr>
          <a:lstStyle>
            <a:lvl1pPr marL="0" indent="0">
              <a:buFontTx/>
              <a:buNone/>
              <a:defRPr sz="2300" b="0">
                <a:solidFill>
                  <a:srgbClr val="F76C6C"/>
                </a:solidFill>
              </a:defRPr>
            </a:lvl1pPr>
            <a:lvl2pPr marL="685793" indent="0">
              <a:buFontTx/>
              <a:buNone/>
              <a:defRPr sz="2800" b="1">
                <a:solidFill>
                  <a:srgbClr val="F76C6C"/>
                </a:solidFill>
              </a:defRPr>
            </a:lvl2pPr>
            <a:lvl3pPr marL="1371587" indent="0">
              <a:buFontTx/>
              <a:buNone/>
              <a:defRPr sz="2800" b="1">
                <a:solidFill>
                  <a:srgbClr val="F76C6C"/>
                </a:solidFill>
              </a:defRPr>
            </a:lvl3pPr>
            <a:lvl4pPr marL="2057379" indent="0">
              <a:buFontTx/>
              <a:buNone/>
              <a:defRPr sz="2800" b="1">
                <a:solidFill>
                  <a:srgbClr val="F76C6C"/>
                </a:solidFill>
              </a:defRPr>
            </a:lvl4pPr>
            <a:lvl5pPr marL="2743173" indent="0">
              <a:buFontTx/>
              <a:buNone/>
              <a:defRPr sz="2800" b="1">
                <a:solidFill>
                  <a:srgbClr val="F76C6C"/>
                </a:solidFill>
              </a:defRPr>
            </a:lvl5pPr>
          </a:lstStyle>
          <a:p>
            <a:pPr lvl="0"/>
            <a:r>
              <a:rPr lang="en-US" dirty="0"/>
              <a:t>Edit Master text styles</a:t>
            </a:r>
          </a:p>
        </p:txBody>
      </p:sp>
    </p:spTree>
    <p:extLst>
      <p:ext uri="{BB962C8B-B14F-4D97-AF65-F5344CB8AC3E}">
        <p14:creationId xmlns:p14="http://schemas.microsoft.com/office/powerpoint/2010/main" val="1337935324"/>
      </p:ext>
    </p:extLst>
  </p:cSld>
  <p:clrMapOvr>
    <a:masterClrMapping/>
  </p:clrMapOvr>
</p:sldLayout>
</file>

<file path=ppt/slideLayouts/slideLayout110.xml><?xml version="1.0" encoding="utf-8"?>
<p:sldLayout xmlns:a="http://schemas.openxmlformats.org/drawingml/2006/main" xmlns:r="http://schemas.openxmlformats.org/officeDocument/2006/relationships" xmlns:p="http://schemas.openxmlformats.org/presentationml/2006/main" matchingName="Title and two columns 2">
  <p:cSld name="Title and two columns 2">
    <p:spTree>
      <p:nvGrpSpPr>
        <p:cNvPr id="1" name="Shape 398"/>
        <p:cNvGrpSpPr/>
        <p:nvPr/>
      </p:nvGrpSpPr>
      <p:grpSpPr>
        <a:xfrm>
          <a:off x="0" y="0"/>
          <a:ext cx="0" cy="0"/>
          <a:chOff x="0" y="0"/>
          <a:chExt cx="0" cy="0"/>
        </a:xfrm>
      </p:grpSpPr>
      <p:pic>
        <p:nvPicPr>
          <p:cNvPr id="399" name="Google Shape;399;p28"/>
          <p:cNvPicPr preferRelativeResize="0"/>
          <p:nvPr/>
        </p:nvPicPr>
        <p:blipFill rotWithShape="1">
          <a:blip r:embed="rId2">
            <a:alphaModFix amt="58999"/>
          </a:blip>
          <a:srcRect/>
          <a:stretch/>
        </p:blipFill>
        <p:spPr>
          <a:xfrm>
            <a:off x="0" y="0"/>
            <a:ext cx="20320000" cy="11430000"/>
          </a:xfrm>
          <a:prstGeom prst="rect">
            <a:avLst/>
          </a:prstGeom>
          <a:noFill/>
          <a:ln>
            <a:noFill/>
          </a:ln>
        </p:spPr>
      </p:pic>
      <p:grpSp>
        <p:nvGrpSpPr>
          <p:cNvPr id="400" name="Google Shape;400;p28"/>
          <p:cNvGrpSpPr/>
          <p:nvPr/>
        </p:nvGrpSpPr>
        <p:grpSpPr>
          <a:xfrm flipH="1">
            <a:off x="0" y="10231110"/>
            <a:ext cx="20320000" cy="1182509"/>
            <a:chOff x="0" y="4611399"/>
            <a:chExt cx="9144000" cy="532129"/>
          </a:xfrm>
        </p:grpSpPr>
        <p:sp>
          <p:nvSpPr>
            <p:cNvPr id="401" name="Google Shape;401;p28"/>
            <p:cNvSpPr/>
            <p:nvPr/>
          </p:nvSpPr>
          <p:spPr>
            <a:xfrm>
              <a:off x="0" y="4611433"/>
              <a:ext cx="9144000" cy="532075"/>
            </a:xfrm>
            <a:custGeom>
              <a:avLst/>
              <a:gdLst/>
              <a:ahLst/>
              <a:cxnLst/>
              <a:rect l="l" t="t" r="r" b="b"/>
              <a:pathLst>
                <a:path w="285750" h="81326" extrusionOk="0">
                  <a:moveTo>
                    <a:pt x="84150" y="1"/>
                  </a:moveTo>
                  <a:lnTo>
                    <a:pt x="83270" y="47"/>
                  </a:lnTo>
                  <a:lnTo>
                    <a:pt x="82437" y="186"/>
                  </a:lnTo>
                  <a:lnTo>
                    <a:pt x="80723" y="464"/>
                  </a:lnTo>
                  <a:lnTo>
                    <a:pt x="78917" y="835"/>
                  </a:lnTo>
                  <a:lnTo>
                    <a:pt x="77111" y="1205"/>
                  </a:lnTo>
                  <a:lnTo>
                    <a:pt x="75258" y="1668"/>
                  </a:lnTo>
                  <a:lnTo>
                    <a:pt x="73359" y="2178"/>
                  </a:lnTo>
                  <a:lnTo>
                    <a:pt x="71414" y="2687"/>
                  </a:lnTo>
                  <a:lnTo>
                    <a:pt x="67478" y="3845"/>
                  </a:lnTo>
                  <a:lnTo>
                    <a:pt x="63402" y="5095"/>
                  </a:lnTo>
                  <a:lnTo>
                    <a:pt x="59280" y="6438"/>
                  </a:lnTo>
                  <a:lnTo>
                    <a:pt x="51037" y="9217"/>
                  </a:lnTo>
                  <a:lnTo>
                    <a:pt x="46961" y="10606"/>
                  </a:lnTo>
                  <a:lnTo>
                    <a:pt x="42932" y="11950"/>
                  </a:lnTo>
                  <a:lnTo>
                    <a:pt x="39042" y="13154"/>
                  </a:lnTo>
                  <a:lnTo>
                    <a:pt x="35290" y="14265"/>
                  </a:lnTo>
                  <a:lnTo>
                    <a:pt x="33484" y="14775"/>
                  </a:lnTo>
                  <a:lnTo>
                    <a:pt x="31724" y="15238"/>
                  </a:lnTo>
                  <a:lnTo>
                    <a:pt x="30011" y="15655"/>
                  </a:lnTo>
                  <a:lnTo>
                    <a:pt x="28390" y="16025"/>
                  </a:lnTo>
                  <a:lnTo>
                    <a:pt x="26815" y="16349"/>
                  </a:lnTo>
                  <a:lnTo>
                    <a:pt x="25287" y="16627"/>
                  </a:lnTo>
                  <a:lnTo>
                    <a:pt x="23851" y="16812"/>
                  </a:lnTo>
                  <a:lnTo>
                    <a:pt x="22462" y="16951"/>
                  </a:lnTo>
                  <a:lnTo>
                    <a:pt x="19868" y="17183"/>
                  </a:lnTo>
                  <a:lnTo>
                    <a:pt x="17414" y="17368"/>
                  </a:lnTo>
                  <a:lnTo>
                    <a:pt x="15098" y="17646"/>
                  </a:lnTo>
                  <a:lnTo>
                    <a:pt x="12921" y="17878"/>
                  </a:lnTo>
                  <a:lnTo>
                    <a:pt x="9077" y="18433"/>
                  </a:lnTo>
                  <a:lnTo>
                    <a:pt x="5882" y="18896"/>
                  </a:lnTo>
                  <a:lnTo>
                    <a:pt x="3335" y="19360"/>
                  </a:lnTo>
                  <a:lnTo>
                    <a:pt x="1528" y="19730"/>
                  </a:lnTo>
                  <a:lnTo>
                    <a:pt x="0" y="20101"/>
                  </a:lnTo>
                  <a:lnTo>
                    <a:pt x="0" y="81325"/>
                  </a:lnTo>
                  <a:lnTo>
                    <a:pt x="285750" y="81325"/>
                  </a:lnTo>
                  <a:lnTo>
                    <a:pt x="285750" y="16951"/>
                  </a:lnTo>
                  <a:lnTo>
                    <a:pt x="281906" y="16396"/>
                  </a:lnTo>
                  <a:lnTo>
                    <a:pt x="277460" y="15793"/>
                  </a:lnTo>
                  <a:lnTo>
                    <a:pt x="271578" y="15006"/>
                  </a:lnTo>
                  <a:lnTo>
                    <a:pt x="264492" y="14173"/>
                  </a:lnTo>
                  <a:lnTo>
                    <a:pt x="256388" y="13339"/>
                  </a:lnTo>
                  <a:lnTo>
                    <a:pt x="252034" y="12922"/>
                  </a:lnTo>
                  <a:lnTo>
                    <a:pt x="247496" y="12505"/>
                  </a:lnTo>
                  <a:lnTo>
                    <a:pt x="242818" y="12135"/>
                  </a:lnTo>
                  <a:lnTo>
                    <a:pt x="238002" y="11811"/>
                  </a:lnTo>
                  <a:lnTo>
                    <a:pt x="233139" y="11486"/>
                  </a:lnTo>
                  <a:lnTo>
                    <a:pt x="228137" y="11255"/>
                  </a:lnTo>
                  <a:lnTo>
                    <a:pt x="223135" y="11023"/>
                  </a:lnTo>
                  <a:lnTo>
                    <a:pt x="218133" y="10931"/>
                  </a:lnTo>
                  <a:lnTo>
                    <a:pt x="213132" y="10838"/>
                  </a:lnTo>
                  <a:lnTo>
                    <a:pt x="208130" y="10838"/>
                  </a:lnTo>
                  <a:lnTo>
                    <a:pt x="203221" y="10977"/>
                  </a:lnTo>
                  <a:lnTo>
                    <a:pt x="198404" y="11162"/>
                  </a:lnTo>
                  <a:lnTo>
                    <a:pt x="196042" y="11301"/>
                  </a:lnTo>
                  <a:lnTo>
                    <a:pt x="193680" y="11440"/>
                  </a:lnTo>
                  <a:lnTo>
                    <a:pt x="191365" y="11625"/>
                  </a:lnTo>
                  <a:lnTo>
                    <a:pt x="189141" y="11857"/>
                  </a:lnTo>
                  <a:lnTo>
                    <a:pt x="186918" y="12088"/>
                  </a:lnTo>
                  <a:lnTo>
                    <a:pt x="184695" y="12366"/>
                  </a:lnTo>
                  <a:lnTo>
                    <a:pt x="182565" y="12691"/>
                  </a:lnTo>
                  <a:lnTo>
                    <a:pt x="180527" y="13015"/>
                  </a:lnTo>
                  <a:lnTo>
                    <a:pt x="178490" y="13385"/>
                  </a:lnTo>
                  <a:lnTo>
                    <a:pt x="176498" y="13756"/>
                  </a:lnTo>
                  <a:lnTo>
                    <a:pt x="174599" y="14219"/>
                  </a:lnTo>
                  <a:lnTo>
                    <a:pt x="172747" y="14682"/>
                  </a:lnTo>
                  <a:lnTo>
                    <a:pt x="170987" y="15191"/>
                  </a:lnTo>
                  <a:lnTo>
                    <a:pt x="169273" y="15747"/>
                  </a:lnTo>
                  <a:lnTo>
                    <a:pt x="167652" y="16349"/>
                  </a:lnTo>
                  <a:lnTo>
                    <a:pt x="166124" y="16951"/>
                  </a:lnTo>
                  <a:lnTo>
                    <a:pt x="164596" y="17553"/>
                  </a:lnTo>
                  <a:lnTo>
                    <a:pt x="163114" y="18109"/>
                  </a:lnTo>
                  <a:lnTo>
                    <a:pt x="161585" y="18572"/>
                  </a:lnTo>
                  <a:lnTo>
                    <a:pt x="160057" y="18989"/>
                  </a:lnTo>
                  <a:lnTo>
                    <a:pt x="158529" y="19360"/>
                  </a:lnTo>
                  <a:lnTo>
                    <a:pt x="157047" y="19637"/>
                  </a:lnTo>
                  <a:lnTo>
                    <a:pt x="155518" y="19869"/>
                  </a:lnTo>
                  <a:lnTo>
                    <a:pt x="153990" y="20054"/>
                  </a:lnTo>
                  <a:lnTo>
                    <a:pt x="152508" y="20193"/>
                  </a:lnTo>
                  <a:lnTo>
                    <a:pt x="150980" y="20286"/>
                  </a:lnTo>
                  <a:lnTo>
                    <a:pt x="147969" y="20286"/>
                  </a:lnTo>
                  <a:lnTo>
                    <a:pt x="146487" y="20193"/>
                  </a:lnTo>
                  <a:lnTo>
                    <a:pt x="144959" y="20101"/>
                  </a:lnTo>
                  <a:lnTo>
                    <a:pt x="143477" y="19915"/>
                  </a:lnTo>
                  <a:lnTo>
                    <a:pt x="141995" y="19730"/>
                  </a:lnTo>
                  <a:lnTo>
                    <a:pt x="140513" y="19498"/>
                  </a:lnTo>
                  <a:lnTo>
                    <a:pt x="139031" y="19221"/>
                  </a:lnTo>
                  <a:lnTo>
                    <a:pt x="137549" y="18896"/>
                  </a:lnTo>
                  <a:lnTo>
                    <a:pt x="136067" y="18572"/>
                  </a:lnTo>
                  <a:lnTo>
                    <a:pt x="134585" y="18202"/>
                  </a:lnTo>
                  <a:lnTo>
                    <a:pt x="133149" y="17831"/>
                  </a:lnTo>
                  <a:lnTo>
                    <a:pt x="130232" y="16951"/>
                  </a:lnTo>
                  <a:lnTo>
                    <a:pt x="127360" y="15979"/>
                  </a:lnTo>
                  <a:lnTo>
                    <a:pt x="124535" y="14914"/>
                  </a:lnTo>
                  <a:lnTo>
                    <a:pt x="121710" y="13802"/>
                  </a:lnTo>
                  <a:lnTo>
                    <a:pt x="118931" y="12644"/>
                  </a:lnTo>
                  <a:lnTo>
                    <a:pt x="116245" y="11440"/>
                  </a:lnTo>
                  <a:lnTo>
                    <a:pt x="113559" y="10236"/>
                  </a:lnTo>
                  <a:lnTo>
                    <a:pt x="108326" y="7874"/>
                  </a:lnTo>
                  <a:lnTo>
                    <a:pt x="103324" y="5558"/>
                  </a:lnTo>
                  <a:lnTo>
                    <a:pt x="100916" y="4493"/>
                  </a:lnTo>
                  <a:lnTo>
                    <a:pt x="98554" y="3521"/>
                  </a:lnTo>
                  <a:lnTo>
                    <a:pt x="96284" y="2641"/>
                  </a:lnTo>
                  <a:lnTo>
                    <a:pt x="94061" y="1853"/>
                  </a:lnTo>
                  <a:lnTo>
                    <a:pt x="91931" y="1159"/>
                  </a:lnTo>
                  <a:lnTo>
                    <a:pt x="90912" y="881"/>
                  </a:lnTo>
                  <a:lnTo>
                    <a:pt x="89893" y="649"/>
                  </a:lnTo>
                  <a:lnTo>
                    <a:pt x="88874" y="418"/>
                  </a:lnTo>
                  <a:lnTo>
                    <a:pt x="87902" y="279"/>
                  </a:lnTo>
                  <a:lnTo>
                    <a:pt x="86929" y="140"/>
                  </a:lnTo>
                  <a:lnTo>
                    <a:pt x="86003" y="47"/>
                  </a:lnTo>
                  <a:lnTo>
                    <a:pt x="85077" y="1"/>
                  </a:lnTo>
                  <a:close/>
                </a:path>
              </a:pathLst>
            </a:custGeom>
            <a:solidFill>
              <a:schemeClr val="l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402" name="Google Shape;402;p28"/>
            <p:cNvSpPr/>
            <p:nvPr/>
          </p:nvSpPr>
          <p:spPr>
            <a:xfrm>
              <a:off x="0" y="4611399"/>
              <a:ext cx="9143916" cy="532129"/>
            </a:xfrm>
            <a:custGeom>
              <a:avLst/>
              <a:gdLst/>
              <a:ahLst/>
              <a:cxnLst/>
              <a:rect l="l" t="t" r="r" b="b"/>
              <a:pathLst>
                <a:path w="285057" h="22555" extrusionOk="0">
                  <a:moveTo>
                    <a:pt x="1" y="0"/>
                  </a:moveTo>
                  <a:lnTo>
                    <a:pt x="1" y="22554"/>
                  </a:lnTo>
                  <a:lnTo>
                    <a:pt x="285056" y="22554"/>
                  </a:lnTo>
                  <a:lnTo>
                    <a:pt x="285056" y="16904"/>
                  </a:lnTo>
                  <a:lnTo>
                    <a:pt x="281860" y="16673"/>
                  </a:lnTo>
                  <a:lnTo>
                    <a:pt x="273246" y="16117"/>
                  </a:lnTo>
                  <a:lnTo>
                    <a:pt x="267365" y="15654"/>
                  </a:lnTo>
                  <a:lnTo>
                    <a:pt x="260695" y="15144"/>
                  </a:lnTo>
                  <a:lnTo>
                    <a:pt x="253424" y="14496"/>
                  </a:lnTo>
                  <a:lnTo>
                    <a:pt x="245736" y="13801"/>
                  </a:lnTo>
                  <a:lnTo>
                    <a:pt x="237771" y="12968"/>
                  </a:lnTo>
                  <a:lnTo>
                    <a:pt x="229759" y="12088"/>
                  </a:lnTo>
                  <a:lnTo>
                    <a:pt x="225822" y="11625"/>
                  </a:lnTo>
                  <a:lnTo>
                    <a:pt x="221885" y="11115"/>
                  </a:lnTo>
                  <a:lnTo>
                    <a:pt x="218088" y="10606"/>
                  </a:lnTo>
                  <a:lnTo>
                    <a:pt x="214336" y="10050"/>
                  </a:lnTo>
                  <a:lnTo>
                    <a:pt x="210770" y="9494"/>
                  </a:lnTo>
                  <a:lnTo>
                    <a:pt x="207297" y="8892"/>
                  </a:lnTo>
                  <a:lnTo>
                    <a:pt x="204009" y="8290"/>
                  </a:lnTo>
                  <a:lnTo>
                    <a:pt x="200952" y="7688"/>
                  </a:lnTo>
                  <a:lnTo>
                    <a:pt x="198081" y="7040"/>
                  </a:lnTo>
                  <a:lnTo>
                    <a:pt x="195441" y="6391"/>
                  </a:lnTo>
                  <a:lnTo>
                    <a:pt x="193079" y="5697"/>
                  </a:lnTo>
                  <a:lnTo>
                    <a:pt x="192014" y="5326"/>
                  </a:lnTo>
                  <a:lnTo>
                    <a:pt x="190995" y="5002"/>
                  </a:lnTo>
                  <a:lnTo>
                    <a:pt x="190022" y="4632"/>
                  </a:lnTo>
                  <a:lnTo>
                    <a:pt x="189096" y="4354"/>
                  </a:lnTo>
                  <a:lnTo>
                    <a:pt x="188123" y="4030"/>
                  </a:lnTo>
                  <a:lnTo>
                    <a:pt x="187151" y="3798"/>
                  </a:lnTo>
                  <a:lnTo>
                    <a:pt x="186132" y="3566"/>
                  </a:lnTo>
                  <a:lnTo>
                    <a:pt x="185159" y="3381"/>
                  </a:lnTo>
                  <a:lnTo>
                    <a:pt x="183214" y="3057"/>
                  </a:lnTo>
                  <a:lnTo>
                    <a:pt x="181223" y="2872"/>
                  </a:lnTo>
                  <a:lnTo>
                    <a:pt x="179231" y="2733"/>
                  </a:lnTo>
                  <a:lnTo>
                    <a:pt x="177193" y="2733"/>
                  </a:lnTo>
                  <a:lnTo>
                    <a:pt x="175156" y="2779"/>
                  </a:lnTo>
                  <a:lnTo>
                    <a:pt x="173118" y="2918"/>
                  </a:lnTo>
                  <a:lnTo>
                    <a:pt x="171034" y="3103"/>
                  </a:lnTo>
                  <a:lnTo>
                    <a:pt x="168996" y="3381"/>
                  </a:lnTo>
                  <a:lnTo>
                    <a:pt x="166866" y="3705"/>
                  </a:lnTo>
                  <a:lnTo>
                    <a:pt x="164735" y="4076"/>
                  </a:lnTo>
                  <a:lnTo>
                    <a:pt x="162605" y="4493"/>
                  </a:lnTo>
                  <a:lnTo>
                    <a:pt x="160475" y="4956"/>
                  </a:lnTo>
                  <a:lnTo>
                    <a:pt x="158298" y="5465"/>
                  </a:lnTo>
                  <a:lnTo>
                    <a:pt x="153852" y="6484"/>
                  </a:lnTo>
                  <a:lnTo>
                    <a:pt x="149359" y="7596"/>
                  </a:lnTo>
                  <a:lnTo>
                    <a:pt x="144775" y="8707"/>
                  </a:lnTo>
                  <a:lnTo>
                    <a:pt x="140097" y="9772"/>
                  </a:lnTo>
                  <a:lnTo>
                    <a:pt x="137735" y="10282"/>
                  </a:lnTo>
                  <a:lnTo>
                    <a:pt x="135327" y="10745"/>
                  </a:lnTo>
                  <a:lnTo>
                    <a:pt x="132918" y="11162"/>
                  </a:lnTo>
                  <a:lnTo>
                    <a:pt x="130464" y="11532"/>
                  </a:lnTo>
                  <a:lnTo>
                    <a:pt x="127963" y="11903"/>
                  </a:lnTo>
                  <a:lnTo>
                    <a:pt x="125462" y="12180"/>
                  </a:lnTo>
                  <a:lnTo>
                    <a:pt x="122961" y="12366"/>
                  </a:lnTo>
                  <a:lnTo>
                    <a:pt x="120414" y="12505"/>
                  </a:lnTo>
                  <a:lnTo>
                    <a:pt x="117635" y="12597"/>
                  </a:lnTo>
                  <a:lnTo>
                    <a:pt x="114532" y="12597"/>
                  </a:lnTo>
                  <a:lnTo>
                    <a:pt x="111105" y="12505"/>
                  </a:lnTo>
                  <a:lnTo>
                    <a:pt x="107354" y="12319"/>
                  </a:lnTo>
                  <a:lnTo>
                    <a:pt x="103371" y="12088"/>
                  </a:lnTo>
                  <a:lnTo>
                    <a:pt x="99110" y="11810"/>
                  </a:lnTo>
                  <a:lnTo>
                    <a:pt x="94664" y="11486"/>
                  </a:lnTo>
                  <a:lnTo>
                    <a:pt x="90033" y="11069"/>
                  </a:lnTo>
                  <a:lnTo>
                    <a:pt x="85263" y="10606"/>
                  </a:lnTo>
                  <a:lnTo>
                    <a:pt x="80353" y="10143"/>
                  </a:lnTo>
                  <a:lnTo>
                    <a:pt x="70257" y="9078"/>
                  </a:lnTo>
                  <a:lnTo>
                    <a:pt x="60068" y="7920"/>
                  </a:lnTo>
                  <a:lnTo>
                    <a:pt x="49926" y="6716"/>
                  </a:lnTo>
                  <a:lnTo>
                    <a:pt x="40108" y="5465"/>
                  </a:lnTo>
                  <a:lnTo>
                    <a:pt x="30891" y="4261"/>
                  </a:lnTo>
                  <a:lnTo>
                    <a:pt x="22416" y="3150"/>
                  </a:lnTo>
                  <a:lnTo>
                    <a:pt x="14960" y="2131"/>
                  </a:lnTo>
                  <a:lnTo>
                    <a:pt x="4076" y="602"/>
                  </a:lnTo>
                  <a:lnTo>
                    <a:pt x="1" y="0"/>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403" name="Google Shape;403;p28"/>
          <p:cNvSpPr txBox="1">
            <a:spLocks noGrp="1"/>
          </p:cNvSpPr>
          <p:nvPr>
            <p:ph type="title"/>
          </p:nvPr>
        </p:nvSpPr>
        <p:spPr>
          <a:xfrm>
            <a:off x="1600000" y="1158278"/>
            <a:ext cx="17120000" cy="1272667"/>
          </a:xfrm>
          <a:prstGeom prst="rect">
            <a:avLst/>
          </a:prstGeom>
        </p:spPr>
        <p:txBody>
          <a:bodyPr spcFirstLastPara="1" wrap="square" lIns="91425" tIns="91425" rIns="91425" bIns="91425" anchor="t" anchorCtr="0">
            <a:noAutofit/>
          </a:bodyPr>
          <a:lstStyle>
            <a:lvl1pPr lvl="0" rtl="0">
              <a:spcBef>
                <a:spcPts val="0"/>
              </a:spcBef>
              <a:spcAft>
                <a:spcPts val="0"/>
              </a:spcAft>
              <a:buSzPts val="3500"/>
              <a:buNone/>
              <a:defRPr/>
            </a:lvl1pPr>
            <a:lvl2pPr lvl="1" rtl="0">
              <a:spcBef>
                <a:spcPts val="0"/>
              </a:spcBef>
              <a:spcAft>
                <a:spcPts val="0"/>
              </a:spcAft>
              <a:buSzPts val="3500"/>
              <a:buNone/>
              <a:defRPr/>
            </a:lvl2pPr>
            <a:lvl3pPr lvl="2" rtl="0">
              <a:spcBef>
                <a:spcPts val="0"/>
              </a:spcBef>
              <a:spcAft>
                <a:spcPts val="0"/>
              </a:spcAft>
              <a:buSzPts val="3500"/>
              <a:buNone/>
              <a:defRPr/>
            </a:lvl3pPr>
            <a:lvl4pPr lvl="3" rtl="0">
              <a:spcBef>
                <a:spcPts val="0"/>
              </a:spcBef>
              <a:spcAft>
                <a:spcPts val="0"/>
              </a:spcAft>
              <a:buSzPts val="3500"/>
              <a:buNone/>
              <a:defRPr/>
            </a:lvl4pPr>
            <a:lvl5pPr lvl="4" rtl="0">
              <a:spcBef>
                <a:spcPts val="0"/>
              </a:spcBef>
              <a:spcAft>
                <a:spcPts val="0"/>
              </a:spcAft>
              <a:buSzPts val="3500"/>
              <a:buNone/>
              <a:defRPr/>
            </a:lvl5pPr>
            <a:lvl6pPr lvl="5" rtl="0">
              <a:spcBef>
                <a:spcPts val="0"/>
              </a:spcBef>
              <a:spcAft>
                <a:spcPts val="0"/>
              </a:spcAft>
              <a:buSzPts val="3500"/>
              <a:buNone/>
              <a:defRPr/>
            </a:lvl6pPr>
            <a:lvl7pPr lvl="6" rtl="0">
              <a:spcBef>
                <a:spcPts val="0"/>
              </a:spcBef>
              <a:spcAft>
                <a:spcPts val="0"/>
              </a:spcAft>
              <a:buSzPts val="3500"/>
              <a:buNone/>
              <a:defRPr/>
            </a:lvl7pPr>
            <a:lvl8pPr lvl="7" rtl="0">
              <a:spcBef>
                <a:spcPts val="0"/>
              </a:spcBef>
              <a:spcAft>
                <a:spcPts val="0"/>
              </a:spcAft>
              <a:buSzPts val="3500"/>
              <a:buNone/>
              <a:defRPr/>
            </a:lvl8pPr>
            <a:lvl9pPr lvl="8" rtl="0">
              <a:spcBef>
                <a:spcPts val="0"/>
              </a:spcBef>
              <a:spcAft>
                <a:spcPts val="0"/>
              </a:spcAft>
              <a:buSzPts val="3500"/>
              <a:buNone/>
              <a:defRPr/>
            </a:lvl9pPr>
          </a:lstStyle>
          <a:p>
            <a:endParaRPr/>
          </a:p>
        </p:txBody>
      </p:sp>
      <p:sp>
        <p:nvSpPr>
          <p:cNvPr id="404" name="Google Shape;404;p28"/>
          <p:cNvSpPr txBox="1">
            <a:spLocks noGrp="1"/>
          </p:cNvSpPr>
          <p:nvPr>
            <p:ph type="subTitle" idx="1"/>
          </p:nvPr>
        </p:nvSpPr>
        <p:spPr>
          <a:xfrm>
            <a:off x="10601962" y="3451833"/>
            <a:ext cx="6550667" cy="6010000"/>
          </a:xfrm>
          <a:prstGeom prst="rect">
            <a:avLst/>
          </a:prstGeom>
        </p:spPr>
        <p:txBody>
          <a:bodyPr spcFirstLastPara="1" wrap="square" lIns="91425" tIns="91425" rIns="91425" bIns="91425" anchor="t" anchorCtr="0">
            <a:noAutofit/>
          </a:bodyPr>
          <a:lstStyle>
            <a:lvl1pPr lvl="0" rtl="0">
              <a:lnSpc>
                <a:spcPct val="100000"/>
              </a:lnSpc>
              <a:spcBef>
                <a:spcPts val="0"/>
              </a:spcBef>
              <a:spcAft>
                <a:spcPts val="0"/>
              </a:spcAft>
              <a:buSzPts val="1400"/>
              <a:buNone/>
              <a:defRPr b="0"/>
            </a:lvl1pPr>
            <a:lvl2pPr lvl="1" algn="ctr" rtl="0">
              <a:lnSpc>
                <a:spcPct val="100000"/>
              </a:lnSpc>
              <a:spcBef>
                <a:spcPts val="0"/>
              </a:spcBef>
              <a:spcAft>
                <a:spcPts val="0"/>
              </a:spcAft>
              <a:buSzPts val="1400"/>
              <a:buNone/>
              <a:defRPr/>
            </a:lvl2pPr>
            <a:lvl3pPr lvl="2" algn="ctr" rtl="0">
              <a:lnSpc>
                <a:spcPct val="100000"/>
              </a:lnSpc>
              <a:spcBef>
                <a:spcPts val="0"/>
              </a:spcBef>
              <a:spcAft>
                <a:spcPts val="0"/>
              </a:spcAft>
              <a:buSzPts val="1400"/>
              <a:buNone/>
              <a:defRPr/>
            </a:lvl3pPr>
            <a:lvl4pPr lvl="3" algn="ctr" rtl="0">
              <a:lnSpc>
                <a:spcPct val="100000"/>
              </a:lnSpc>
              <a:spcBef>
                <a:spcPts val="0"/>
              </a:spcBef>
              <a:spcAft>
                <a:spcPts val="0"/>
              </a:spcAft>
              <a:buSzPts val="1400"/>
              <a:buNone/>
              <a:defRPr/>
            </a:lvl4pPr>
            <a:lvl5pPr lvl="4" algn="ctr" rtl="0">
              <a:lnSpc>
                <a:spcPct val="100000"/>
              </a:lnSpc>
              <a:spcBef>
                <a:spcPts val="0"/>
              </a:spcBef>
              <a:spcAft>
                <a:spcPts val="0"/>
              </a:spcAft>
              <a:buSzPts val="1400"/>
              <a:buNone/>
              <a:defRPr/>
            </a:lvl5pPr>
            <a:lvl6pPr lvl="5" algn="ctr" rtl="0">
              <a:lnSpc>
                <a:spcPct val="100000"/>
              </a:lnSpc>
              <a:spcBef>
                <a:spcPts val="0"/>
              </a:spcBef>
              <a:spcAft>
                <a:spcPts val="0"/>
              </a:spcAft>
              <a:buSzPts val="1400"/>
              <a:buNone/>
              <a:defRPr/>
            </a:lvl6pPr>
            <a:lvl7pPr lvl="6" algn="ctr" rtl="0">
              <a:lnSpc>
                <a:spcPct val="100000"/>
              </a:lnSpc>
              <a:spcBef>
                <a:spcPts val="0"/>
              </a:spcBef>
              <a:spcAft>
                <a:spcPts val="0"/>
              </a:spcAft>
              <a:buSzPts val="1400"/>
              <a:buNone/>
              <a:defRPr/>
            </a:lvl7pPr>
            <a:lvl8pPr lvl="7" algn="ctr" rtl="0">
              <a:lnSpc>
                <a:spcPct val="100000"/>
              </a:lnSpc>
              <a:spcBef>
                <a:spcPts val="0"/>
              </a:spcBef>
              <a:spcAft>
                <a:spcPts val="0"/>
              </a:spcAft>
              <a:buSzPts val="1400"/>
              <a:buNone/>
              <a:defRPr/>
            </a:lvl8pPr>
            <a:lvl9pPr lvl="8" algn="ctr" rtl="0">
              <a:lnSpc>
                <a:spcPct val="100000"/>
              </a:lnSpc>
              <a:spcBef>
                <a:spcPts val="0"/>
              </a:spcBef>
              <a:spcAft>
                <a:spcPts val="0"/>
              </a:spcAft>
              <a:buSzPts val="1400"/>
              <a:buNone/>
              <a:defRPr/>
            </a:lvl9pPr>
          </a:lstStyle>
          <a:p>
            <a:endParaRPr/>
          </a:p>
        </p:txBody>
      </p:sp>
      <p:sp>
        <p:nvSpPr>
          <p:cNvPr id="405" name="Google Shape;405;p28"/>
          <p:cNvSpPr txBox="1">
            <a:spLocks noGrp="1"/>
          </p:cNvSpPr>
          <p:nvPr>
            <p:ph type="subTitle" idx="2"/>
          </p:nvPr>
        </p:nvSpPr>
        <p:spPr>
          <a:xfrm>
            <a:off x="3167362" y="3451833"/>
            <a:ext cx="6550667" cy="6010000"/>
          </a:xfrm>
          <a:prstGeom prst="rect">
            <a:avLst/>
          </a:prstGeom>
        </p:spPr>
        <p:txBody>
          <a:bodyPr spcFirstLastPara="1" wrap="square" lIns="91425" tIns="91425" rIns="91425" bIns="91425" anchor="t" anchorCtr="0">
            <a:noAutofit/>
          </a:bodyPr>
          <a:lstStyle>
            <a:lvl1pPr lvl="0" rtl="0">
              <a:lnSpc>
                <a:spcPct val="100000"/>
              </a:lnSpc>
              <a:spcBef>
                <a:spcPts val="0"/>
              </a:spcBef>
              <a:spcAft>
                <a:spcPts val="0"/>
              </a:spcAft>
              <a:buSzPts val="1400"/>
              <a:buNone/>
              <a:defRPr b="0"/>
            </a:lvl1pPr>
            <a:lvl2pPr lvl="1" algn="ctr" rtl="0">
              <a:lnSpc>
                <a:spcPct val="100000"/>
              </a:lnSpc>
              <a:spcBef>
                <a:spcPts val="0"/>
              </a:spcBef>
              <a:spcAft>
                <a:spcPts val="0"/>
              </a:spcAft>
              <a:buSzPts val="1400"/>
              <a:buNone/>
              <a:defRPr/>
            </a:lvl2pPr>
            <a:lvl3pPr lvl="2" algn="ctr" rtl="0">
              <a:lnSpc>
                <a:spcPct val="100000"/>
              </a:lnSpc>
              <a:spcBef>
                <a:spcPts val="0"/>
              </a:spcBef>
              <a:spcAft>
                <a:spcPts val="0"/>
              </a:spcAft>
              <a:buSzPts val="1400"/>
              <a:buNone/>
              <a:defRPr/>
            </a:lvl3pPr>
            <a:lvl4pPr lvl="3" algn="ctr" rtl="0">
              <a:lnSpc>
                <a:spcPct val="100000"/>
              </a:lnSpc>
              <a:spcBef>
                <a:spcPts val="0"/>
              </a:spcBef>
              <a:spcAft>
                <a:spcPts val="0"/>
              </a:spcAft>
              <a:buSzPts val="1400"/>
              <a:buNone/>
              <a:defRPr/>
            </a:lvl4pPr>
            <a:lvl5pPr lvl="4" algn="ctr" rtl="0">
              <a:lnSpc>
                <a:spcPct val="100000"/>
              </a:lnSpc>
              <a:spcBef>
                <a:spcPts val="0"/>
              </a:spcBef>
              <a:spcAft>
                <a:spcPts val="0"/>
              </a:spcAft>
              <a:buSzPts val="1400"/>
              <a:buNone/>
              <a:defRPr/>
            </a:lvl5pPr>
            <a:lvl6pPr lvl="5" algn="ctr" rtl="0">
              <a:lnSpc>
                <a:spcPct val="100000"/>
              </a:lnSpc>
              <a:spcBef>
                <a:spcPts val="0"/>
              </a:spcBef>
              <a:spcAft>
                <a:spcPts val="0"/>
              </a:spcAft>
              <a:buSzPts val="1400"/>
              <a:buNone/>
              <a:defRPr/>
            </a:lvl6pPr>
            <a:lvl7pPr lvl="6" algn="ctr" rtl="0">
              <a:lnSpc>
                <a:spcPct val="100000"/>
              </a:lnSpc>
              <a:spcBef>
                <a:spcPts val="0"/>
              </a:spcBef>
              <a:spcAft>
                <a:spcPts val="0"/>
              </a:spcAft>
              <a:buSzPts val="1400"/>
              <a:buNone/>
              <a:defRPr/>
            </a:lvl7pPr>
            <a:lvl8pPr lvl="7" algn="ctr" rtl="0">
              <a:lnSpc>
                <a:spcPct val="100000"/>
              </a:lnSpc>
              <a:spcBef>
                <a:spcPts val="0"/>
              </a:spcBef>
              <a:spcAft>
                <a:spcPts val="0"/>
              </a:spcAft>
              <a:buSzPts val="1400"/>
              <a:buNone/>
              <a:defRPr/>
            </a:lvl8pPr>
            <a:lvl9pPr lvl="8" algn="ctr" rtl="0">
              <a:lnSpc>
                <a:spcPct val="100000"/>
              </a:lnSpc>
              <a:spcBef>
                <a:spcPts val="0"/>
              </a:spcBef>
              <a:spcAft>
                <a:spcPts val="0"/>
              </a:spcAft>
              <a:buSzPts val="1400"/>
              <a:buNone/>
              <a:defRPr/>
            </a:lvl9pPr>
          </a:lstStyle>
          <a:p>
            <a:endParaRPr/>
          </a:p>
        </p:txBody>
      </p:sp>
      <p:grpSp>
        <p:nvGrpSpPr>
          <p:cNvPr id="406" name="Google Shape;406;p28"/>
          <p:cNvGrpSpPr/>
          <p:nvPr/>
        </p:nvGrpSpPr>
        <p:grpSpPr>
          <a:xfrm>
            <a:off x="921445" y="681333"/>
            <a:ext cx="18477111" cy="481333"/>
            <a:chOff x="414650" y="306600"/>
            <a:chExt cx="8314700" cy="216600"/>
          </a:xfrm>
        </p:grpSpPr>
        <p:grpSp>
          <p:nvGrpSpPr>
            <p:cNvPr id="407" name="Google Shape;407;p28"/>
            <p:cNvGrpSpPr/>
            <p:nvPr/>
          </p:nvGrpSpPr>
          <p:grpSpPr>
            <a:xfrm>
              <a:off x="713281" y="389286"/>
              <a:ext cx="7717437" cy="51251"/>
              <a:chOff x="450050" y="465475"/>
              <a:chExt cx="8367600" cy="51241"/>
            </a:xfrm>
          </p:grpSpPr>
          <p:cxnSp>
            <p:nvCxnSpPr>
              <p:cNvPr id="408" name="Google Shape;408;p28"/>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409" name="Google Shape;409;p28"/>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410" name="Google Shape;410;p28"/>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411" name="Google Shape;411;p28"/>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412" name="Google Shape;412;p28"/>
          <p:cNvSpPr/>
          <p:nvPr/>
        </p:nvSpPr>
        <p:spPr>
          <a:xfrm>
            <a:off x="453278" y="8224585"/>
            <a:ext cx="1026667" cy="3005222"/>
          </a:xfrm>
          <a:custGeom>
            <a:avLst/>
            <a:gdLst/>
            <a:ahLst/>
            <a:cxnLst/>
            <a:rect l="l" t="t" r="r" b="b"/>
            <a:pathLst>
              <a:path w="18480" h="54094" extrusionOk="0">
                <a:moveTo>
                  <a:pt x="2177" y="27464"/>
                </a:moveTo>
                <a:lnTo>
                  <a:pt x="2363" y="27973"/>
                </a:lnTo>
                <a:lnTo>
                  <a:pt x="2594" y="28436"/>
                </a:lnTo>
                <a:lnTo>
                  <a:pt x="2872" y="28853"/>
                </a:lnTo>
                <a:lnTo>
                  <a:pt x="3243" y="29224"/>
                </a:lnTo>
                <a:lnTo>
                  <a:pt x="3613" y="29548"/>
                </a:lnTo>
                <a:lnTo>
                  <a:pt x="4122" y="29779"/>
                </a:lnTo>
                <a:lnTo>
                  <a:pt x="4632" y="30011"/>
                </a:lnTo>
                <a:lnTo>
                  <a:pt x="5188" y="30196"/>
                </a:lnTo>
                <a:lnTo>
                  <a:pt x="5327" y="31539"/>
                </a:lnTo>
                <a:lnTo>
                  <a:pt x="4863" y="31493"/>
                </a:lnTo>
                <a:lnTo>
                  <a:pt x="4447" y="31400"/>
                </a:lnTo>
                <a:lnTo>
                  <a:pt x="3984" y="31261"/>
                </a:lnTo>
                <a:lnTo>
                  <a:pt x="3613" y="31076"/>
                </a:lnTo>
                <a:lnTo>
                  <a:pt x="3243" y="30845"/>
                </a:lnTo>
                <a:lnTo>
                  <a:pt x="2918" y="30613"/>
                </a:lnTo>
                <a:lnTo>
                  <a:pt x="2687" y="30335"/>
                </a:lnTo>
                <a:lnTo>
                  <a:pt x="2502" y="30011"/>
                </a:lnTo>
                <a:lnTo>
                  <a:pt x="2409" y="29733"/>
                </a:lnTo>
                <a:lnTo>
                  <a:pt x="2316" y="29455"/>
                </a:lnTo>
                <a:lnTo>
                  <a:pt x="2224" y="28807"/>
                </a:lnTo>
                <a:lnTo>
                  <a:pt x="2224" y="28158"/>
                </a:lnTo>
                <a:lnTo>
                  <a:pt x="2177" y="27464"/>
                </a:lnTo>
                <a:close/>
                <a:moveTo>
                  <a:pt x="7457" y="1"/>
                </a:moveTo>
                <a:lnTo>
                  <a:pt x="7179" y="47"/>
                </a:lnTo>
                <a:lnTo>
                  <a:pt x="6901" y="140"/>
                </a:lnTo>
                <a:lnTo>
                  <a:pt x="6670" y="278"/>
                </a:lnTo>
                <a:lnTo>
                  <a:pt x="6484" y="510"/>
                </a:lnTo>
                <a:lnTo>
                  <a:pt x="6299" y="881"/>
                </a:lnTo>
                <a:lnTo>
                  <a:pt x="6114" y="1251"/>
                </a:lnTo>
                <a:lnTo>
                  <a:pt x="5882" y="2038"/>
                </a:lnTo>
                <a:lnTo>
                  <a:pt x="5697" y="2826"/>
                </a:lnTo>
                <a:lnTo>
                  <a:pt x="5604" y="3613"/>
                </a:lnTo>
                <a:lnTo>
                  <a:pt x="5558" y="4400"/>
                </a:lnTo>
                <a:lnTo>
                  <a:pt x="5558" y="5234"/>
                </a:lnTo>
                <a:lnTo>
                  <a:pt x="5558" y="6901"/>
                </a:lnTo>
                <a:lnTo>
                  <a:pt x="5558" y="10004"/>
                </a:lnTo>
                <a:lnTo>
                  <a:pt x="5604" y="13107"/>
                </a:lnTo>
                <a:lnTo>
                  <a:pt x="5651" y="14913"/>
                </a:lnTo>
                <a:lnTo>
                  <a:pt x="5604" y="16719"/>
                </a:lnTo>
                <a:lnTo>
                  <a:pt x="5558" y="18479"/>
                </a:lnTo>
                <a:lnTo>
                  <a:pt x="5466" y="19405"/>
                </a:lnTo>
                <a:lnTo>
                  <a:pt x="5327" y="20285"/>
                </a:lnTo>
                <a:lnTo>
                  <a:pt x="5095" y="21860"/>
                </a:lnTo>
                <a:lnTo>
                  <a:pt x="4817" y="23388"/>
                </a:lnTo>
                <a:lnTo>
                  <a:pt x="4771" y="24176"/>
                </a:lnTo>
                <a:lnTo>
                  <a:pt x="4725" y="24963"/>
                </a:lnTo>
                <a:lnTo>
                  <a:pt x="4725" y="25750"/>
                </a:lnTo>
                <a:lnTo>
                  <a:pt x="4817" y="26538"/>
                </a:lnTo>
                <a:lnTo>
                  <a:pt x="4910" y="27603"/>
                </a:lnTo>
                <a:lnTo>
                  <a:pt x="4539" y="27047"/>
                </a:lnTo>
                <a:lnTo>
                  <a:pt x="4261" y="26445"/>
                </a:lnTo>
                <a:lnTo>
                  <a:pt x="4030" y="25797"/>
                </a:lnTo>
                <a:lnTo>
                  <a:pt x="3891" y="25195"/>
                </a:lnTo>
                <a:lnTo>
                  <a:pt x="3845" y="24546"/>
                </a:lnTo>
                <a:lnTo>
                  <a:pt x="3798" y="23851"/>
                </a:lnTo>
                <a:lnTo>
                  <a:pt x="3845" y="22416"/>
                </a:lnTo>
                <a:lnTo>
                  <a:pt x="3798" y="21721"/>
                </a:lnTo>
                <a:lnTo>
                  <a:pt x="3752" y="21397"/>
                </a:lnTo>
                <a:lnTo>
                  <a:pt x="3659" y="21073"/>
                </a:lnTo>
                <a:lnTo>
                  <a:pt x="3567" y="20795"/>
                </a:lnTo>
                <a:lnTo>
                  <a:pt x="3428" y="20517"/>
                </a:lnTo>
                <a:lnTo>
                  <a:pt x="3243" y="20285"/>
                </a:lnTo>
                <a:lnTo>
                  <a:pt x="3011" y="20054"/>
                </a:lnTo>
                <a:lnTo>
                  <a:pt x="2965" y="20008"/>
                </a:lnTo>
                <a:lnTo>
                  <a:pt x="2872" y="20054"/>
                </a:lnTo>
                <a:lnTo>
                  <a:pt x="2502" y="20332"/>
                </a:lnTo>
                <a:lnTo>
                  <a:pt x="2224" y="20656"/>
                </a:lnTo>
                <a:lnTo>
                  <a:pt x="1992" y="21026"/>
                </a:lnTo>
                <a:lnTo>
                  <a:pt x="1853" y="21490"/>
                </a:lnTo>
                <a:lnTo>
                  <a:pt x="1761" y="21953"/>
                </a:lnTo>
                <a:lnTo>
                  <a:pt x="1714" y="22416"/>
                </a:lnTo>
                <a:lnTo>
                  <a:pt x="1668" y="22925"/>
                </a:lnTo>
                <a:lnTo>
                  <a:pt x="1668" y="23435"/>
                </a:lnTo>
                <a:lnTo>
                  <a:pt x="1483" y="22694"/>
                </a:lnTo>
                <a:lnTo>
                  <a:pt x="1297" y="21953"/>
                </a:lnTo>
                <a:lnTo>
                  <a:pt x="1020" y="21212"/>
                </a:lnTo>
                <a:lnTo>
                  <a:pt x="742" y="20424"/>
                </a:lnTo>
                <a:lnTo>
                  <a:pt x="695" y="20378"/>
                </a:lnTo>
                <a:lnTo>
                  <a:pt x="603" y="20424"/>
                </a:lnTo>
                <a:lnTo>
                  <a:pt x="371" y="21397"/>
                </a:lnTo>
                <a:lnTo>
                  <a:pt x="232" y="22323"/>
                </a:lnTo>
                <a:lnTo>
                  <a:pt x="93" y="23296"/>
                </a:lnTo>
                <a:lnTo>
                  <a:pt x="1" y="24268"/>
                </a:lnTo>
                <a:lnTo>
                  <a:pt x="1" y="25195"/>
                </a:lnTo>
                <a:lnTo>
                  <a:pt x="1" y="26167"/>
                </a:lnTo>
                <a:lnTo>
                  <a:pt x="47" y="28158"/>
                </a:lnTo>
                <a:lnTo>
                  <a:pt x="140" y="28853"/>
                </a:lnTo>
                <a:lnTo>
                  <a:pt x="186" y="29455"/>
                </a:lnTo>
                <a:lnTo>
                  <a:pt x="325" y="30057"/>
                </a:lnTo>
                <a:lnTo>
                  <a:pt x="510" y="30567"/>
                </a:lnTo>
                <a:lnTo>
                  <a:pt x="788" y="31030"/>
                </a:lnTo>
                <a:lnTo>
                  <a:pt x="1112" y="31493"/>
                </a:lnTo>
                <a:lnTo>
                  <a:pt x="1575" y="31863"/>
                </a:lnTo>
                <a:lnTo>
                  <a:pt x="2177" y="32234"/>
                </a:lnTo>
                <a:lnTo>
                  <a:pt x="2548" y="32419"/>
                </a:lnTo>
                <a:lnTo>
                  <a:pt x="2918" y="32604"/>
                </a:lnTo>
                <a:lnTo>
                  <a:pt x="3752" y="32836"/>
                </a:lnTo>
                <a:lnTo>
                  <a:pt x="4586" y="33021"/>
                </a:lnTo>
                <a:lnTo>
                  <a:pt x="5002" y="33068"/>
                </a:lnTo>
                <a:lnTo>
                  <a:pt x="5419" y="33068"/>
                </a:lnTo>
                <a:lnTo>
                  <a:pt x="5466" y="34503"/>
                </a:lnTo>
                <a:lnTo>
                  <a:pt x="5466" y="35985"/>
                </a:lnTo>
                <a:lnTo>
                  <a:pt x="5466" y="37514"/>
                </a:lnTo>
                <a:lnTo>
                  <a:pt x="5419" y="39042"/>
                </a:lnTo>
                <a:lnTo>
                  <a:pt x="5141" y="45711"/>
                </a:lnTo>
                <a:lnTo>
                  <a:pt x="5002" y="47517"/>
                </a:lnTo>
                <a:lnTo>
                  <a:pt x="4863" y="49370"/>
                </a:lnTo>
                <a:lnTo>
                  <a:pt x="4863" y="50249"/>
                </a:lnTo>
                <a:lnTo>
                  <a:pt x="4863" y="51176"/>
                </a:lnTo>
                <a:lnTo>
                  <a:pt x="4863" y="52056"/>
                </a:lnTo>
                <a:lnTo>
                  <a:pt x="5002" y="52936"/>
                </a:lnTo>
                <a:lnTo>
                  <a:pt x="5095" y="53260"/>
                </a:lnTo>
                <a:lnTo>
                  <a:pt x="5234" y="53538"/>
                </a:lnTo>
                <a:lnTo>
                  <a:pt x="5419" y="53769"/>
                </a:lnTo>
                <a:lnTo>
                  <a:pt x="5697" y="53908"/>
                </a:lnTo>
                <a:lnTo>
                  <a:pt x="5975" y="54001"/>
                </a:lnTo>
                <a:lnTo>
                  <a:pt x="6299" y="54093"/>
                </a:lnTo>
                <a:lnTo>
                  <a:pt x="6948" y="54093"/>
                </a:lnTo>
                <a:lnTo>
                  <a:pt x="7272" y="54047"/>
                </a:lnTo>
                <a:lnTo>
                  <a:pt x="7596" y="53954"/>
                </a:lnTo>
                <a:lnTo>
                  <a:pt x="7874" y="53816"/>
                </a:lnTo>
                <a:lnTo>
                  <a:pt x="8105" y="53677"/>
                </a:lnTo>
                <a:lnTo>
                  <a:pt x="8337" y="53538"/>
                </a:lnTo>
                <a:lnTo>
                  <a:pt x="8476" y="53352"/>
                </a:lnTo>
                <a:lnTo>
                  <a:pt x="8568" y="53121"/>
                </a:lnTo>
                <a:lnTo>
                  <a:pt x="8568" y="52936"/>
                </a:lnTo>
                <a:lnTo>
                  <a:pt x="8754" y="52102"/>
                </a:lnTo>
                <a:lnTo>
                  <a:pt x="8939" y="51315"/>
                </a:lnTo>
                <a:lnTo>
                  <a:pt x="9171" y="49647"/>
                </a:lnTo>
                <a:lnTo>
                  <a:pt x="9310" y="47980"/>
                </a:lnTo>
                <a:lnTo>
                  <a:pt x="9356" y="46267"/>
                </a:lnTo>
                <a:lnTo>
                  <a:pt x="9402" y="42840"/>
                </a:lnTo>
                <a:lnTo>
                  <a:pt x="9448" y="41172"/>
                </a:lnTo>
                <a:lnTo>
                  <a:pt x="9495" y="39551"/>
                </a:lnTo>
                <a:lnTo>
                  <a:pt x="9541" y="38255"/>
                </a:lnTo>
                <a:lnTo>
                  <a:pt x="10282" y="38255"/>
                </a:lnTo>
                <a:lnTo>
                  <a:pt x="10699" y="38162"/>
                </a:lnTo>
                <a:lnTo>
                  <a:pt x="11162" y="38069"/>
                </a:lnTo>
                <a:lnTo>
                  <a:pt x="11579" y="37977"/>
                </a:lnTo>
                <a:lnTo>
                  <a:pt x="11996" y="37838"/>
                </a:lnTo>
                <a:lnTo>
                  <a:pt x="12366" y="37653"/>
                </a:lnTo>
                <a:lnTo>
                  <a:pt x="12737" y="37467"/>
                </a:lnTo>
                <a:lnTo>
                  <a:pt x="13107" y="37236"/>
                </a:lnTo>
                <a:lnTo>
                  <a:pt x="13478" y="36958"/>
                </a:lnTo>
                <a:lnTo>
                  <a:pt x="13802" y="36726"/>
                </a:lnTo>
                <a:lnTo>
                  <a:pt x="14080" y="36402"/>
                </a:lnTo>
                <a:lnTo>
                  <a:pt x="14358" y="36078"/>
                </a:lnTo>
                <a:lnTo>
                  <a:pt x="14635" y="35754"/>
                </a:lnTo>
                <a:lnTo>
                  <a:pt x="14867" y="35383"/>
                </a:lnTo>
                <a:lnTo>
                  <a:pt x="15099" y="34966"/>
                </a:lnTo>
                <a:lnTo>
                  <a:pt x="15284" y="34550"/>
                </a:lnTo>
                <a:lnTo>
                  <a:pt x="15562" y="33901"/>
                </a:lnTo>
                <a:lnTo>
                  <a:pt x="15840" y="33207"/>
                </a:lnTo>
                <a:lnTo>
                  <a:pt x="16303" y="31863"/>
                </a:lnTo>
                <a:lnTo>
                  <a:pt x="17136" y="29085"/>
                </a:lnTo>
                <a:lnTo>
                  <a:pt x="17553" y="27788"/>
                </a:lnTo>
                <a:lnTo>
                  <a:pt x="17970" y="26538"/>
                </a:lnTo>
                <a:lnTo>
                  <a:pt x="18155" y="25889"/>
                </a:lnTo>
                <a:lnTo>
                  <a:pt x="18294" y="25241"/>
                </a:lnTo>
                <a:lnTo>
                  <a:pt x="18433" y="24592"/>
                </a:lnTo>
                <a:lnTo>
                  <a:pt x="18479" y="23898"/>
                </a:lnTo>
                <a:lnTo>
                  <a:pt x="18479" y="23620"/>
                </a:lnTo>
                <a:lnTo>
                  <a:pt x="18433" y="23157"/>
                </a:lnTo>
                <a:lnTo>
                  <a:pt x="18340" y="22601"/>
                </a:lnTo>
                <a:lnTo>
                  <a:pt x="18202" y="21999"/>
                </a:lnTo>
                <a:lnTo>
                  <a:pt x="17970" y="21443"/>
                </a:lnTo>
                <a:lnTo>
                  <a:pt x="17831" y="21212"/>
                </a:lnTo>
                <a:lnTo>
                  <a:pt x="17692" y="21026"/>
                </a:lnTo>
                <a:lnTo>
                  <a:pt x="17507" y="20887"/>
                </a:lnTo>
                <a:lnTo>
                  <a:pt x="17322" y="20795"/>
                </a:lnTo>
                <a:lnTo>
                  <a:pt x="17090" y="20841"/>
                </a:lnTo>
                <a:lnTo>
                  <a:pt x="16858" y="20934"/>
                </a:lnTo>
                <a:lnTo>
                  <a:pt x="16442" y="21212"/>
                </a:lnTo>
                <a:lnTo>
                  <a:pt x="16117" y="21490"/>
                </a:lnTo>
                <a:lnTo>
                  <a:pt x="15886" y="21767"/>
                </a:lnTo>
                <a:lnTo>
                  <a:pt x="15701" y="22092"/>
                </a:lnTo>
                <a:lnTo>
                  <a:pt x="15515" y="22416"/>
                </a:lnTo>
                <a:lnTo>
                  <a:pt x="15423" y="22833"/>
                </a:lnTo>
                <a:lnTo>
                  <a:pt x="15191" y="23759"/>
                </a:lnTo>
                <a:lnTo>
                  <a:pt x="14821" y="25195"/>
                </a:lnTo>
                <a:lnTo>
                  <a:pt x="14404" y="26630"/>
                </a:lnTo>
                <a:lnTo>
                  <a:pt x="13524" y="29502"/>
                </a:lnTo>
                <a:lnTo>
                  <a:pt x="12876" y="31771"/>
                </a:lnTo>
                <a:lnTo>
                  <a:pt x="12505" y="32882"/>
                </a:lnTo>
                <a:lnTo>
                  <a:pt x="12274" y="33438"/>
                </a:lnTo>
                <a:lnTo>
                  <a:pt x="12042" y="33994"/>
                </a:lnTo>
                <a:lnTo>
                  <a:pt x="11857" y="34411"/>
                </a:lnTo>
                <a:lnTo>
                  <a:pt x="11579" y="34781"/>
                </a:lnTo>
                <a:lnTo>
                  <a:pt x="11347" y="35105"/>
                </a:lnTo>
                <a:lnTo>
                  <a:pt x="11069" y="35337"/>
                </a:lnTo>
                <a:lnTo>
                  <a:pt x="10745" y="35568"/>
                </a:lnTo>
                <a:lnTo>
                  <a:pt x="10375" y="35707"/>
                </a:lnTo>
                <a:lnTo>
                  <a:pt x="10004" y="35846"/>
                </a:lnTo>
                <a:lnTo>
                  <a:pt x="9587" y="35939"/>
                </a:lnTo>
                <a:lnTo>
                  <a:pt x="9587" y="33716"/>
                </a:lnTo>
                <a:lnTo>
                  <a:pt x="9495" y="31493"/>
                </a:lnTo>
                <a:lnTo>
                  <a:pt x="9310" y="29270"/>
                </a:lnTo>
                <a:lnTo>
                  <a:pt x="9078" y="27047"/>
                </a:lnTo>
                <a:lnTo>
                  <a:pt x="8985" y="26213"/>
                </a:lnTo>
                <a:lnTo>
                  <a:pt x="8939" y="25426"/>
                </a:lnTo>
                <a:lnTo>
                  <a:pt x="8939" y="24639"/>
                </a:lnTo>
                <a:lnTo>
                  <a:pt x="8985" y="23898"/>
                </a:lnTo>
                <a:lnTo>
                  <a:pt x="9171" y="22369"/>
                </a:lnTo>
                <a:lnTo>
                  <a:pt x="9448" y="20749"/>
                </a:lnTo>
                <a:lnTo>
                  <a:pt x="9587" y="19915"/>
                </a:lnTo>
                <a:lnTo>
                  <a:pt x="9680" y="19128"/>
                </a:lnTo>
                <a:lnTo>
                  <a:pt x="9819" y="17460"/>
                </a:lnTo>
                <a:lnTo>
                  <a:pt x="9865" y="15793"/>
                </a:lnTo>
                <a:lnTo>
                  <a:pt x="9865" y="14126"/>
                </a:lnTo>
                <a:lnTo>
                  <a:pt x="9773" y="10513"/>
                </a:lnTo>
                <a:lnTo>
                  <a:pt x="9634" y="6901"/>
                </a:lnTo>
                <a:lnTo>
                  <a:pt x="9587" y="5234"/>
                </a:lnTo>
                <a:lnTo>
                  <a:pt x="9541" y="4400"/>
                </a:lnTo>
                <a:lnTo>
                  <a:pt x="9448" y="3613"/>
                </a:lnTo>
                <a:lnTo>
                  <a:pt x="9310" y="2779"/>
                </a:lnTo>
                <a:lnTo>
                  <a:pt x="9124" y="1992"/>
                </a:lnTo>
                <a:lnTo>
                  <a:pt x="8846" y="1251"/>
                </a:lnTo>
                <a:lnTo>
                  <a:pt x="8661" y="881"/>
                </a:lnTo>
                <a:lnTo>
                  <a:pt x="8430" y="510"/>
                </a:lnTo>
                <a:lnTo>
                  <a:pt x="8244" y="278"/>
                </a:lnTo>
                <a:lnTo>
                  <a:pt x="8013" y="140"/>
                </a:lnTo>
                <a:lnTo>
                  <a:pt x="7735" y="47"/>
                </a:lnTo>
                <a:lnTo>
                  <a:pt x="7457" y="1"/>
                </a:lnTo>
                <a:close/>
              </a:path>
            </a:pathLst>
          </a:custGeom>
          <a:solidFill>
            <a:schemeClr val="dk2"/>
          </a:solidFill>
          <a:ln>
            <a:noFill/>
          </a:ln>
        </p:spPr>
        <p:txBody>
          <a:bodyPr spcFirstLastPara="1" wrap="square" lIns="203167" tIns="203167" rIns="203167" bIns="203167" anchor="ctr" anchorCtr="0">
            <a:noAutofit/>
          </a:bodyPr>
          <a:lstStyle/>
          <a:p>
            <a:pPr marL="0" lvl="0" indent="0" algn="l" rtl="0">
              <a:spcBef>
                <a:spcPts val="0"/>
              </a:spcBef>
              <a:spcAft>
                <a:spcPts val="0"/>
              </a:spcAft>
              <a:buNone/>
            </a:pPr>
            <a:endParaRPr sz="6000"/>
          </a:p>
        </p:txBody>
      </p:sp>
    </p:spTree>
    <p:extLst>
      <p:ext uri="{BB962C8B-B14F-4D97-AF65-F5344CB8AC3E}">
        <p14:creationId xmlns:p14="http://schemas.microsoft.com/office/powerpoint/2010/main" val="1866388068"/>
      </p:ext>
    </p:extLst>
  </p:cSld>
  <p:clrMapOvr>
    <a:masterClrMapping/>
  </p:clrMapOvr>
</p:sldLayout>
</file>

<file path=ppt/slideLayouts/slideLayout111.xml><?xml version="1.0" encoding="utf-8"?>
<p:sldLayout xmlns:a="http://schemas.openxmlformats.org/drawingml/2006/main" xmlns:r="http://schemas.openxmlformats.org/officeDocument/2006/relationships" xmlns:p="http://schemas.openxmlformats.org/presentationml/2006/main" matchingName="Title and three columns">
  <p:cSld name="Title and three columns">
    <p:spTree>
      <p:nvGrpSpPr>
        <p:cNvPr id="1" name="Shape 413"/>
        <p:cNvGrpSpPr/>
        <p:nvPr/>
      </p:nvGrpSpPr>
      <p:grpSpPr>
        <a:xfrm>
          <a:off x="0" y="0"/>
          <a:ext cx="0" cy="0"/>
          <a:chOff x="0" y="0"/>
          <a:chExt cx="0" cy="0"/>
        </a:xfrm>
      </p:grpSpPr>
      <p:pic>
        <p:nvPicPr>
          <p:cNvPr id="414" name="Google Shape;414;p29"/>
          <p:cNvPicPr preferRelativeResize="0"/>
          <p:nvPr/>
        </p:nvPicPr>
        <p:blipFill rotWithShape="1">
          <a:blip r:embed="rId2">
            <a:alphaModFix amt="58999"/>
          </a:blip>
          <a:srcRect/>
          <a:stretch/>
        </p:blipFill>
        <p:spPr>
          <a:xfrm>
            <a:off x="0" y="0"/>
            <a:ext cx="20320000" cy="11430000"/>
          </a:xfrm>
          <a:prstGeom prst="rect">
            <a:avLst/>
          </a:prstGeom>
          <a:noFill/>
          <a:ln>
            <a:noFill/>
          </a:ln>
        </p:spPr>
      </p:pic>
      <p:grpSp>
        <p:nvGrpSpPr>
          <p:cNvPr id="415" name="Google Shape;415;p29"/>
          <p:cNvGrpSpPr/>
          <p:nvPr/>
        </p:nvGrpSpPr>
        <p:grpSpPr>
          <a:xfrm>
            <a:off x="921445" y="681333"/>
            <a:ext cx="18477111" cy="481333"/>
            <a:chOff x="414650" y="306600"/>
            <a:chExt cx="8314700" cy="216600"/>
          </a:xfrm>
        </p:grpSpPr>
        <p:grpSp>
          <p:nvGrpSpPr>
            <p:cNvPr id="416" name="Google Shape;416;p29"/>
            <p:cNvGrpSpPr/>
            <p:nvPr/>
          </p:nvGrpSpPr>
          <p:grpSpPr>
            <a:xfrm>
              <a:off x="713281" y="389286"/>
              <a:ext cx="7717437" cy="51251"/>
              <a:chOff x="450050" y="465475"/>
              <a:chExt cx="8367600" cy="51241"/>
            </a:xfrm>
          </p:grpSpPr>
          <p:cxnSp>
            <p:nvCxnSpPr>
              <p:cNvPr id="417" name="Google Shape;417;p29"/>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418" name="Google Shape;418;p29"/>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419" name="Google Shape;419;p29"/>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420" name="Google Shape;420;p29"/>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421" name="Google Shape;421;p29"/>
          <p:cNvSpPr txBox="1">
            <a:spLocks noGrp="1"/>
          </p:cNvSpPr>
          <p:nvPr>
            <p:ph type="title"/>
          </p:nvPr>
        </p:nvSpPr>
        <p:spPr>
          <a:xfrm>
            <a:off x="1600000" y="1158278"/>
            <a:ext cx="17120000" cy="1272667"/>
          </a:xfrm>
          <a:prstGeom prst="rect">
            <a:avLst/>
          </a:prstGeom>
        </p:spPr>
        <p:txBody>
          <a:bodyPr spcFirstLastPara="1" wrap="square" lIns="91425" tIns="91425" rIns="91425" bIns="91425" anchor="t" anchorCtr="0">
            <a:noAutofit/>
          </a:bodyPr>
          <a:lstStyle>
            <a:lvl1pPr lvl="0" algn="ctr" rtl="0">
              <a:spcBef>
                <a:spcPts val="0"/>
              </a:spcBef>
              <a:spcAft>
                <a:spcPts val="0"/>
              </a:spcAft>
              <a:buSzPts val="3500"/>
              <a:buNone/>
              <a:defRPr/>
            </a:lvl1pPr>
            <a:lvl2pPr lvl="1" rtl="0">
              <a:spcBef>
                <a:spcPts val="0"/>
              </a:spcBef>
              <a:spcAft>
                <a:spcPts val="0"/>
              </a:spcAft>
              <a:buSzPts val="3500"/>
              <a:buNone/>
              <a:defRPr/>
            </a:lvl2pPr>
            <a:lvl3pPr lvl="2" rtl="0">
              <a:spcBef>
                <a:spcPts val="0"/>
              </a:spcBef>
              <a:spcAft>
                <a:spcPts val="0"/>
              </a:spcAft>
              <a:buSzPts val="3500"/>
              <a:buNone/>
              <a:defRPr/>
            </a:lvl3pPr>
            <a:lvl4pPr lvl="3" rtl="0">
              <a:spcBef>
                <a:spcPts val="0"/>
              </a:spcBef>
              <a:spcAft>
                <a:spcPts val="0"/>
              </a:spcAft>
              <a:buSzPts val="3500"/>
              <a:buNone/>
              <a:defRPr/>
            </a:lvl4pPr>
            <a:lvl5pPr lvl="4" rtl="0">
              <a:spcBef>
                <a:spcPts val="0"/>
              </a:spcBef>
              <a:spcAft>
                <a:spcPts val="0"/>
              </a:spcAft>
              <a:buSzPts val="3500"/>
              <a:buNone/>
              <a:defRPr/>
            </a:lvl5pPr>
            <a:lvl6pPr lvl="5" rtl="0">
              <a:spcBef>
                <a:spcPts val="0"/>
              </a:spcBef>
              <a:spcAft>
                <a:spcPts val="0"/>
              </a:spcAft>
              <a:buSzPts val="3500"/>
              <a:buNone/>
              <a:defRPr/>
            </a:lvl6pPr>
            <a:lvl7pPr lvl="6" rtl="0">
              <a:spcBef>
                <a:spcPts val="0"/>
              </a:spcBef>
              <a:spcAft>
                <a:spcPts val="0"/>
              </a:spcAft>
              <a:buSzPts val="3500"/>
              <a:buNone/>
              <a:defRPr/>
            </a:lvl7pPr>
            <a:lvl8pPr lvl="7" rtl="0">
              <a:spcBef>
                <a:spcPts val="0"/>
              </a:spcBef>
              <a:spcAft>
                <a:spcPts val="0"/>
              </a:spcAft>
              <a:buSzPts val="3500"/>
              <a:buNone/>
              <a:defRPr/>
            </a:lvl8pPr>
            <a:lvl9pPr lvl="8" rtl="0">
              <a:spcBef>
                <a:spcPts val="0"/>
              </a:spcBef>
              <a:spcAft>
                <a:spcPts val="0"/>
              </a:spcAft>
              <a:buSzPts val="3500"/>
              <a:buNone/>
              <a:defRPr/>
            </a:lvl9pPr>
          </a:lstStyle>
          <a:p>
            <a:endParaRPr/>
          </a:p>
        </p:txBody>
      </p:sp>
      <p:sp>
        <p:nvSpPr>
          <p:cNvPr id="422" name="Google Shape;422;p29"/>
          <p:cNvSpPr txBox="1">
            <a:spLocks noGrp="1"/>
          </p:cNvSpPr>
          <p:nvPr>
            <p:ph type="subTitle" idx="1"/>
          </p:nvPr>
        </p:nvSpPr>
        <p:spPr>
          <a:xfrm>
            <a:off x="2083613" y="4316673"/>
            <a:ext cx="4834000" cy="1932000"/>
          </a:xfrm>
          <a:prstGeom prst="rect">
            <a:avLst/>
          </a:prstGeom>
        </p:spPr>
        <p:txBody>
          <a:bodyPr spcFirstLastPara="1" wrap="square" lIns="91425" tIns="91425" rIns="91425" bIns="91425" anchor="t" anchorCtr="0">
            <a:noAutofit/>
          </a:bodyPr>
          <a:lstStyle>
            <a:lvl1pPr lvl="0" rtl="0">
              <a:lnSpc>
                <a:spcPct val="100000"/>
              </a:lnSpc>
              <a:spcBef>
                <a:spcPts val="0"/>
              </a:spcBef>
              <a:spcAft>
                <a:spcPts val="0"/>
              </a:spcAft>
              <a:buSzPts val="1400"/>
              <a:buNone/>
              <a:defRPr sz="3111"/>
            </a:lvl1pPr>
            <a:lvl2pPr lvl="1" algn="ctr" rtl="0">
              <a:lnSpc>
                <a:spcPct val="100000"/>
              </a:lnSpc>
              <a:spcBef>
                <a:spcPts val="0"/>
              </a:spcBef>
              <a:spcAft>
                <a:spcPts val="0"/>
              </a:spcAft>
              <a:buSzPts val="1400"/>
              <a:buNone/>
              <a:defRPr/>
            </a:lvl2pPr>
            <a:lvl3pPr lvl="2" algn="ctr" rtl="0">
              <a:lnSpc>
                <a:spcPct val="100000"/>
              </a:lnSpc>
              <a:spcBef>
                <a:spcPts val="3556"/>
              </a:spcBef>
              <a:spcAft>
                <a:spcPts val="0"/>
              </a:spcAft>
              <a:buSzPts val="1400"/>
              <a:buNone/>
              <a:defRPr/>
            </a:lvl3pPr>
            <a:lvl4pPr lvl="3" algn="ctr" rtl="0">
              <a:lnSpc>
                <a:spcPct val="100000"/>
              </a:lnSpc>
              <a:spcBef>
                <a:spcPts val="3556"/>
              </a:spcBef>
              <a:spcAft>
                <a:spcPts val="0"/>
              </a:spcAft>
              <a:buSzPts val="1400"/>
              <a:buNone/>
              <a:defRPr/>
            </a:lvl4pPr>
            <a:lvl5pPr lvl="4" algn="ctr" rtl="0">
              <a:lnSpc>
                <a:spcPct val="100000"/>
              </a:lnSpc>
              <a:spcBef>
                <a:spcPts val="3556"/>
              </a:spcBef>
              <a:spcAft>
                <a:spcPts val="0"/>
              </a:spcAft>
              <a:buSzPts val="1400"/>
              <a:buNone/>
              <a:defRPr/>
            </a:lvl5pPr>
            <a:lvl6pPr lvl="5" algn="ctr" rtl="0">
              <a:lnSpc>
                <a:spcPct val="100000"/>
              </a:lnSpc>
              <a:spcBef>
                <a:spcPts val="3556"/>
              </a:spcBef>
              <a:spcAft>
                <a:spcPts val="0"/>
              </a:spcAft>
              <a:buSzPts val="1400"/>
              <a:buNone/>
              <a:defRPr/>
            </a:lvl6pPr>
            <a:lvl7pPr lvl="6" algn="ctr" rtl="0">
              <a:lnSpc>
                <a:spcPct val="100000"/>
              </a:lnSpc>
              <a:spcBef>
                <a:spcPts val="3556"/>
              </a:spcBef>
              <a:spcAft>
                <a:spcPts val="0"/>
              </a:spcAft>
              <a:buSzPts val="1400"/>
              <a:buNone/>
              <a:defRPr/>
            </a:lvl7pPr>
            <a:lvl8pPr lvl="7" algn="ctr" rtl="0">
              <a:lnSpc>
                <a:spcPct val="100000"/>
              </a:lnSpc>
              <a:spcBef>
                <a:spcPts val="3556"/>
              </a:spcBef>
              <a:spcAft>
                <a:spcPts val="0"/>
              </a:spcAft>
              <a:buSzPts val="1400"/>
              <a:buNone/>
              <a:defRPr/>
            </a:lvl8pPr>
            <a:lvl9pPr lvl="8" algn="ctr" rtl="0">
              <a:lnSpc>
                <a:spcPct val="100000"/>
              </a:lnSpc>
              <a:spcBef>
                <a:spcPts val="3556"/>
              </a:spcBef>
              <a:spcAft>
                <a:spcPts val="3556"/>
              </a:spcAft>
              <a:buSzPts val="1400"/>
              <a:buNone/>
              <a:defRPr/>
            </a:lvl9pPr>
          </a:lstStyle>
          <a:p>
            <a:endParaRPr/>
          </a:p>
        </p:txBody>
      </p:sp>
      <p:sp>
        <p:nvSpPr>
          <p:cNvPr id="423" name="Google Shape;423;p29"/>
          <p:cNvSpPr txBox="1">
            <a:spLocks noGrp="1"/>
          </p:cNvSpPr>
          <p:nvPr>
            <p:ph type="subTitle" idx="2"/>
          </p:nvPr>
        </p:nvSpPr>
        <p:spPr>
          <a:xfrm>
            <a:off x="7743000" y="4316673"/>
            <a:ext cx="4834000" cy="1932000"/>
          </a:xfrm>
          <a:prstGeom prst="rect">
            <a:avLst/>
          </a:prstGeom>
        </p:spPr>
        <p:txBody>
          <a:bodyPr spcFirstLastPara="1" wrap="square" lIns="91425" tIns="91425" rIns="91425" bIns="91425" anchor="t" anchorCtr="0">
            <a:noAutofit/>
          </a:bodyPr>
          <a:lstStyle>
            <a:lvl1pPr lvl="0" rtl="0">
              <a:lnSpc>
                <a:spcPct val="100000"/>
              </a:lnSpc>
              <a:spcBef>
                <a:spcPts val="0"/>
              </a:spcBef>
              <a:spcAft>
                <a:spcPts val="0"/>
              </a:spcAft>
              <a:buSzPts val="1400"/>
              <a:buNone/>
              <a:defRPr sz="3111"/>
            </a:lvl1pPr>
            <a:lvl2pPr lvl="1" algn="ctr" rtl="0">
              <a:lnSpc>
                <a:spcPct val="100000"/>
              </a:lnSpc>
              <a:spcBef>
                <a:spcPts val="0"/>
              </a:spcBef>
              <a:spcAft>
                <a:spcPts val="0"/>
              </a:spcAft>
              <a:buSzPts val="1400"/>
              <a:buNone/>
              <a:defRPr/>
            </a:lvl2pPr>
            <a:lvl3pPr lvl="2" algn="ctr" rtl="0">
              <a:lnSpc>
                <a:spcPct val="100000"/>
              </a:lnSpc>
              <a:spcBef>
                <a:spcPts val="3556"/>
              </a:spcBef>
              <a:spcAft>
                <a:spcPts val="0"/>
              </a:spcAft>
              <a:buSzPts val="1400"/>
              <a:buNone/>
              <a:defRPr/>
            </a:lvl3pPr>
            <a:lvl4pPr lvl="3" algn="ctr" rtl="0">
              <a:lnSpc>
                <a:spcPct val="100000"/>
              </a:lnSpc>
              <a:spcBef>
                <a:spcPts val="3556"/>
              </a:spcBef>
              <a:spcAft>
                <a:spcPts val="0"/>
              </a:spcAft>
              <a:buSzPts val="1400"/>
              <a:buNone/>
              <a:defRPr/>
            </a:lvl4pPr>
            <a:lvl5pPr lvl="4" algn="ctr" rtl="0">
              <a:lnSpc>
                <a:spcPct val="100000"/>
              </a:lnSpc>
              <a:spcBef>
                <a:spcPts val="3556"/>
              </a:spcBef>
              <a:spcAft>
                <a:spcPts val="0"/>
              </a:spcAft>
              <a:buSzPts val="1400"/>
              <a:buNone/>
              <a:defRPr/>
            </a:lvl5pPr>
            <a:lvl6pPr lvl="5" algn="ctr" rtl="0">
              <a:lnSpc>
                <a:spcPct val="100000"/>
              </a:lnSpc>
              <a:spcBef>
                <a:spcPts val="3556"/>
              </a:spcBef>
              <a:spcAft>
                <a:spcPts val="0"/>
              </a:spcAft>
              <a:buSzPts val="1400"/>
              <a:buNone/>
              <a:defRPr/>
            </a:lvl6pPr>
            <a:lvl7pPr lvl="6" algn="ctr" rtl="0">
              <a:lnSpc>
                <a:spcPct val="100000"/>
              </a:lnSpc>
              <a:spcBef>
                <a:spcPts val="3556"/>
              </a:spcBef>
              <a:spcAft>
                <a:spcPts val="0"/>
              </a:spcAft>
              <a:buSzPts val="1400"/>
              <a:buNone/>
              <a:defRPr/>
            </a:lvl7pPr>
            <a:lvl8pPr lvl="7" algn="ctr" rtl="0">
              <a:lnSpc>
                <a:spcPct val="100000"/>
              </a:lnSpc>
              <a:spcBef>
                <a:spcPts val="3556"/>
              </a:spcBef>
              <a:spcAft>
                <a:spcPts val="0"/>
              </a:spcAft>
              <a:buSzPts val="1400"/>
              <a:buNone/>
              <a:defRPr/>
            </a:lvl8pPr>
            <a:lvl9pPr lvl="8" algn="ctr" rtl="0">
              <a:lnSpc>
                <a:spcPct val="100000"/>
              </a:lnSpc>
              <a:spcBef>
                <a:spcPts val="3556"/>
              </a:spcBef>
              <a:spcAft>
                <a:spcPts val="3556"/>
              </a:spcAft>
              <a:buSzPts val="1400"/>
              <a:buNone/>
              <a:defRPr/>
            </a:lvl9pPr>
          </a:lstStyle>
          <a:p>
            <a:endParaRPr/>
          </a:p>
        </p:txBody>
      </p:sp>
      <p:sp>
        <p:nvSpPr>
          <p:cNvPr id="424" name="Google Shape;424;p29"/>
          <p:cNvSpPr txBox="1">
            <a:spLocks noGrp="1"/>
          </p:cNvSpPr>
          <p:nvPr>
            <p:ph type="subTitle" idx="3"/>
          </p:nvPr>
        </p:nvSpPr>
        <p:spPr>
          <a:xfrm>
            <a:off x="13402387" y="4316673"/>
            <a:ext cx="4834000" cy="1932000"/>
          </a:xfrm>
          <a:prstGeom prst="rect">
            <a:avLst/>
          </a:prstGeom>
        </p:spPr>
        <p:txBody>
          <a:bodyPr spcFirstLastPara="1" wrap="square" lIns="91425" tIns="91425" rIns="91425" bIns="91425" anchor="t" anchorCtr="0">
            <a:noAutofit/>
          </a:bodyPr>
          <a:lstStyle>
            <a:lvl1pPr lvl="0" rtl="0">
              <a:lnSpc>
                <a:spcPct val="100000"/>
              </a:lnSpc>
              <a:spcBef>
                <a:spcPts val="0"/>
              </a:spcBef>
              <a:spcAft>
                <a:spcPts val="0"/>
              </a:spcAft>
              <a:buSzPts val="1400"/>
              <a:buNone/>
              <a:defRPr sz="3111"/>
            </a:lvl1pPr>
            <a:lvl2pPr lvl="1" algn="ctr" rtl="0">
              <a:lnSpc>
                <a:spcPct val="100000"/>
              </a:lnSpc>
              <a:spcBef>
                <a:spcPts val="0"/>
              </a:spcBef>
              <a:spcAft>
                <a:spcPts val="0"/>
              </a:spcAft>
              <a:buSzPts val="1400"/>
              <a:buNone/>
              <a:defRPr/>
            </a:lvl2pPr>
            <a:lvl3pPr lvl="2" algn="ctr" rtl="0">
              <a:lnSpc>
                <a:spcPct val="100000"/>
              </a:lnSpc>
              <a:spcBef>
                <a:spcPts val="3556"/>
              </a:spcBef>
              <a:spcAft>
                <a:spcPts val="0"/>
              </a:spcAft>
              <a:buSzPts val="1400"/>
              <a:buNone/>
              <a:defRPr/>
            </a:lvl3pPr>
            <a:lvl4pPr lvl="3" algn="ctr" rtl="0">
              <a:lnSpc>
                <a:spcPct val="100000"/>
              </a:lnSpc>
              <a:spcBef>
                <a:spcPts val="3556"/>
              </a:spcBef>
              <a:spcAft>
                <a:spcPts val="0"/>
              </a:spcAft>
              <a:buSzPts val="1400"/>
              <a:buNone/>
              <a:defRPr/>
            </a:lvl4pPr>
            <a:lvl5pPr lvl="4" algn="ctr" rtl="0">
              <a:lnSpc>
                <a:spcPct val="100000"/>
              </a:lnSpc>
              <a:spcBef>
                <a:spcPts val="3556"/>
              </a:spcBef>
              <a:spcAft>
                <a:spcPts val="0"/>
              </a:spcAft>
              <a:buSzPts val="1400"/>
              <a:buNone/>
              <a:defRPr/>
            </a:lvl5pPr>
            <a:lvl6pPr lvl="5" algn="ctr" rtl="0">
              <a:lnSpc>
                <a:spcPct val="100000"/>
              </a:lnSpc>
              <a:spcBef>
                <a:spcPts val="3556"/>
              </a:spcBef>
              <a:spcAft>
                <a:spcPts val="0"/>
              </a:spcAft>
              <a:buSzPts val="1400"/>
              <a:buNone/>
              <a:defRPr/>
            </a:lvl6pPr>
            <a:lvl7pPr lvl="6" algn="ctr" rtl="0">
              <a:lnSpc>
                <a:spcPct val="100000"/>
              </a:lnSpc>
              <a:spcBef>
                <a:spcPts val="3556"/>
              </a:spcBef>
              <a:spcAft>
                <a:spcPts val="0"/>
              </a:spcAft>
              <a:buSzPts val="1400"/>
              <a:buNone/>
              <a:defRPr/>
            </a:lvl7pPr>
            <a:lvl8pPr lvl="7" algn="ctr" rtl="0">
              <a:lnSpc>
                <a:spcPct val="100000"/>
              </a:lnSpc>
              <a:spcBef>
                <a:spcPts val="3556"/>
              </a:spcBef>
              <a:spcAft>
                <a:spcPts val="0"/>
              </a:spcAft>
              <a:buSzPts val="1400"/>
              <a:buNone/>
              <a:defRPr/>
            </a:lvl8pPr>
            <a:lvl9pPr lvl="8" algn="ctr" rtl="0">
              <a:lnSpc>
                <a:spcPct val="100000"/>
              </a:lnSpc>
              <a:spcBef>
                <a:spcPts val="3556"/>
              </a:spcBef>
              <a:spcAft>
                <a:spcPts val="3556"/>
              </a:spcAft>
              <a:buSzPts val="1400"/>
              <a:buNone/>
              <a:defRPr/>
            </a:lvl9pPr>
          </a:lstStyle>
          <a:p>
            <a:endParaRPr/>
          </a:p>
        </p:txBody>
      </p:sp>
      <p:sp>
        <p:nvSpPr>
          <p:cNvPr id="425" name="Google Shape;425;p29"/>
          <p:cNvSpPr txBox="1">
            <a:spLocks noGrp="1"/>
          </p:cNvSpPr>
          <p:nvPr>
            <p:ph type="subTitle" idx="4"/>
          </p:nvPr>
        </p:nvSpPr>
        <p:spPr>
          <a:xfrm>
            <a:off x="2083611" y="3306502"/>
            <a:ext cx="4834000" cy="1172667"/>
          </a:xfrm>
          <a:prstGeom prst="rect">
            <a:avLst/>
          </a:prstGeom>
        </p:spPr>
        <p:txBody>
          <a:bodyPr spcFirstLastPara="1" wrap="square" lIns="91425" tIns="91425" rIns="91425" bIns="91425" anchor="b" anchorCtr="0">
            <a:noAutofit/>
          </a:bodyPr>
          <a:lstStyle>
            <a:lvl1pPr lvl="0" rtl="0">
              <a:lnSpc>
                <a:spcPct val="100000"/>
              </a:lnSpc>
              <a:spcBef>
                <a:spcPts val="0"/>
              </a:spcBef>
              <a:spcAft>
                <a:spcPts val="0"/>
              </a:spcAft>
              <a:buSzPts val="2400"/>
              <a:buFont typeface="Orelega One"/>
              <a:buNone/>
              <a:defRPr sz="4889">
                <a:solidFill>
                  <a:schemeClr val="dk1"/>
                </a:solidFill>
                <a:latin typeface="Orelega One"/>
                <a:ea typeface="Orelega One"/>
                <a:cs typeface="Orelega One"/>
                <a:sym typeface="Orelega One"/>
              </a:defRPr>
            </a:lvl1pPr>
            <a:lvl2pPr lvl="1"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2pPr>
            <a:lvl3pPr lvl="2"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3pPr>
            <a:lvl4pPr lvl="3"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4pPr>
            <a:lvl5pPr lvl="4"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5pPr>
            <a:lvl6pPr lvl="5"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6pPr>
            <a:lvl7pPr lvl="6"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7pPr>
            <a:lvl8pPr lvl="7"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8pPr>
            <a:lvl9pPr lvl="8"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9pPr>
          </a:lstStyle>
          <a:p>
            <a:endParaRPr/>
          </a:p>
        </p:txBody>
      </p:sp>
      <p:sp>
        <p:nvSpPr>
          <p:cNvPr id="426" name="Google Shape;426;p29"/>
          <p:cNvSpPr txBox="1">
            <a:spLocks noGrp="1"/>
          </p:cNvSpPr>
          <p:nvPr>
            <p:ph type="subTitle" idx="5"/>
          </p:nvPr>
        </p:nvSpPr>
        <p:spPr>
          <a:xfrm>
            <a:off x="7743000" y="3306502"/>
            <a:ext cx="4834000" cy="1172667"/>
          </a:xfrm>
          <a:prstGeom prst="rect">
            <a:avLst/>
          </a:prstGeom>
        </p:spPr>
        <p:txBody>
          <a:bodyPr spcFirstLastPara="1" wrap="square" lIns="91425" tIns="91425" rIns="91425" bIns="91425" anchor="b" anchorCtr="0">
            <a:noAutofit/>
          </a:bodyPr>
          <a:lstStyle>
            <a:lvl1pPr lvl="0" rtl="0">
              <a:lnSpc>
                <a:spcPct val="100000"/>
              </a:lnSpc>
              <a:spcBef>
                <a:spcPts val="0"/>
              </a:spcBef>
              <a:spcAft>
                <a:spcPts val="0"/>
              </a:spcAft>
              <a:buSzPts val="2400"/>
              <a:buFont typeface="Orelega One"/>
              <a:buNone/>
              <a:defRPr sz="4889">
                <a:solidFill>
                  <a:schemeClr val="dk1"/>
                </a:solidFill>
                <a:latin typeface="Orelega One"/>
                <a:ea typeface="Orelega One"/>
                <a:cs typeface="Orelega One"/>
                <a:sym typeface="Orelega One"/>
              </a:defRPr>
            </a:lvl1pPr>
            <a:lvl2pPr lvl="1"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2pPr>
            <a:lvl3pPr lvl="2"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3pPr>
            <a:lvl4pPr lvl="3"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4pPr>
            <a:lvl5pPr lvl="4"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5pPr>
            <a:lvl6pPr lvl="5"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6pPr>
            <a:lvl7pPr lvl="6"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7pPr>
            <a:lvl8pPr lvl="7"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8pPr>
            <a:lvl9pPr lvl="8"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9pPr>
          </a:lstStyle>
          <a:p>
            <a:endParaRPr/>
          </a:p>
        </p:txBody>
      </p:sp>
      <p:sp>
        <p:nvSpPr>
          <p:cNvPr id="427" name="Google Shape;427;p29"/>
          <p:cNvSpPr txBox="1">
            <a:spLocks noGrp="1"/>
          </p:cNvSpPr>
          <p:nvPr>
            <p:ph type="subTitle" idx="6"/>
          </p:nvPr>
        </p:nvSpPr>
        <p:spPr>
          <a:xfrm>
            <a:off x="13402389" y="3306502"/>
            <a:ext cx="4834000" cy="1172667"/>
          </a:xfrm>
          <a:prstGeom prst="rect">
            <a:avLst/>
          </a:prstGeom>
        </p:spPr>
        <p:txBody>
          <a:bodyPr spcFirstLastPara="1" wrap="square" lIns="91425" tIns="91425" rIns="91425" bIns="91425" anchor="b" anchorCtr="0">
            <a:noAutofit/>
          </a:bodyPr>
          <a:lstStyle>
            <a:lvl1pPr lvl="0" rtl="0">
              <a:lnSpc>
                <a:spcPct val="100000"/>
              </a:lnSpc>
              <a:spcBef>
                <a:spcPts val="0"/>
              </a:spcBef>
              <a:spcAft>
                <a:spcPts val="0"/>
              </a:spcAft>
              <a:buSzPts val="2400"/>
              <a:buFont typeface="Orelega One"/>
              <a:buNone/>
              <a:defRPr sz="4889">
                <a:solidFill>
                  <a:schemeClr val="dk1"/>
                </a:solidFill>
                <a:latin typeface="Orelega One"/>
                <a:ea typeface="Orelega One"/>
                <a:cs typeface="Orelega One"/>
                <a:sym typeface="Orelega One"/>
              </a:defRPr>
            </a:lvl1pPr>
            <a:lvl2pPr lvl="1"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2pPr>
            <a:lvl3pPr lvl="2"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3pPr>
            <a:lvl4pPr lvl="3"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4pPr>
            <a:lvl5pPr lvl="4"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5pPr>
            <a:lvl6pPr lvl="5"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6pPr>
            <a:lvl7pPr lvl="6"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7pPr>
            <a:lvl8pPr lvl="7"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8pPr>
            <a:lvl9pPr lvl="8"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9pPr>
          </a:lstStyle>
          <a:p>
            <a:endParaRPr/>
          </a:p>
        </p:txBody>
      </p:sp>
      <p:grpSp>
        <p:nvGrpSpPr>
          <p:cNvPr id="428" name="Google Shape;428;p29"/>
          <p:cNvGrpSpPr/>
          <p:nvPr/>
        </p:nvGrpSpPr>
        <p:grpSpPr>
          <a:xfrm>
            <a:off x="648676" y="7047429"/>
            <a:ext cx="18868213" cy="3741920"/>
            <a:chOff x="291904" y="3171343"/>
            <a:chExt cx="8490696" cy="1683864"/>
          </a:xfrm>
        </p:grpSpPr>
        <p:sp>
          <p:nvSpPr>
            <p:cNvPr id="429" name="Google Shape;429;p29"/>
            <p:cNvSpPr/>
            <p:nvPr/>
          </p:nvSpPr>
          <p:spPr>
            <a:xfrm flipH="1">
              <a:off x="291904" y="3171343"/>
              <a:ext cx="345034" cy="1683864"/>
            </a:xfrm>
            <a:custGeom>
              <a:avLst/>
              <a:gdLst/>
              <a:ahLst/>
              <a:cxnLst/>
              <a:rect l="l" t="t" r="r" b="b"/>
              <a:pathLst>
                <a:path w="16256" h="79334" extrusionOk="0">
                  <a:moveTo>
                    <a:pt x="7457" y="1"/>
                  </a:moveTo>
                  <a:lnTo>
                    <a:pt x="7179" y="93"/>
                  </a:lnTo>
                  <a:lnTo>
                    <a:pt x="6901" y="186"/>
                  </a:lnTo>
                  <a:lnTo>
                    <a:pt x="6762" y="371"/>
                  </a:lnTo>
                  <a:lnTo>
                    <a:pt x="6669" y="510"/>
                  </a:lnTo>
                  <a:lnTo>
                    <a:pt x="6669" y="649"/>
                  </a:lnTo>
                  <a:lnTo>
                    <a:pt x="6391" y="2455"/>
                  </a:lnTo>
                  <a:lnTo>
                    <a:pt x="6160" y="4261"/>
                  </a:lnTo>
                  <a:lnTo>
                    <a:pt x="5975" y="6114"/>
                  </a:lnTo>
                  <a:lnTo>
                    <a:pt x="5882" y="7966"/>
                  </a:lnTo>
                  <a:lnTo>
                    <a:pt x="5836" y="10560"/>
                  </a:lnTo>
                  <a:lnTo>
                    <a:pt x="5882" y="13153"/>
                  </a:lnTo>
                  <a:lnTo>
                    <a:pt x="5975" y="15747"/>
                  </a:lnTo>
                  <a:lnTo>
                    <a:pt x="6113" y="18340"/>
                  </a:lnTo>
                  <a:lnTo>
                    <a:pt x="6484" y="23620"/>
                  </a:lnTo>
                  <a:lnTo>
                    <a:pt x="6762" y="28946"/>
                  </a:lnTo>
                  <a:lnTo>
                    <a:pt x="6901" y="31586"/>
                  </a:lnTo>
                  <a:lnTo>
                    <a:pt x="6993" y="34226"/>
                  </a:lnTo>
                  <a:lnTo>
                    <a:pt x="7040" y="36912"/>
                  </a:lnTo>
                  <a:lnTo>
                    <a:pt x="7086" y="39551"/>
                  </a:lnTo>
                  <a:lnTo>
                    <a:pt x="7040" y="41635"/>
                  </a:lnTo>
                  <a:lnTo>
                    <a:pt x="6993" y="43673"/>
                  </a:lnTo>
                  <a:lnTo>
                    <a:pt x="6854" y="45757"/>
                  </a:lnTo>
                  <a:lnTo>
                    <a:pt x="6716" y="47795"/>
                  </a:lnTo>
                  <a:lnTo>
                    <a:pt x="6391" y="51917"/>
                  </a:lnTo>
                  <a:lnTo>
                    <a:pt x="6067" y="56039"/>
                  </a:lnTo>
                  <a:lnTo>
                    <a:pt x="5743" y="55807"/>
                  </a:lnTo>
                  <a:lnTo>
                    <a:pt x="5465" y="55529"/>
                  </a:lnTo>
                  <a:lnTo>
                    <a:pt x="5187" y="55251"/>
                  </a:lnTo>
                  <a:lnTo>
                    <a:pt x="4956" y="54927"/>
                  </a:lnTo>
                  <a:lnTo>
                    <a:pt x="4539" y="54232"/>
                  </a:lnTo>
                  <a:lnTo>
                    <a:pt x="4307" y="53723"/>
                  </a:lnTo>
                  <a:lnTo>
                    <a:pt x="4215" y="53353"/>
                  </a:lnTo>
                  <a:lnTo>
                    <a:pt x="4122" y="52982"/>
                  </a:lnTo>
                  <a:lnTo>
                    <a:pt x="4076" y="52241"/>
                  </a:lnTo>
                  <a:lnTo>
                    <a:pt x="4029" y="51454"/>
                  </a:lnTo>
                  <a:lnTo>
                    <a:pt x="4029" y="50713"/>
                  </a:lnTo>
                  <a:lnTo>
                    <a:pt x="3983" y="48073"/>
                  </a:lnTo>
                  <a:lnTo>
                    <a:pt x="4029" y="45479"/>
                  </a:lnTo>
                  <a:lnTo>
                    <a:pt x="4076" y="43117"/>
                  </a:lnTo>
                  <a:lnTo>
                    <a:pt x="4122" y="41960"/>
                  </a:lnTo>
                  <a:lnTo>
                    <a:pt x="4076" y="40802"/>
                  </a:lnTo>
                  <a:lnTo>
                    <a:pt x="4076" y="39644"/>
                  </a:lnTo>
                  <a:lnTo>
                    <a:pt x="3937" y="38486"/>
                  </a:lnTo>
                  <a:lnTo>
                    <a:pt x="3798" y="37328"/>
                  </a:lnTo>
                  <a:lnTo>
                    <a:pt x="3566" y="36171"/>
                  </a:lnTo>
                  <a:lnTo>
                    <a:pt x="3474" y="35939"/>
                  </a:lnTo>
                  <a:lnTo>
                    <a:pt x="3288" y="35754"/>
                  </a:lnTo>
                  <a:lnTo>
                    <a:pt x="3103" y="35569"/>
                  </a:lnTo>
                  <a:lnTo>
                    <a:pt x="2825" y="35476"/>
                  </a:lnTo>
                  <a:lnTo>
                    <a:pt x="2547" y="35383"/>
                  </a:lnTo>
                  <a:lnTo>
                    <a:pt x="2223" y="35337"/>
                  </a:lnTo>
                  <a:lnTo>
                    <a:pt x="1899" y="35291"/>
                  </a:lnTo>
                  <a:lnTo>
                    <a:pt x="1575" y="35291"/>
                  </a:lnTo>
                  <a:lnTo>
                    <a:pt x="1251" y="35337"/>
                  </a:lnTo>
                  <a:lnTo>
                    <a:pt x="926" y="35430"/>
                  </a:lnTo>
                  <a:lnTo>
                    <a:pt x="649" y="35522"/>
                  </a:lnTo>
                  <a:lnTo>
                    <a:pt x="371" y="35661"/>
                  </a:lnTo>
                  <a:lnTo>
                    <a:pt x="185" y="35800"/>
                  </a:lnTo>
                  <a:lnTo>
                    <a:pt x="46" y="36032"/>
                  </a:lnTo>
                  <a:lnTo>
                    <a:pt x="0" y="36217"/>
                  </a:lnTo>
                  <a:lnTo>
                    <a:pt x="0" y="36495"/>
                  </a:lnTo>
                  <a:lnTo>
                    <a:pt x="139" y="37467"/>
                  </a:lnTo>
                  <a:lnTo>
                    <a:pt x="278" y="38440"/>
                  </a:lnTo>
                  <a:lnTo>
                    <a:pt x="510" y="40385"/>
                  </a:lnTo>
                  <a:lnTo>
                    <a:pt x="649" y="42330"/>
                  </a:lnTo>
                  <a:lnTo>
                    <a:pt x="741" y="44275"/>
                  </a:lnTo>
                  <a:lnTo>
                    <a:pt x="880" y="48212"/>
                  </a:lnTo>
                  <a:lnTo>
                    <a:pt x="1019" y="50157"/>
                  </a:lnTo>
                  <a:lnTo>
                    <a:pt x="1204" y="52148"/>
                  </a:lnTo>
                  <a:lnTo>
                    <a:pt x="1390" y="53353"/>
                  </a:lnTo>
                  <a:lnTo>
                    <a:pt x="1528" y="53908"/>
                  </a:lnTo>
                  <a:lnTo>
                    <a:pt x="1667" y="54510"/>
                  </a:lnTo>
                  <a:lnTo>
                    <a:pt x="1853" y="55020"/>
                  </a:lnTo>
                  <a:lnTo>
                    <a:pt x="2038" y="55529"/>
                  </a:lnTo>
                  <a:lnTo>
                    <a:pt x="2269" y="56039"/>
                  </a:lnTo>
                  <a:lnTo>
                    <a:pt x="2547" y="56502"/>
                  </a:lnTo>
                  <a:lnTo>
                    <a:pt x="2872" y="56919"/>
                  </a:lnTo>
                  <a:lnTo>
                    <a:pt x="3196" y="57289"/>
                  </a:lnTo>
                  <a:lnTo>
                    <a:pt x="3566" y="57660"/>
                  </a:lnTo>
                  <a:lnTo>
                    <a:pt x="3937" y="57937"/>
                  </a:lnTo>
                  <a:lnTo>
                    <a:pt x="4400" y="58215"/>
                  </a:lnTo>
                  <a:lnTo>
                    <a:pt x="4863" y="58447"/>
                  </a:lnTo>
                  <a:lnTo>
                    <a:pt x="5372" y="58632"/>
                  </a:lnTo>
                  <a:lnTo>
                    <a:pt x="5882" y="58771"/>
                  </a:lnTo>
                  <a:lnTo>
                    <a:pt x="5836" y="59790"/>
                  </a:lnTo>
                  <a:lnTo>
                    <a:pt x="5743" y="62244"/>
                  </a:lnTo>
                  <a:lnTo>
                    <a:pt x="5604" y="64653"/>
                  </a:lnTo>
                  <a:lnTo>
                    <a:pt x="5558" y="67061"/>
                  </a:lnTo>
                  <a:lnTo>
                    <a:pt x="5558" y="68265"/>
                  </a:lnTo>
                  <a:lnTo>
                    <a:pt x="5604" y="69469"/>
                  </a:lnTo>
                  <a:lnTo>
                    <a:pt x="5650" y="71692"/>
                  </a:lnTo>
                  <a:lnTo>
                    <a:pt x="5650" y="72804"/>
                  </a:lnTo>
                  <a:lnTo>
                    <a:pt x="5650" y="73915"/>
                  </a:lnTo>
                  <a:lnTo>
                    <a:pt x="5558" y="74471"/>
                  </a:lnTo>
                  <a:lnTo>
                    <a:pt x="5511" y="74980"/>
                  </a:lnTo>
                  <a:lnTo>
                    <a:pt x="5372" y="76046"/>
                  </a:lnTo>
                  <a:lnTo>
                    <a:pt x="5326" y="76555"/>
                  </a:lnTo>
                  <a:lnTo>
                    <a:pt x="5326" y="77064"/>
                  </a:lnTo>
                  <a:lnTo>
                    <a:pt x="5465" y="77574"/>
                  </a:lnTo>
                  <a:lnTo>
                    <a:pt x="5650" y="78130"/>
                  </a:lnTo>
                  <a:lnTo>
                    <a:pt x="5789" y="78361"/>
                  </a:lnTo>
                  <a:lnTo>
                    <a:pt x="5975" y="78593"/>
                  </a:lnTo>
                  <a:lnTo>
                    <a:pt x="6160" y="78778"/>
                  </a:lnTo>
                  <a:lnTo>
                    <a:pt x="6438" y="78963"/>
                  </a:lnTo>
                  <a:lnTo>
                    <a:pt x="6669" y="79102"/>
                  </a:lnTo>
                  <a:lnTo>
                    <a:pt x="6947" y="79195"/>
                  </a:lnTo>
                  <a:lnTo>
                    <a:pt x="7271" y="79287"/>
                  </a:lnTo>
                  <a:lnTo>
                    <a:pt x="7549" y="79334"/>
                  </a:lnTo>
                  <a:lnTo>
                    <a:pt x="8198" y="79334"/>
                  </a:lnTo>
                  <a:lnTo>
                    <a:pt x="8800" y="79287"/>
                  </a:lnTo>
                  <a:lnTo>
                    <a:pt x="9402" y="79102"/>
                  </a:lnTo>
                  <a:lnTo>
                    <a:pt x="9633" y="78963"/>
                  </a:lnTo>
                  <a:lnTo>
                    <a:pt x="9865" y="78824"/>
                  </a:lnTo>
                  <a:lnTo>
                    <a:pt x="10328" y="78500"/>
                  </a:lnTo>
                  <a:lnTo>
                    <a:pt x="10698" y="78130"/>
                  </a:lnTo>
                  <a:lnTo>
                    <a:pt x="11069" y="77713"/>
                  </a:lnTo>
                  <a:lnTo>
                    <a:pt x="11347" y="77296"/>
                  </a:lnTo>
                  <a:lnTo>
                    <a:pt x="11578" y="76833"/>
                  </a:lnTo>
                  <a:lnTo>
                    <a:pt x="11764" y="76370"/>
                  </a:lnTo>
                  <a:lnTo>
                    <a:pt x="11949" y="75860"/>
                  </a:lnTo>
                  <a:lnTo>
                    <a:pt x="12041" y="75305"/>
                  </a:lnTo>
                  <a:lnTo>
                    <a:pt x="12134" y="74749"/>
                  </a:lnTo>
                  <a:lnTo>
                    <a:pt x="12180" y="74193"/>
                  </a:lnTo>
                  <a:lnTo>
                    <a:pt x="12180" y="73637"/>
                  </a:lnTo>
                  <a:lnTo>
                    <a:pt x="12180" y="73035"/>
                  </a:lnTo>
                  <a:lnTo>
                    <a:pt x="12041" y="71831"/>
                  </a:lnTo>
                  <a:lnTo>
                    <a:pt x="11856" y="70581"/>
                  </a:lnTo>
                  <a:lnTo>
                    <a:pt x="11625" y="69330"/>
                  </a:lnTo>
                  <a:lnTo>
                    <a:pt x="11347" y="68034"/>
                  </a:lnTo>
                  <a:lnTo>
                    <a:pt x="10745" y="65579"/>
                  </a:lnTo>
                  <a:lnTo>
                    <a:pt x="10467" y="64421"/>
                  </a:lnTo>
                  <a:lnTo>
                    <a:pt x="10235" y="63310"/>
                  </a:lnTo>
                  <a:lnTo>
                    <a:pt x="10050" y="62244"/>
                  </a:lnTo>
                  <a:lnTo>
                    <a:pt x="10004" y="61318"/>
                  </a:lnTo>
                  <a:lnTo>
                    <a:pt x="9957" y="58678"/>
                  </a:lnTo>
                  <a:lnTo>
                    <a:pt x="10004" y="55992"/>
                  </a:lnTo>
                  <a:lnTo>
                    <a:pt x="10143" y="53353"/>
                  </a:lnTo>
                  <a:lnTo>
                    <a:pt x="10282" y="50713"/>
                  </a:lnTo>
                  <a:lnTo>
                    <a:pt x="10559" y="45387"/>
                  </a:lnTo>
                  <a:lnTo>
                    <a:pt x="10652" y="42701"/>
                  </a:lnTo>
                  <a:lnTo>
                    <a:pt x="10698" y="40061"/>
                  </a:lnTo>
                  <a:lnTo>
                    <a:pt x="10698" y="37375"/>
                  </a:lnTo>
                  <a:lnTo>
                    <a:pt x="10652" y="34642"/>
                  </a:lnTo>
                  <a:lnTo>
                    <a:pt x="11115" y="34689"/>
                  </a:lnTo>
                  <a:lnTo>
                    <a:pt x="11578" y="34689"/>
                  </a:lnTo>
                  <a:lnTo>
                    <a:pt x="11995" y="34642"/>
                  </a:lnTo>
                  <a:lnTo>
                    <a:pt x="12412" y="34596"/>
                  </a:lnTo>
                  <a:lnTo>
                    <a:pt x="12829" y="34503"/>
                  </a:lnTo>
                  <a:lnTo>
                    <a:pt x="13199" y="34364"/>
                  </a:lnTo>
                  <a:lnTo>
                    <a:pt x="13570" y="34179"/>
                  </a:lnTo>
                  <a:lnTo>
                    <a:pt x="13894" y="33994"/>
                  </a:lnTo>
                  <a:lnTo>
                    <a:pt x="14218" y="33762"/>
                  </a:lnTo>
                  <a:lnTo>
                    <a:pt x="14496" y="33485"/>
                  </a:lnTo>
                  <a:lnTo>
                    <a:pt x="14774" y="33207"/>
                  </a:lnTo>
                  <a:lnTo>
                    <a:pt x="15006" y="32882"/>
                  </a:lnTo>
                  <a:lnTo>
                    <a:pt x="15237" y="32512"/>
                  </a:lnTo>
                  <a:lnTo>
                    <a:pt x="15422" y="32095"/>
                  </a:lnTo>
                  <a:lnTo>
                    <a:pt x="15561" y="31678"/>
                  </a:lnTo>
                  <a:lnTo>
                    <a:pt x="15654" y="31169"/>
                  </a:lnTo>
                  <a:lnTo>
                    <a:pt x="15885" y="30150"/>
                  </a:lnTo>
                  <a:lnTo>
                    <a:pt x="16071" y="29039"/>
                  </a:lnTo>
                  <a:lnTo>
                    <a:pt x="16163" y="27881"/>
                  </a:lnTo>
                  <a:lnTo>
                    <a:pt x="16256" y="26677"/>
                  </a:lnTo>
                  <a:lnTo>
                    <a:pt x="16210" y="26075"/>
                  </a:lnTo>
                  <a:lnTo>
                    <a:pt x="16163" y="25519"/>
                  </a:lnTo>
                  <a:lnTo>
                    <a:pt x="16117" y="24917"/>
                  </a:lnTo>
                  <a:lnTo>
                    <a:pt x="16024" y="24361"/>
                  </a:lnTo>
                  <a:lnTo>
                    <a:pt x="15839" y="23852"/>
                  </a:lnTo>
                  <a:lnTo>
                    <a:pt x="15654" y="23342"/>
                  </a:lnTo>
                  <a:lnTo>
                    <a:pt x="15422" y="22879"/>
                  </a:lnTo>
                  <a:lnTo>
                    <a:pt x="15144" y="22462"/>
                  </a:lnTo>
                  <a:lnTo>
                    <a:pt x="15052" y="22416"/>
                  </a:lnTo>
                  <a:lnTo>
                    <a:pt x="15006" y="22416"/>
                  </a:lnTo>
                  <a:lnTo>
                    <a:pt x="14867" y="22462"/>
                  </a:lnTo>
                  <a:lnTo>
                    <a:pt x="14403" y="22972"/>
                  </a:lnTo>
                  <a:lnTo>
                    <a:pt x="14033" y="23527"/>
                  </a:lnTo>
                  <a:lnTo>
                    <a:pt x="13709" y="24083"/>
                  </a:lnTo>
                  <a:lnTo>
                    <a:pt x="13477" y="24685"/>
                  </a:lnTo>
                  <a:lnTo>
                    <a:pt x="13292" y="25334"/>
                  </a:lnTo>
                  <a:lnTo>
                    <a:pt x="13107" y="25982"/>
                  </a:lnTo>
                  <a:lnTo>
                    <a:pt x="12921" y="27325"/>
                  </a:lnTo>
                  <a:lnTo>
                    <a:pt x="12829" y="27973"/>
                  </a:lnTo>
                  <a:lnTo>
                    <a:pt x="12782" y="28714"/>
                  </a:lnTo>
                  <a:lnTo>
                    <a:pt x="12736" y="29455"/>
                  </a:lnTo>
                  <a:lnTo>
                    <a:pt x="12597" y="30150"/>
                  </a:lnTo>
                  <a:lnTo>
                    <a:pt x="12505" y="30474"/>
                  </a:lnTo>
                  <a:lnTo>
                    <a:pt x="12366" y="30798"/>
                  </a:lnTo>
                  <a:lnTo>
                    <a:pt x="12227" y="31076"/>
                  </a:lnTo>
                  <a:lnTo>
                    <a:pt x="12041" y="31308"/>
                  </a:lnTo>
                  <a:lnTo>
                    <a:pt x="11810" y="31493"/>
                  </a:lnTo>
                  <a:lnTo>
                    <a:pt x="11532" y="31632"/>
                  </a:lnTo>
                  <a:lnTo>
                    <a:pt x="11208" y="31725"/>
                  </a:lnTo>
                  <a:lnTo>
                    <a:pt x="10837" y="31771"/>
                  </a:lnTo>
                  <a:lnTo>
                    <a:pt x="10606" y="31771"/>
                  </a:lnTo>
                  <a:lnTo>
                    <a:pt x="10374" y="25287"/>
                  </a:lnTo>
                  <a:lnTo>
                    <a:pt x="10189" y="18850"/>
                  </a:lnTo>
                  <a:lnTo>
                    <a:pt x="10096" y="16117"/>
                  </a:lnTo>
                  <a:lnTo>
                    <a:pt x="10004" y="13431"/>
                  </a:lnTo>
                  <a:lnTo>
                    <a:pt x="9865" y="10699"/>
                  </a:lnTo>
                  <a:lnTo>
                    <a:pt x="9680" y="7966"/>
                  </a:lnTo>
                  <a:lnTo>
                    <a:pt x="9633" y="6994"/>
                  </a:lnTo>
                  <a:lnTo>
                    <a:pt x="9633" y="5975"/>
                  </a:lnTo>
                  <a:lnTo>
                    <a:pt x="9633" y="4956"/>
                  </a:lnTo>
                  <a:lnTo>
                    <a:pt x="9633" y="3937"/>
                  </a:lnTo>
                  <a:lnTo>
                    <a:pt x="9494" y="2965"/>
                  </a:lnTo>
                  <a:lnTo>
                    <a:pt x="9448" y="2455"/>
                  </a:lnTo>
                  <a:lnTo>
                    <a:pt x="9309" y="1992"/>
                  </a:lnTo>
                  <a:lnTo>
                    <a:pt x="9170" y="1575"/>
                  </a:lnTo>
                  <a:lnTo>
                    <a:pt x="8985" y="1112"/>
                  </a:lnTo>
                  <a:lnTo>
                    <a:pt x="8753" y="695"/>
                  </a:lnTo>
                  <a:lnTo>
                    <a:pt x="8475" y="325"/>
                  </a:lnTo>
                  <a:lnTo>
                    <a:pt x="8244" y="140"/>
                  </a:lnTo>
                  <a:lnTo>
                    <a:pt x="8012" y="47"/>
                  </a:lnTo>
                  <a:lnTo>
                    <a:pt x="7734" y="1"/>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430" name="Google Shape;430;p29"/>
            <p:cNvSpPr/>
            <p:nvPr/>
          </p:nvSpPr>
          <p:spPr>
            <a:xfrm>
              <a:off x="8490800" y="3816100"/>
              <a:ext cx="291800" cy="981850"/>
            </a:xfrm>
            <a:custGeom>
              <a:avLst/>
              <a:gdLst/>
              <a:ahLst/>
              <a:cxnLst/>
              <a:rect l="l" t="t" r="r" b="b"/>
              <a:pathLst>
                <a:path w="11672" h="39274" extrusionOk="0">
                  <a:moveTo>
                    <a:pt x="6253" y="1"/>
                  </a:moveTo>
                  <a:lnTo>
                    <a:pt x="6068" y="47"/>
                  </a:lnTo>
                  <a:lnTo>
                    <a:pt x="5929" y="140"/>
                  </a:lnTo>
                  <a:lnTo>
                    <a:pt x="5558" y="603"/>
                  </a:lnTo>
                  <a:lnTo>
                    <a:pt x="5327" y="1112"/>
                  </a:lnTo>
                  <a:lnTo>
                    <a:pt x="5141" y="1622"/>
                  </a:lnTo>
                  <a:lnTo>
                    <a:pt x="5002" y="2177"/>
                  </a:lnTo>
                  <a:lnTo>
                    <a:pt x="4910" y="2733"/>
                  </a:lnTo>
                  <a:lnTo>
                    <a:pt x="4863" y="3289"/>
                  </a:lnTo>
                  <a:lnTo>
                    <a:pt x="4817" y="4447"/>
                  </a:lnTo>
                  <a:lnTo>
                    <a:pt x="4771" y="6855"/>
                  </a:lnTo>
                  <a:lnTo>
                    <a:pt x="4725" y="9263"/>
                  </a:lnTo>
                  <a:lnTo>
                    <a:pt x="4771" y="11903"/>
                  </a:lnTo>
                  <a:lnTo>
                    <a:pt x="4817" y="14543"/>
                  </a:lnTo>
                  <a:lnTo>
                    <a:pt x="4586" y="14172"/>
                  </a:lnTo>
                  <a:lnTo>
                    <a:pt x="4447" y="13755"/>
                  </a:lnTo>
                  <a:lnTo>
                    <a:pt x="4308" y="13339"/>
                  </a:lnTo>
                  <a:lnTo>
                    <a:pt x="4215" y="12922"/>
                  </a:lnTo>
                  <a:lnTo>
                    <a:pt x="4169" y="12459"/>
                  </a:lnTo>
                  <a:lnTo>
                    <a:pt x="4076" y="11533"/>
                  </a:lnTo>
                  <a:lnTo>
                    <a:pt x="4030" y="10699"/>
                  </a:lnTo>
                  <a:lnTo>
                    <a:pt x="4076" y="10189"/>
                  </a:lnTo>
                  <a:lnTo>
                    <a:pt x="4076" y="9680"/>
                  </a:lnTo>
                  <a:lnTo>
                    <a:pt x="4030" y="8661"/>
                  </a:lnTo>
                  <a:lnTo>
                    <a:pt x="3798" y="6670"/>
                  </a:lnTo>
                  <a:lnTo>
                    <a:pt x="3752" y="5605"/>
                  </a:lnTo>
                  <a:lnTo>
                    <a:pt x="3659" y="4586"/>
                  </a:lnTo>
                  <a:lnTo>
                    <a:pt x="3613" y="4076"/>
                  </a:lnTo>
                  <a:lnTo>
                    <a:pt x="3520" y="3567"/>
                  </a:lnTo>
                  <a:lnTo>
                    <a:pt x="3381" y="3057"/>
                  </a:lnTo>
                  <a:lnTo>
                    <a:pt x="3150" y="2594"/>
                  </a:lnTo>
                  <a:lnTo>
                    <a:pt x="3104" y="2502"/>
                  </a:lnTo>
                  <a:lnTo>
                    <a:pt x="3011" y="2409"/>
                  </a:lnTo>
                  <a:lnTo>
                    <a:pt x="2826" y="2363"/>
                  </a:lnTo>
                  <a:lnTo>
                    <a:pt x="2594" y="2455"/>
                  </a:lnTo>
                  <a:lnTo>
                    <a:pt x="2548" y="2502"/>
                  </a:lnTo>
                  <a:lnTo>
                    <a:pt x="2455" y="2594"/>
                  </a:lnTo>
                  <a:lnTo>
                    <a:pt x="2224" y="3104"/>
                  </a:lnTo>
                  <a:lnTo>
                    <a:pt x="2038" y="3613"/>
                  </a:lnTo>
                  <a:lnTo>
                    <a:pt x="1946" y="4169"/>
                  </a:lnTo>
                  <a:lnTo>
                    <a:pt x="1853" y="4725"/>
                  </a:lnTo>
                  <a:lnTo>
                    <a:pt x="1853" y="5280"/>
                  </a:lnTo>
                  <a:lnTo>
                    <a:pt x="1853" y="5836"/>
                  </a:lnTo>
                  <a:lnTo>
                    <a:pt x="1899" y="6994"/>
                  </a:lnTo>
                  <a:lnTo>
                    <a:pt x="1992" y="8105"/>
                  </a:lnTo>
                  <a:lnTo>
                    <a:pt x="2131" y="9171"/>
                  </a:lnTo>
                  <a:lnTo>
                    <a:pt x="2177" y="10421"/>
                  </a:lnTo>
                  <a:lnTo>
                    <a:pt x="2270" y="11625"/>
                  </a:lnTo>
                  <a:lnTo>
                    <a:pt x="2455" y="12737"/>
                  </a:lnTo>
                  <a:lnTo>
                    <a:pt x="2548" y="13292"/>
                  </a:lnTo>
                  <a:lnTo>
                    <a:pt x="2687" y="13802"/>
                  </a:lnTo>
                  <a:lnTo>
                    <a:pt x="2872" y="14265"/>
                  </a:lnTo>
                  <a:lnTo>
                    <a:pt x="3057" y="14682"/>
                  </a:lnTo>
                  <a:lnTo>
                    <a:pt x="3289" y="15052"/>
                  </a:lnTo>
                  <a:lnTo>
                    <a:pt x="3567" y="15376"/>
                  </a:lnTo>
                  <a:lnTo>
                    <a:pt x="3845" y="15654"/>
                  </a:lnTo>
                  <a:lnTo>
                    <a:pt x="4169" y="15886"/>
                  </a:lnTo>
                  <a:lnTo>
                    <a:pt x="4493" y="16025"/>
                  </a:lnTo>
                  <a:lnTo>
                    <a:pt x="4863" y="16071"/>
                  </a:lnTo>
                  <a:lnTo>
                    <a:pt x="5002" y="18850"/>
                  </a:lnTo>
                  <a:lnTo>
                    <a:pt x="5049" y="19545"/>
                  </a:lnTo>
                  <a:lnTo>
                    <a:pt x="4910" y="19591"/>
                  </a:lnTo>
                  <a:lnTo>
                    <a:pt x="4586" y="19730"/>
                  </a:lnTo>
                  <a:lnTo>
                    <a:pt x="4261" y="19730"/>
                  </a:lnTo>
                  <a:lnTo>
                    <a:pt x="3984" y="19683"/>
                  </a:lnTo>
                  <a:lnTo>
                    <a:pt x="3752" y="19545"/>
                  </a:lnTo>
                  <a:lnTo>
                    <a:pt x="3520" y="19359"/>
                  </a:lnTo>
                  <a:lnTo>
                    <a:pt x="3289" y="19128"/>
                  </a:lnTo>
                  <a:lnTo>
                    <a:pt x="3104" y="18804"/>
                  </a:lnTo>
                  <a:lnTo>
                    <a:pt x="2965" y="18479"/>
                  </a:lnTo>
                  <a:lnTo>
                    <a:pt x="2687" y="17692"/>
                  </a:lnTo>
                  <a:lnTo>
                    <a:pt x="2455" y="16812"/>
                  </a:lnTo>
                  <a:lnTo>
                    <a:pt x="2316" y="15886"/>
                  </a:lnTo>
                  <a:lnTo>
                    <a:pt x="2224" y="15052"/>
                  </a:lnTo>
                  <a:lnTo>
                    <a:pt x="2224" y="14033"/>
                  </a:lnTo>
                  <a:lnTo>
                    <a:pt x="2177" y="13061"/>
                  </a:lnTo>
                  <a:lnTo>
                    <a:pt x="1992" y="11069"/>
                  </a:lnTo>
                  <a:lnTo>
                    <a:pt x="1899" y="9958"/>
                  </a:lnTo>
                  <a:lnTo>
                    <a:pt x="1807" y="9402"/>
                  </a:lnTo>
                  <a:lnTo>
                    <a:pt x="1714" y="8893"/>
                  </a:lnTo>
                  <a:lnTo>
                    <a:pt x="1529" y="8383"/>
                  </a:lnTo>
                  <a:lnTo>
                    <a:pt x="1344" y="7874"/>
                  </a:lnTo>
                  <a:lnTo>
                    <a:pt x="1066" y="7364"/>
                  </a:lnTo>
                  <a:lnTo>
                    <a:pt x="742" y="6901"/>
                  </a:lnTo>
                  <a:lnTo>
                    <a:pt x="649" y="6809"/>
                  </a:lnTo>
                  <a:lnTo>
                    <a:pt x="556" y="6762"/>
                  </a:lnTo>
                  <a:lnTo>
                    <a:pt x="417" y="6762"/>
                  </a:lnTo>
                  <a:lnTo>
                    <a:pt x="279" y="6809"/>
                  </a:lnTo>
                  <a:lnTo>
                    <a:pt x="186" y="6855"/>
                  </a:lnTo>
                  <a:lnTo>
                    <a:pt x="93" y="6948"/>
                  </a:lnTo>
                  <a:lnTo>
                    <a:pt x="47" y="7087"/>
                  </a:lnTo>
                  <a:lnTo>
                    <a:pt x="1" y="7179"/>
                  </a:lnTo>
                  <a:lnTo>
                    <a:pt x="47" y="8430"/>
                  </a:lnTo>
                  <a:lnTo>
                    <a:pt x="140" y="9634"/>
                  </a:lnTo>
                  <a:lnTo>
                    <a:pt x="232" y="10838"/>
                  </a:lnTo>
                  <a:lnTo>
                    <a:pt x="325" y="12088"/>
                  </a:lnTo>
                  <a:lnTo>
                    <a:pt x="371" y="13153"/>
                  </a:lnTo>
                  <a:lnTo>
                    <a:pt x="464" y="14265"/>
                  </a:lnTo>
                  <a:lnTo>
                    <a:pt x="510" y="15284"/>
                  </a:lnTo>
                  <a:lnTo>
                    <a:pt x="603" y="16256"/>
                  </a:lnTo>
                  <a:lnTo>
                    <a:pt x="742" y="17275"/>
                  </a:lnTo>
                  <a:lnTo>
                    <a:pt x="834" y="17738"/>
                  </a:lnTo>
                  <a:lnTo>
                    <a:pt x="973" y="18201"/>
                  </a:lnTo>
                  <a:lnTo>
                    <a:pt x="1066" y="18572"/>
                  </a:lnTo>
                  <a:lnTo>
                    <a:pt x="1205" y="18896"/>
                  </a:lnTo>
                  <a:lnTo>
                    <a:pt x="1575" y="19498"/>
                  </a:lnTo>
                  <a:lnTo>
                    <a:pt x="2038" y="20054"/>
                  </a:lnTo>
                  <a:lnTo>
                    <a:pt x="2270" y="20332"/>
                  </a:lnTo>
                  <a:lnTo>
                    <a:pt x="2548" y="20563"/>
                  </a:lnTo>
                  <a:lnTo>
                    <a:pt x="2826" y="20749"/>
                  </a:lnTo>
                  <a:lnTo>
                    <a:pt x="3104" y="20934"/>
                  </a:lnTo>
                  <a:lnTo>
                    <a:pt x="3428" y="21073"/>
                  </a:lnTo>
                  <a:lnTo>
                    <a:pt x="3752" y="21165"/>
                  </a:lnTo>
                  <a:lnTo>
                    <a:pt x="4076" y="21258"/>
                  </a:lnTo>
                  <a:lnTo>
                    <a:pt x="4771" y="21258"/>
                  </a:lnTo>
                  <a:lnTo>
                    <a:pt x="5095" y="21212"/>
                  </a:lnTo>
                  <a:lnTo>
                    <a:pt x="5141" y="23388"/>
                  </a:lnTo>
                  <a:lnTo>
                    <a:pt x="5141" y="25519"/>
                  </a:lnTo>
                  <a:lnTo>
                    <a:pt x="5188" y="29872"/>
                  </a:lnTo>
                  <a:lnTo>
                    <a:pt x="5188" y="32049"/>
                  </a:lnTo>
                  <a:lnTo>
                    <a:pt x="5234" y="34179"/>
                  </a:lnTo>
                  <a:lnTo>
                    <a:pt x="5327" y="36356"/>
                  </a:lnTo>
                  <a:lnTo>
                    <a:pt x="5466" y="38533"/>
                  </a:lnTo>
                  <a:lnTo>
                    <a:pt x="5512" y="38672"/>
                  </a:lnTo>
                  <a:lnTo>
                    <a:pt x="5558" y="38857"/>
                  </a:lnTo>
                  <a:lnTo>
                    <a:pt x="5697" y="38949"/>
                  </a:lnTo>
                  <a:lnTo>
                    <a:pt x="5836" y="39088"/>
                  </a:lnTo>
                  <a:lnTo>
                    <a:pt x="6021" y="39135"/>
                  </a:lnTo>
                  <a:lnTo>
                    <a:pt x="6207" y="39227"/>
                  </a:lnTo>
                  <a:lnTo>
                    <a:pt x="6577" y="39274"/>
                  </a:lnTo>
                  <a:lnTo>
                    <a:pt x="6994" y="39227"/>
                  </a:lnTo>
                  <a:lnTo>
                    <a:pt x="7179" y="39135"/>
                  </a:lnTo>
                  <a:lnTo>
                    <a:pt x="7318" y="39088"/>
                  </a:lnTo>
                  <a:lnTo>
                    <a:pt x="7457" y="38949"/>
                  </a:lnTo>
                  <a:lnTo>
                    <a:pt x="7596" y="38857"/>
                  </a:lnTo>
                  <a:lnTo>
                    <a:pt x="7642" y="38718"/>
                  </a:lnTo>
                  <a:lnTo>
                    <a:pt x="7689" y="38533"/>
                  </a:lnTo>
                  <a:lnTo>
                    <a:pt x="7689" y="36587"/>
                  </a:lnTo>
                  <a:lnTo>
                    <a:pt x="7596" y="34642"/>
                  </a:lnTo>
                  <a:lnTo>
                    <a:pt x="7411" y="30798"/>
                  </a:lnTo>
                  <a:lnTo>
                    <a:pt x="7179" y="26955"/>
                  </a:lnTo>
                  <a:lnTo>
                    <a:pt x="6948" y="23111"/>
                  </a:lnTo>
                  <a:lnTo>
                    <a:pt x="6948" y="23111"/>
                  </a:lnTo>
                  <a:lnTo>
                    <a:pt x="7225" y="23157"/>
                  </a:lnTo>
                  <a:lnTo>
                    <a:pt x="7828" y="23157"/>
                  </a:lnTo>
                  <a:lnTo>
                    <a:pt x="8152" y="23111"/>
                  </a:lnTo>
                  <a:lnTo>
                    <a:pt x="8430" y="23018"/>
                  </a:lnTo>
                  <a:lnTo>
                    <a:pt x="8707" y="22879"/>
                  </a:lnTo>
                  <a:lnTo>
                    <a:pt x="9217" y="22555"/>
                  </a:lnTo>
                  <a:lnTo>
                    <a:pt x="9726" y="22184"/>
                  </a:lnTo>
                  <a:lnTo>
                    <a:pt x="10143" y="21721"/>
                  </a:lnTo>
                  <a:lnTo>
                    <a:pt x="10514" y="21165"/>
                  </a:lnTo>
                  <a:lnTo>
                    <a:pt x="10792" y="20656"/>
                  </a:lnTo>
                  <a:lnTo>
                    <a:pt x="11116" y="19730"/>
                  </a:lnTo>
                  <a:lnTo>
                    <a:pt x="11394" y="18757"/>
                  </a:lnTo>
                  <a:lnTo>
                    <a:pt x="11579" y="17785"/>
                  </a:lnTo>
                  <a:lnTo>
                    <a:pt x="11671" y="16766"/>
                  </a:lnTo>
                  <a:lnTo>
                    <a:pt x="11671" y="15747"/>
                  </a:lnTo>
                  <a:lnTo>
                    <a:pt x="11625" y="15237"/>
                  </a:lnTo>
                  <a:lnTo>
                    <a:pt x="11533" y="14728"/>
                  </a:lnTo>
                  <a:lnTo>
                    <a:pt x="11440" y="14265"/>
                  </a:lnTo>
                  <a:lnTo>
                    <a:pt x="11301" y="13755"/>
                  </a:lnTo>
                  <a:lnTo>
                    <a:pt x="11162" y="13339"/>
                  </a:lnTo>
                  <a:lnTo>
                    <a:pt x="10977" y="12876"/>
                  </a:lnTo>
                  <a:lnTo>
                    <a:pt x="10884" y="12783"/>
                  </a:lnTo>
                  <a:lnTo>
                    <a:pt x="10792" y="12690"/>
                  </a:lnTo>
                  <a:lnTo>
                    <a:pt x="10653" y="12644"/>
                  </a:lnTo>
                  <a:lnTo>
                    <a:pt x="10560" y="12690"/>
                  </a:lnTo>
                  <a:lnTo>
                    <a:pt x="10421" y="12690"/>
                  </a:lnTo>
                  <a:lnTo>
                    <a:pt x="10328" y="12783"/>
                  </a:lnTo>
                  <a:lnTo>
                    <a:pt x="10236" y="12876"/>
                  </a:lnTo>
                  <a:lnTo>
                    <a:pt x="10189" y="12968"/>
                  </a:lnTo>
                  <a:lnTo>
                    <a:pt x="10004" y="13524"/>
                  </a:lnTo>
                  <a:lnTo>
                    <a:pt x="9912" y="14033"/>
                  </a:lnTo>
                  <a:lnTo>
                    <a:pt x="9726" y="15099"/>
                  </a:lnTo>
                  <a:lnTo>
                    <a:pt x="9448" y="17229"/>
                  </a:lnTo>
                  <a:lnTo>
                    <a:pt x="9263" y="18433"/>
                  </a:lnTo>
                  <a:lnTo>
                    <a:pt x="9078" y="19128"/>
                  </a:lnTo>
                  <a:lnTo>
                    <a:pt x="8846" y="19822"/>
                  </a:lnTo>
                  <a:lnTo>
                    <a:pt x="8707" y="20054"/>
                  </a:lnTo>
                  <a:lnTo>
                    <a:pt x="8569" y="20286"/>
                  </a:lnTo>
                  <a:lnTo>
                    <a:pt x="8383" y="20471"/>
                  </a:lnTo>
                  <a:lnTo>
                    <a:pt x="8198" y="20610"/>
                  </a:lnTo>
                  <a:lnTo>
                    <a:pt x="7920" y="20702"/>
                  </a:lnTo>
                  <a:lnTo>
                    <a:pt x="7689" y="20749"/>
                  </a:lnTo>
                  <a:lnTo>
                    <a:pt x="7364" y="20749"/>
                  </a:lnTo>
                  <a:lnTo>
                    <a:pt x="6994" y="20702"/>
                  </a:lnTo>
                  <a:lnTo>
                    <a:pt x="6855" y="20656"/>
                  </a:lnTo>
                  <a:lnTo>
                    <a:pt x="6809" y="18850"/>
                  </a:lnTo>
                  <a:lnTo>
                    <a:pt x="6809" y="17877"/>
                  </a:lnTo>
                  <a:lnTo>
                    <a:pt x="7225" y="17831"/>
                  </a:lnTo>
                  <a:lnTo>
                    <a:pt x="7550" y="17738"/>
                  </a:lnTo>
                  <a:lnTo>
                    <a:pt x="7874" y="17599"/>
                  </a:lnTo>
                  <a:lnTo>
                    <a:pt x="8105" y="17414"/>
                  </a:lnTo>
                  <a:lnTo>
                    <a:pt x="8337" y="17229"/>
                  </a:lnTo>
                  <a:lnTo>
                    <a:pt x="8476" y="17044"/>
                  </a:lnTo>
                  <a:lnTo>
                    <a:pt x="8615" y="16812"/>
                  </a:lnTo>
                  <a:lnTo>
                    <a:pt x="8754" y="16534"/>
                  </a:lnTo>
                  <a:lnTo>
                    <a:pt x="8893" y="16349"/>
                  </a:lnTo>
                  <a:lnTo>
                    <a:pt x="9032" y="16117"/>
                  </a:lnTo>
                  <a:lnTo>
                    <a:pt x="9217" y="15562"/>
                  </a:lnTo>
                  <a:lnTo>
                    <a:pt x="9356" y="15006"/>
                  </a:lnTo>
                  <a:lnTo>
                    <a:pt x="9402" y="14404"/>
                  </a:lnTo>
                  <a:lnTo>
                    <a:pt x="9448" y="13061"/>
                  </a:lnTo>
                  <a:lnTo>
                    <a:pt x="9819" y="11394"/>
                  </a:lnTo>
                  <a:lnTo>
                    <a:pt x="9912" y="10560"/>
                  </a:lnTo>
                  <a:lnTo>
                    <a:pt x="10004" y="9726"/>
                  </a:lnTo>
                  <a:lnTo>
                    <a:pt x="10004" y="8893"/>
                  </a:lnTo>
                  <a:lnTo>
                    <a:pt x="9912" y="8059"/>
                  </a:lnTo>
                  <a:lnTo>
                    <a:pt x="9819" y="7642"/>
                  </a:lnTo>
                  <a:lnTo>
                    <a:pt x="9726" y="7225"/>
                  </a:lnTo>
                  <a:lnTo>
                    <a:pt x="9541" y="6809"/>
                  </a:lnTo>
                  <a:lnTo>
                    <a:pt x="9356" y="6392"/>
                  </a:lnTo>
                  <a:lnTo>
                    <a:pt x="9263" y="6299"/>
                  </a:lnTo>
                  <a:lnTo>
                    <a:pt x="9171" y="6207"/>
                  </a:lnTo>
                  <a:lnTo>
                    <a:pt x="8939" y="6207"/>
                  </a:lnTo>
                  <a:lnTo>
                    <a:pt x="8846" y="6253"/>
                  </a:lnTo>
                  <a:lnTo>
                    <a:pt x="8707" y="6299"/>
                  </a:lnTo>
                  <a:lnTo>
                    <a:pt x="8661" y="6392"/>
                  </a:lnTo>
                  <a:lnTo>
                    <a:pt x="8569" y="6531"/>
                  </a:lnTo>
                  <a:lnTo>
                    <a:pt x="8383" y="7179"/>
                  </a:lnTo>
                  <a:lnTo>
                    <a:pt x="8198" y="7920"/>
                  </a:lnTo>
                  <a:lnTo>
                    <a:pt x="8059" y="8661"/>
                  </a:lnTo>
                  <a:lnTo>
                    <a:pt x="7966" y="9448"/>
                  </a:lnTo>
                  <a:lnTo>
                    <a:pt x="7828" y="10977"/>
                  </a:lnTo>
                  <a:lnTo>
                    <a:pt x="7735" y="12459"/>
                  </a:lnTo>
                  <a:lnTo>
                    <a:pt x="7689" y="13014"/>
                  </a:lnTo>
                  <a:lnTo>
                    <a:pt x="7735" y="13570"/>
                  </a:lnTo>
                  <a:lnTo>
                    <a:pt x="7735" y="14126"/>
                  </a:lnTo>
                  <a:lnTo>
                    <a:pt x="7735" y="14404"/>
                  </a:lnTo>
                  <a:lnTo>
                    <a:pt x="7689" y="14682"/>
                  </a:lnTo>
                  <a:lnTo>
                    <a:pt x="7550" y="15099"/>
                  </a:lnTo>
                  <a:lnTo>
                    <a:pt x="7318" y="15423"/>
                  </a:lnTo>
                  <a:lnTo>
                    <a:pt x="7087" y="15654"/>
                  </a:lnTo>
                  <a:lnTo>
                    <a:pt x="6809" y="15886"/>
                  </a:lnTo>
                  <a:lnTo>
                    <a:pt x="6809" y="12551"/>
                  </a:lnTo>
                  <a:lnTo>
                    <a:pt x="6855" y="9263"/>
                  </a:lnTo>
                  <a:lnTo>
                    <a:pt x="6948" y="6670"/>
                  </a:lnTo>
                  <a:lnTo>
                    <a:pt x="7087" y="4076"/>
                  </a:lnTo>
                  <a:lnTo>
                    <a:pt x="7133" y="3057"/>
                  </a:lnTo>
                  <a:lnTo>
                    <a:pt x="7179" y="2548"/>
                  </a:lnTo>
                  <a:lnTo>
                    <a:pt x="7133" y="2038"/>
                  </a:lnTo>
                  <a:lnTo>
                    <a:pt x="7087" y="1529"/>
                  </a:lnTo>
                  <a:lnTo>
                    <a:pt x="6994" y="1066"/>
                  </a:lnTo>
                  <a:lnTo>
                    <a:pt x="6809" y="603"/>
                  </a:lnTo>
                  <a:lnTo>
                    <a:pt x="6531" y="140"/>
                  </a:lnTo>
                  <a:lnTo>
                    <a:pt x="6438" y="47"/>
                  </a:lnTo>
                  <a:lnTo>
                    <a:pt x="6253" y="1"/>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grpSp>
        <p:nvGrpSpPr>
          <p:cNvPr id="431" name="Google Shape;431;p29"/>
          <p:cNvGrpSpPr/>
          <p:nvPr/>
        </p:nvGrpSpPr>
        <p:grpSpPr>
          <a:xfrm>
            <a:off x="-7574" y="10231186"/>
            <a:ext cx="20335153" cy="1227891"/>
            <a:chOff x="-6819" y="4611433"/>
            <a:chExt cx="9150819" cy="552551"/>
          </a:xfrm>
        </p:grpSpPr>
        <p:sp>
          <p:nvSpPr>
            <p:cNvPr id="432" name="Google Shape;432;p29"/>
            <p:cNvSpPr/>
            <p:nvPr/>
          </p:nvSpPr>
          <p:spPr>
            <a:xfrm>
              <a:off x="0" y="4611433"/>
              <a:ext cx="9144000" cy="532075"/>
            </a:xfrm>
            <a:custGeom>
              <a:avLst/>
              <a:gdLst/>
              <a:ahLst/>
              <a:cxnLst/>
              <a:rect l="l" t="t" r="r" b="b"/>
              <a:pathLst>
                <a:path w="285750" h="81326" extrusionOk="0">
                  <a:moveTo>
                    <a:pt x="84150" y="1"/>
                  </a:moveTo>
                  <a:lnTo>
                    <a:pt x="83270" y="47"/>
                  </a:lnTo>
                  <a:lnTo>
                    <a:pt x="82437" y="186"/>
                  </a:lnTo>
                  <a:lnTo>
                    <a:pt x="80723" y="464"/>
                  </a:lnTo>
                  <a:lnTo>
                    <a:pt x="78917" y="835"/>
                  </a:lnTo>
                  <a:lnTo>
                    <a:pt x="77111" y="1205"/>
                  </a:lnTo>
                  <a:lnTo>
                    <a:pt x="75258" y="1668"/>
                  </a:lnTo>
                  <a:lnTo>
                    <a:pt x="73359" y="2178"/>
                  </a:lnTo>
                  <a:lnTo>
                    <a:pt x="71414" y="2687"/>
                  </a:lnTo>
                  <a:lnTo>
                    <a:pt x="67478" y="3845"/>
                  </a:lnTo>
                  <a:lnTo>
                    <a:pt x="63402" y="5095"/>
                  </a:lnTo>
                  <a:lnTo>
                    <a:pt x="59280" y="6438"/>
                  </a:lnTo>
                  <a:lnTo>
                    <a:pt x="51037" y="9217"/>
                  </a:lnTo>
                  <a:lnTo>
                    <a:pt x="46961" y="10606"/>
                  </a:lnTo>
                  <a:lnTo>
                    <a:pt x="42932" y="11950"/>
                  </a:lnTo>
                  <a:lnTo>
                    <a:pt x="39042" y="13154"/>
                  </a:lnTo>
                  <a:lnTo>
                    <a:pt x="35290" y="14265"/>
                  </a:lnTo>
                  <a:lnTo>
                    <a:pt x="33484" y="14775"/>
                  </a:lnTo>
                  <a:lnTo>
                    <a:pt x="31724" y="15238"/>
                  </a:lnTo>
                  <a:lnTo>
                    <a:pt x="30011" y="15655"/>
                  </a:lnTo>
                  <a:lnTo>
                    <a:pt x="28390" y="16025"/>
                  </a:lnTo>
                  <a:lnTo>
                    <a:pt x="26815" y="16349"/>
                  </a:lnTo>
                  <a:lnTo>
                    <a:pt x="25287" y="16627"/>
                  </a:lnTo>
                  <a:lnTo>
                    <a:pt x="23851" y="16812"/>
                  </a:lnTo>
                  <a:lnTo>
                    <a:pt x="22462" y="16951"/>
                  </a:lnTo>
                  <a:lnTo>
                    <a:pt x="19868" y="17183"/>
                  </a:lnTo>
                  <a:lnTo>
                    <a:pt x="17414" y="17368"/>
                  </a:lnTo>
                  <a:lnTo>
                    <a:pt x="15098" y="17646"/>
                  </a:lnTo>
                  <a:lnTo>
                    <a:pt x="12921" y="17878"/>
                  </a:lnTo>
                  <a:lnTo>
                    <a:pt x="9077" y="18433"/>
                  </a:lnTo>
                  <a:lnTo>
                    <a:pt x="5882" y="18896"/>
                  </a:lnTo>
                  <a:lnTo>
                    <a:pt x="3335" y="19360"/>
                  </a:lnTo>
                  <a:lnTo>
                    <a:pt x="1528" y="19730"/>
                  </a:lnTo>
                  <a:lnTo>
                    <a:pt x="0" y="20101"/>
                  </a:lnTo>
                  <a:lnTo>
                    <a:pt x="0" y="81325"/>
                  </a:lnTo>
                  <a:lnTo>
                    <a:pt x="285750" y="81325"/>
                  </a:lnTo>
                  <a:lnTo>
                    <a:pt x="285750" y="16951"/>
                  </a:lnTo>
                  <a:lnTo>
                    <a:pt x="281906" y="16396"/>
                  </a:lnTo>
                  <a:lnTo>
                    <a:pt x="277460" y="15793"/>
                  </a:lnTo>
                  <a:lnTo>
                    <a:pt x="271578" y="15006"/>
                  </a:lnTo>
                  <a:lnTo>
                    <a:pt x="264492" y="14173"/>
                  </a:lnTo>
                  <a:lnTo>
                    <a:pt x="256388" y="13339"/>
                  </a:lnTo>
                  <a:lnTo>
                    <a:pt x="252034" y="12922"/>
                  </a:lnTo>
                  <a:lnTo>
                    <a:pt x="247496" y="12505"/>
                  </a:lnTo>
                  <a:lnTo>
                    <a:pt x="242818" y="12135"/>
                  </a:lnTo>
                  <a:lnTo>
                    <a:pt x="238002" y="11811"/>
                  </a:lnTo>
                  <a:lnTo>
                    <a:pt x="233139" y="11486"/>
                  </a:lnTo>
                  <a:lnTo>
                    <a:pt x="228137" y="11255"/>
                  </a:lnTo>
                  <a:lnTo>
                    <a:pt x="223135" y="11023"/>
                  </a:lnTo>
                  <a:lnTo>
                    <a:pt x="218133" y="10931"/>
                  </a:lnTo>
                  <a:lnTo>
                    <a:pt x="213132" y="10838"/>
                  </a:lnTo>
                  <a:lnTo>
                    <a:pt x="208130" y="10838"/>
                  </a:lnTo>
                  <a:lnTo>
                    <a:pt x="203221" y="10977"/>
                  </a:lnTo>
                  <a:lnTo>
                    <a:pt x="198404" y="11162"/>
                  </a:lnTo>
                  <a:lnTo>
                    <a:pt x="196042" y="11301"/>
                  </a:lnTo>
                  <a:lnTo>
                    <a:pt x="193680" y="11440"/>
                  </a:lnTo>
                  <a:lnTo>
                    <a:pt x="191365" y="11625"/>
                  </a:lnTo>
                  <a:lnTo>
                    <a:pt x="189141" y="11857"/>
                  </a:lnTo>
                  <a:lnTo>
                    <a:pt x="186918" y="12088"/>
                  </a:lnTo>
                  <a:lnTo>
                    <a:pt x="184695" y="12366"/>
                  </a:lnTo>
                  <a:lnTo>
                    <a:pt x="182565" y="12691"/>
                  </a:lnTo>
                  <a:lnTo>
                    <a:pt x="180527" y="13015"/>
                  </a:lnTo>
                  <a:lnTo>
                    <a:pt x="178490" y="13385"/>
                  </a:lnTo>
                  <a:lnTo>
                    <a:pt x="176498" y="13756"/>
                  </a:lnTo>
                  <a:lnTo>
                    <a:pt x="174599" y="14219"/>
                  </a:lnTo>
                  <a:lnTo>
                    <a:pt x="172747" y="14682"/>
                  </a:lnTo>
                  <a:lnTo>
                    <a:pt x="170987" y="15191"/>
                  </a:lnTo>
                  <a:lnTo>
                    <a:pt x="169273" y="15747"/>
                  </a:lnTo>
                  <a:lnTo>
                    <a:pt x="167652" y="16349"/>
                  </a:lnTo>
                  <a:lnTo>
                    <a:pt x="166124" y="16951"/>
                  </a:lnTo>
                  <a:lnTo>
                    <a:pt x="164596" y="17553"/>
                  </a:lnTo>
                  <a:lnTo>
                    <a:pt x="163114" y="18109"/>
                  </a:lnTo>
                  <a:lnTo>
                    <a:pt x="161585" y="18572"/>
                  </a:lnTo>
                  <a:lnTo>
                    <a:pt x="160057" y="18989"/>
                  </a:lnTo>
                  <a:lnTo>
                    <a:pt x="158529" y="19360"/>
                  </a:lnTo>
                  <a:lnTo>
                    <a:pt x="157047" y="19637"/>
                  </a:lnTo>
                  <a:lnTo>
                    <a:pt x="155518" y="19869"/>
                  </a:lnTo>
                  <a:lnTo>
                    <a:pt x="153990" y="20054"/>
                  </a:lnTo>
                  <a:lnTo>
                    <a:pt x="152508" y="20193"/>
                  </a:lnTo>
                  <a:lnTo>
                    <a:pt x="150980" y="20286"/>
                  </a:lnTo>
                  <a:lnTo>
                    <a:pt x="147969" y="20286"/>
                  </a:lnTo>
                  <a:lnTo>
                    <a:pt x="146487" y="20193"/>
                  </a:lnTo>
                  <a:lnTo>
                    <a:pt x="144959" y="20101"/>
                  </a:lnTo>
                  <a:lnTo>
                    <a:pt x="143477" y="19915"/>
                  </a:lnTo>
                  <a:lnTo>
                    <a:pt x="141995" y="19730"/>
                  </a:lnTo>
                  <a:lnTo>
                    <a:pt x="140513" y="19498"/>
                  </a:lnTo>
                  <a:lnTo>
                    <a:pt x="139031" y="19221"/>
                  </a:lnTo>
                  <a:lnTo>
                    <a:pt x="137549" y="18896"/>
                  </a:lnTo>
                  <a:lnTo>
                    <a:pt x="136067" y="18572"/>
                  </a:lnTo>
                  <a:lnTo>
                    <a:pt x="134585" y="18202"/>
                  </a:lnTo>
                  <a:lnTo>
                    <a:pt x="133149" y="17831"/>
                  </a:lnTo>
                  <a:lnTo>
                    <a:pt x="130232" y="16951"/>
                  </a:lnTo>
                  <a:lnTo>
                    <a:pt x="127360" y="15979"/>
                  </a:lnTo>
                  <a:lnTo>
                    <a:pt x="124535" y="14914"/>
                  </a:lnTo>
                  <a:lnTo>
                    <a:pt x="121710" y="13802"/>
                  </a:lnTo>
                  <a:lnTo>
                    <a:pt x="118931" y="12644"/>
                  </a:lnTo>
                  <a:lnTo>
                    <a:pt x="116245" y="11440"/>
                  </a:lnTo>
                  <a:lnTo>
                    <a:pt x="113559" y="10236"/>
                  </a:lnTo>
                  <a:lnTo>
                    <a:pt x="108326" y="7874"/>
                  </a:lnTo>
                  <a:lnTo>
                    <a:pt x="103324" y="5558"/>
                  </a:lnTo>
                  <a:lnTo>
                    <a:pt x="100916" y="4493"/>
                  </a:lnTo>
                  <a:lnTo>
                    <a:pt x="98554" y="3521"/>
                  </a:lnTo>
                  <a:lnTo>
                    <a:pt x="96284" y="2641"/>
                  </a:lnTo>
                  <a:lnTo>
                    <a:pt x="94061" y="1853"/>
                  </a:lnTo>
                  <a:lnTo>
                    <a:pt x="91931" y="1159"/>
                  </a:lnTo>
                  <a:lnTo>
                    <a:pt x="90912" y="881"/>
                  </a:lnTo>
                  <a:lnTo>
                    <a:pt x="89893" y="649"/>
                  </a:lnTo>
                  <a:lnTo>
                    <a:pt x="88874" y="418"/>
                  </a:lnTo>
                  <a:lnTo>
                    <a:pt x="87902" y="279"/>
                  </a:lnTo>
                  <a:lnTo>
                    <a:pt x="86929" y="140"/>
                  </a:lnTo>
                  <a:lnTo>
                    <a:pt x="86003" y="47"/>
                  </a:lnTo>
                  <a:lnTo>
                    <a:pt x="85077" y="1"/>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433" name="Google Shape;433;p29"/>
            <p:cNvSpPr/>
            <p:nvPr/>
          </p:nvSpPr>
          <p:spPr>
            <a:xfrm>
              <a:off x="-6819" y="4631855"/>
              <a:ext cx="9143916" cy="532129"/>
            </a:xfrm>
            <a:custGeom>
              <a:avLst/>
              <a:gdLst/>
              <a:ahLst/>
              <a:cxnLst/>
              <a:rect l="l" t="t" r="r" b="b"/>
              <a:pathLst>
                <a:path w="285057" h="22555" extrusionOk="0">
                  <a:moveTo>
                    <a:pt x="1" y="0"/>
                  </a:moveTo>
                  <a:lnTo>
                    <a:pt x="1" y="22554"/>
                  </a:lnTo>
                  <a:lnTo>
                    <a:pt x="285056" y="22554"/>
                  </a:lnTo>
                  <a:lnTo>
                    <a:pt x="285056" y="16904"/>
                  </a:lnTo>
                  <a:lnTo>
                    <a:pt x="281860" y="16673"/>
                  </a:lnTo>
                  <a:lnTo>
                    <a:pt x="273246" y="16117"/>
                  </a:lnTo>
                  <a:lnTo>
                    <a:pt x="267365" y="15654"/>
                  </a:lnTo>
                  <a:lnTo>
                    <a:pt x="260695" y="15144"/>
                  </a:lnTo>
                  <a:lnTo>
                    <a:pt x="253424" y="14496"/>
                  </a:lnTo>
                  <a:lnTo>
                    <a:pt x="245736" y="13801"/>
                  </a:lnTo>
                  <a:lnTo>
                    <a:pt x="237771" y="12968"/>
                  </a:lnTo>
                  <a:lnTo>
                    <a:pt x="229759" y="12088"/>
                  </a:lnTo>
                  <a:lnTo>
                    <a:pt x="225822" y="11625"/>
                  </a:lnTo>
                  <a:lnTo>
                    <a:pt x="221885" y="11115"/>
                  </a:lnTo>
                  <a:lnTo>
                    <a:pt x="218088" y="10606"/>
                  </a:lnTo>
                  <a:lnTo>
                    <a:pt x="214336" y="10050"/>
                  </a:lnTo>
                  <a:lnTo>
                    <a:pt x="210770" y="9494"/>
                  </a:lnTo>
                  <a:lnTo>
                    <a:pt x="207297" y="8892"/>
                  </a:lnTo>
                  <a:lnTo>
                    <a:pt x="204009" y="8290"/>
                  </a:lnTo>
                  <a:lnTo>
                    <a:pt x="200952" y="7688"/>
                  </a:lnTo>
                  <a:lnTo>
                    <a:pt x="198081" y="7040"/>
                  </a:lnTo>
                  <a:lnTo>
                    <a:pt x="195441" y="6391"/>
                  </a:lnTo>
                  <a:lnTo>
                    <a:pt x="193079" y="5697"/>
                  </a:lnTo>
                  <a:lnTo>
                    <a:pt x="192014" y="5326"/>
                  </a:lnTo>
                  <a:lnTo>
                    <a:pt x="190995" y="5002"/>
                  </a:lnTo>
                  <a:lnTo>
                    <a:pt x="190022" y="4632"/>
                  </a:lnTo>
                  <a:lnTo>
                    <a:pt x="189096" y="4354"/>
                  </a:lnTo>
                  <a:lnTo>
                    <a:pt x="188123" y="4030"/>
                  </a:lnTo>
                  <a:lnTo>
                    <a:pt x="187151" y="3798"/>
                  </a:lnTo>
                  <a:lnTo>
                    <a:pt x="186132" y="3566"/>
                  </a:lnTo>
                  <a:lnTo>
                    <a:pt x="185159" y="3381"/>
                  </a:lnTo>
                  <a:lnTo>
                    <a:pt x="183214" y="3057"/>
                  </a:lnTo>
                  <a:lnTo>
                    <a:pt x="181223" y="2872"/>
                  </a:lnTo>
                  <a:lnTo>
                    <a:pt x="179231" y="2733"/>
                  </a:lnTo>
                  <a:lnTo>
                    <a:pt x="177193" y="2733"/>
                  </a:lnTo>
                  <a:lnTo>
                    <a:pt x="175156" y="2779"/>
                  </a:lnTo>
                  <a:lnTo>
                    <a:pt x="173118" y="2918"/>
                  </a:lnTo>
                  <a:lnTo>
                    <a:pt x="171034" y="3103"/>
                  </a:lnTo>
                  <a:lnTo>
                    <a:pt x="168996" y="3381"/>
                  </a:lnTo>
                  <a:lnTo>
                    <a:pt x="166866" y="3705"/>
                  </a:lnTo>
                  <a:lnTo>
                    <a:pt x="164735" y="4076"/>
                  </a:lnTo>
                  <a:lnTo>
                    <a:pt x="162605" y="4493"/>
                  </a:lnTo>
                  <a:lnTo>
                    <a:pt x="160475" y="4956"/>
                  </a:lnTo>
                  <a:lnTo>
                    <a:pt x="158298" y="5465"/>
                  </a:lnTo>
                  <a:lnTo>
                    <a:pt x="153852" y="6484"/>
                  </a:lnTo>
                  <a:lnTo>
                    <a:pt x="149359" y="7596"/>
                  </a:lnTo>
                  <a:lnTo>
                    <a:pt x="144775" y="8707"/>
                  </a:lnTo>
                  <a:lnTo>
                    <a:pt x="140097" y="9772"/>
                  </a:lnTo>
                  <a:lnTo>
                    <a:pt x="137735" y="10282"/>
                  </a:lnTo>
                  <a:lnTo>
                    <a:pt x="135327" y="10745"/>
                  </a:lnTo>
                  <a:lnTo>
                    <a:pt x="132918" y="11162"/>
                  </a:lnTo>
                  <a:lnTo>
                    <a:pt x="130464" y="11532"/>
                  </a:lnTo>
                  <a:lnTo>
                    <a:pt x="127963" y="11903"/>
                  </a:lnTo>
                  <a:lnTo>
                    <a:pt x="125462" y="12180"/>
                  </a:lnTo>
                  <a:lnTo>
                    <a:pt x="122961" y="12366"/>
                  </a:lnTo>
                  <a:lnTo>
                    <a:pt x="120414" y="12505"/>
                  </a:lnTo>
                  <a:lnTo>
                    <a:pt x="117635" y="12597"/>
                  </a:lnTo>
                  <a:lnTo>
                    <a:pt x="114532" y="12597"/>
                  </a:lnTo>
                  <a:lnTo>
                    <a:pt x="111105" y="12505"/>
                  </a:lnTo>
                  <a:lnTo>
                    <a:pt x="107354" y="12319"/>
                  </a:lnTo>
                  <a:lnTo>
                    <a:pt x="103371" y="12088"/>
                  </a:lnTo>
                  <a:lnTo>
                    <a:pt x="99110" y="11810"/>
                  </a:lnTo>
                  <a:lnTo>
                    <a:pt x="94664" y="11486"/>
                  </a:lnTo>
                  <a:lnTo>
                    <a:pt x="90033" y="11069"/>
                  </a:lnTo>
                  <a:lnTo>
                    <a:pt x="85263" y="10606"/>
                  </a:lnTo>
                  <a:lnTo>
                    <a:pt x="80353" y="10143"/>
                  </a:lnTo>
                  <a:lnTo>
                    <a:pt x="70257" y="9078"/>
                  </a:lnTo>
                  <a:lnTo>
                    <a:pt x="60068" y="7920"/>
                  </a:lnTo>
                  <a:lnTo>
                    <a:pt x="49926" y="6716"/>
                  </a:lnTo>
                  <a:lnTo>
                    <a:pt x="40108" y="5465"/>
                  </a:lnTo>
                  <a:lnTo>
                    <a:pt x="30891" y="4261"/>
                  </a:lnTo>
                  <a:lnTo>
                    <a:pt x="22416" y="3150"/>
                  </a:lnTo>
                  <a:lnTo>
                    <a:pt x="14960" y="2131"/>
                  </a:lnTo>
                  <a:lnTo>
                    <a:pt x="4076" y="602"/>
                  </a:lnTo>
                  <a:lnTo>
                    <a:pt x="1" y="0"/>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Tree>
    <p:extLst>
      <p:ext uri="{BB962C8B-B14F-4D97-AF65-F5344CB8AC3E}">
        <p14:creationId xmlns:p14="http://schemas.microsoft.com/office/powerpoint/2010/main" val="1546494174"/>
      </p:ext>
    </p:extLst>
  </p:cSld>
  <p:clrMapOvr>
    <a:masterClrMapping/>
  </p:clrMapOvr>
</p:sldLayout>
</file>

<file path=ppt/slideLayouts/slideLayout112.xml><?xml version="1.0" encoding="utf-8"?>
<p:sldLayout xmlns:a="http://schemas.openxmlformats.org/drawingml/2006/main" xmlns:r="http://schemas.openxmlformats.org/officeDocument/2006/relationships" xmlns:p="http://schemas.openxmlformats.org/presentationml/2006/main" matchingName="Title and four columns">
  <p:cSld name="Title and four columns">
    <p:spTree>
      <p:nvGrpSpPr>
        <p:cNvPr id="1" name="Shape 434"/>
        <p:cNvGrpSpPr/>
        <p:nvPr/>
      </p:nvGrpSpPr>
      <p:grpSpPr>
        <a:xfrm>
          <a:off x="0" y="0"/>
          <a:ext cx="0" cy="0"/>
          <a:chOff x="0" y="0"/>
          <a:chExt cx="0" cy="0"/>
        </a:xfrm>
      </p:grpSpPr>
      <p:pic>
        <p:nvPicPr>
          <p:cNvPr id="435" name="Google Shape;435;p30"/>
          <p:cNvPicPr preferRelativeResize="0"/>
          <p:nvPr/>
        </p:nvPicPr>
        <p:blipFill rotWithShape="1">
          <a:blip r:embed="rId2">
            <a:alphaModFix amt="58999"/>
          </a:blip>
          <a:srcRect/>
          <a:stretch/>
        </p:blipFill>
        <p:spPr>
          <a:xfrm>
            <a:off x="0" y="0"/>
            <a:ext cx="20320000" cy="11430000"/>
          </a:xfrm>
          <a:prstGeom prst="rect">
            <a:avLst/>
          </a:prstGeom>
          <a:noFill/>
          <a:ln>
            <a:noFill/>
          </a:ln>
        </p:spPr>
      </p:pic>
      <p:grpSp>
        <p:nvGrpSpPr>
          <p:cNvPr id="436" name="Google Shape;436;p30"/>
          <p:cNvGrpSpPr/>
          <p:nvPr/>
        </p:nvGrpSpPr>
        <p:grpSpPr>
          <a:xfrm>
            <a:off x="921445" y="681333"/>
            <a:ext cx="18477111" cy="481333"/>
            <a:chOff x="414650" y="306600"/>
            <a:chExt cx="8314700" cy="216600"/>
          </a:xfrm>
        </p:grpSpPr>
        <p:grpSp>
          <p:nvGrpSpPr>
            <p:cNvPr id="437" name="Google Shape;437;p30"/>
            <p:cNvGrpSpPr/>
            <p:nvPr/>
          </p:nvGrpSpPr>
          <p:grpSpPr>
            <a:xfrm>
              <a:off x="713281" y="389286"/>
              <a:ext cx="7717437" cy="51251"/>
              <a:chOff x="450050" y="465475"/>
              <a:chExt cx="8367600" cy="51241"/>
            </a:xfrm>
          </p:grpSpPr>
          <p:cxnSp>
            <p:nvCxnSpPr>
              <p:cNvPr id="438" name="Google Shape;438;p30"/>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439" name="Google Shape;439;p30"/>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440" name="Google Shape;440;p30"/>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441" name="Google Shape;441;p30"/>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442" name="Google Shape;442;p30"/>
          <p:cNvSpPr txBox="1">
            <a:spLocks noGrp="1"/>
          </p:cNvSpPr>
          <p:nvPr>
            <p:ph type="title"/>
          </p:nvPr>
        </p:nvSpPr>
        <p:spPr>
          <a:xfrm>
            <a:off x="1600000" y="1158278"/>
            <a:ext cx="17120000" cy="1272667"/>
          </a:xfrm>
          <a:prstGeom prst="rect">
            <a:avLst/>
          </a:prstGeom>
        </p:spPr>
        <p:txBody>
          <a:bodyPr spcFirstLastPara="1" wrap="square" lIns="91425" tIns="91425" rIns="91425" bIns="91425" anchor="t" anchorCtr="0">
            <a:noAutofit/>
          </a:bodyPr>
          <a:lstStyle>
            <a:lvl1pPr lvl="0" algn="ctr" rtl="0">
              <a:spcBef>
                <a:spcPts val="0"/>
              </a:spcBef>
              <a:spcAft>
                <a:spcPts val="0"/>
              </a:spcAft>
              <a:buSzPts val="3500"/>
              <a:buNone/>
              <a:defRPr/>
            </a:lvl1pPr>
            <a:lvl2pPr lvl="1" rtl="0">
              <a:spcBef>
                <a:spcPts val="0"/>
              </a:spcBef>
              <a:spcAft>
                <a:spcPts val="0"/>
              </a:spcAft>
              <a:buSzPts val="3500"/>
              <a:buNone/>
              <a:defRPr/>
            </a:lvl2pPr>
            <a:lvl3pPr lvl="2" rtl="0">
              <a:spcBef>
                <a:spcPts val="0"/>
              </a:spcBef>
              <a:spcAft>
                <a:spcPts val="0"/>
              </a:spcAft>
              <a:buSzPts val="3500"/>
              <a:buNone/>
              <a:defRPr/>
            </a:lvl3pPr>
            <a:lvl4pPr lvl="3" rtl="0">
              <a:spcBef>
                <a:spcPts val="0"/>
              </a:spcBef>
              <a:spcAft>
                <a:spcPts val="0"/>
              </a:spcAft>
              <a:buSzPts val="3500"/>
              <a:buNone/>
              <a:defRPr/>
            </a:lvl4pPr>
            <a:lvl5pPr lvl="4" rtl="0">
              <a:spcBef>
                <a:spcPts val="0"/>
              </a:spcBef>
              <a:spcAft>
                <a:spcPts val="0"/>
              </a:spcAft>
              <a:buSzPts val="3500"/>
              <a:buNone/>
              <a:defRPr/>
            </a:lvl5pPr>
            <a:lvl6pPr lvl="5" rtl="0">
              <a:spcBef>
                <a:spcPts val="0"/>
              </a:spcBef>
              <a:spcAft>
                <a:spcPts val="0"/>
              </a:spcAft>
              <a:buSzPts val="3500"/>
              <a:buNone/>
              <a:defRPr/>
            </a:lvl6pPr>
            <a:lvl7pPr lvl="6" rtl="0">
              <a:spcBef>
                <a:spcPts val="0"/>
              </a:spcBef>
              <a:spcAft>
                <a:spcPts val="0"/>
              </a:spcAft>
              <a:buSzPts val="3500"/>
              <a:buNone/>
              <a:defRPr/>
            </a:lvl7pPr>
            <a:lvl8pPr lvl="7" rtl="0">
              <a:spcBef>
                <a:spcPts val="0"/>
              </a:spcBef>
              <a:spcAft>
                <a:spcPts val="0"/>
              </a:spcAft>
              <a:buSzPts val="3500"/>
              <a:buNone/>
              <a:defRPr/>
            </a:lvl8pPr>
            <a:lvl9pPr lvl="8" rtl="0">
              <a:spcBef>
                <a:spcPts val="0"/>
              </a:spcBef>
              <a:spcAft>
                <a:spcPts val="0"/>
              </a:spcAft>
              <a:buSzPts val="3500"/>
              <a:buNone/>
              <a:defRPr/>
            </a:lvl9pPr>
          </a:lstStyle>
          <a:p>
            <a:endParaRPr/>
          </a:p>
        </p:txBody>
      </p:sp>
      <p:sp>
        <p:nvSpPr>
          <p:cNvPr id="443" name="Google Shape;443;p30"/>
          <p:cNvSpPr txBox="1">
            <a:spLocks noGrp="1"/>
          </p:cNvSpPr>
          <p:nvPr>
            <p:ph type="subTitle" idx="1"/>
          </p:nvPr>
        </p:nvSpPr>
        <p:spPr>
          <a:xfrm>
            <a:off x="3007580" y="4539667"/>
            <a:ext cx="4396000" cy="1478667"/>
          </a:xfrm>
          <a:prstGeom prst="rect">
            <a:avLst/>
          </a:prstGeom>
        </p:spPr>
        <p:txBody>
          <a:bodyPr spcFirstLastPara="1" wrap="square" lIns="91425" tIns="91425" rIns="91425" bIns="91425" anchor="t" anchorCtr="0">
            <a:noAutofit/>
          </a:bodyPr>
          <a:lstStyle>
            <a:lvl1pPr lvl="0" rtl="0">
              <a:lnSpc>
                <a:spcPct val="100000"/>
              </a:lnSpc>
              <a:spcBef>
                <a:spcPts val="0"/>
              </a:spcBef>
              <a:spcAft>
                <a:spcPts val="0"/>
              </a:spcAft>
              <a:buSzPts val="1400"/>
              <a:buNone/>
              <a:defRPr sz="3111"/>
            </a:lvl1pPr>
            <a:lvl2pPr lvl="1" algn="ctr" rtl="0">
              <a:lnSpc>
                <a:spcPct val="100000"/>
              </a:lnSpc>
              <a:spcBef>
                <a:spcPts val="0"/>
              </a:spcBef>
              <a:spcAft>
                <a:spcPts val="0"/>
              </a:spcAft>
              <a:buSzPts val="1400"/>
              <a:buNone/>
              <a:defRPr/>
            </a:lvl2pPr>
            <a:lvl3pPr lvl="2" algn="ctr" rtl="0">
              <a:lnSpc>
                <a:spcPct val="100000"/>
              </a:lnSpc>
              <a:spcBef>
                <a:spcPts val="3556"/>
              </a:spcBef>
              <a:spcAft>
                <a:spcPts val="0"/>
              </a:spcAft>
              <a:buSzPts val="1400"/>
              <a:buNone/>
              <a:defRPr/>
            </a:lvl3pPr>
            <a:lvl4pPr lvl="3" algn="ctr" rtl="0">
              <a:lnSpc>
                <a:spcPct val="100000"/>
              </a:lnSpc>
              <a:spcBef>
                <a:spcPts val="3556"/>
              </a:spcBef>
              <a:spcAft>
                <a:spcPts val="0"/>
              </a:spcAft>
              <a:buSzPts val="1400"/>
              <a:buNone/>
              <a:defRPr/>
            </a:lvl4pPr>
            <a:lvl5pPr lvl="4" algn="ctr" rtl="0">
              <a:lnSpc>
                <a:spcPct val="100000"/>
              </a:lnSpc>
              <a:spcBef>
                <a:spcPts val="3556"/>
              </a:spcBef>
              <a:spcAft>
                <a:spcPts val="0"/>
              </a:spcAft>
              <a:buSzPts val="1400"/>
              <a:buNone/>
              <a:defRPr/>
            </a:lvl5pPr>
            <a:lvl6pPr lvl="5" algn="ctr" rtl="0">
              <a:lnSpc>
                <a:spcPct val="100000"/>
              </a:lnSpc>
              <a:spcBef>
                <a:spcPts val="3556"/>
              </a:spcBef>
              <a:spcAft>
                <a:spcPts val="0"/>
              </a:spcAft>
              <a:buSzPts val="1400"/>
              <a:buNone/>
              <a:defRPr/>
            </a:lvl6pPr>
            <a:lvl7pPr lvl="6" algn="ctr" rtl="0">
              <a:lnSpc>
                <a:spcPct val="100000"/>
              </a:lnSpc>
              <a:spcBef>
                <a:spcPts val="3556"/>
              </a:spcBef>
              <a:spcAft>
                <a:spcPts val="0"/>
              </a:spcAft>
              <a:buSzPts val="1400"/>
              <a:buNone/>
              <a:defRPr/>
            </a:lvl7pPr>
            <a:lvl8pPr lvl="7" algn="ctr" rtl="0">
              <a:lnSpc>
                <a:spcPct val="100000"/>
              </a:lnSpc>
              <a:spcBef>
                <a:spcPts val="3556"/>
              </a:spcBef>
              <a:spcAft>
                <a:spcPts val="0"/>
              </a:spcAft>
              <a:buSzPts val="1400"/>
              <a:buNone/>
              <a:defRPr/>
            </a:lvl8pPr>
            <a:lvl9pPr lvl="8" algn="ctr" rtl="0">
              <a:lnSpc>
                <a:spcPct val="100000"/>
              </a:lnSpc>
              <a:spcBef>
                <a:spcPts val="3556"/>
              </a:spcBef>
              <a:spcAft>
                <a:spcPts val="3556"/>
              </a:spcAft>
              <a:buSzPts val="1400"/>
              <a:buNone/>
              <a:defRPr/>
            </a:lvl9pPr>
          </a:lstStyle>
          <a:p>
            <a:endParaRPr/>
          </a:p>
        </p:txBody>
      </p:sp>
      <p:sp>
        <p:nvSpPr>
          <p:cNvPr id="444" name="Google Shape;444;p30"/>
          <p:cNvSpPr txBox="1">
            <a:spLocks noGrp="1"/>
          </p:cNvSpPr>
          <p:nvPr>
            <p:ph type="subTitle" idx="2"/>
          </p:nvPr>
        </p:nvSpPr>
        <p:spPr>
          <a:xfrm>
            <a:off x="12916420" y="4539667"/>
            <a:ext cx="4396000" cy="1478667"/>
          </a:xfrm>
          <a:prstGeom prst="rect">
            <a:avLst/>
          </a:prstGeom>
        </p:spPr>
        <p:txBody>
          <a:bodyPr spcFirstLastPara="1" wrap="square" lIns="91425" tIns="91425" rIns="91425" bIns="91425" anchor="t" anchorCtr="0">
            <a:noAutofit/>
          </a:bodyPr>
          <a:lstStyle>
            <a:lvl1pPr lvl="0" algn="r" rtl="0">
              <a:lnSpc>
                <a:spcPct val="100000"/>
              </a:lnSpc>
              <a:spcBef>
                <a:spcPts val="0"/>
              </a:spcBef>
              <a:spcAft>
                <a:spcPts val="0"/>
              </a:spcAft>
              <a:buSzPts val="1400"/>
              <a:buNone/>
              <a:defRPr sz="3111"/>
            </a:lvl1pPr>
            <a:lvl2pPr lvl="1" algn="ctr" rtl="0">
              <a:lnSpc>
                <a:spcPct val="100000"/>
              </a:lnSpc>
              <a:spcBef>
                <a:spcPts val="0"/>
              </a:spcBef>
              <a:spcAft>
                <a:spcPts val="0"/>
              </a:spcAft>
              <a:buSzPts val="1400"/>
              <a:buNone/>
              <a:defRPr/>
            </a:lvl2pPr>
            <a:lvl3pPr lvl="2" algn="ctr" rtl="0">
              <a:lnSpc>
                <a:spcPct val="100000"/>
              </a:lnSpc>
              <a:spcBef>
                <a:spcPts val="3556"/>
              </a:spcBef>
              <a:spcAft>
                <a:spcPts val="0"/>
              </a:spcAft>
              <a:buSzPts val="1400"/>
              <a:buNone/>
              <a:defRPr/>
            </a:lvl3pPr>
            <a:lvl4pPr lvl="3" algn="ctr" rtl="0">
              <a:lnSpc>
                <a:spcPct val="100000"/>
              </a:lnSpc>
              <a:spcBef>
                <a:spcPts val="3556"/>
              </a:spcBef>
              <a:spcAft>
                <a:spcPts val="0"/>
              </a:spcAft>
              <a:buSzPts val="1400"/>
              <a:buNone/>
              <a:defRPr/>
            </a:lvl4pPr>
            <a:lvl5pPr lvl="4" algn="ctr" rtl="0">
              <a:lnSpc>
                <a:spcPct val="100000"/>
              </a:lnSpc>
              <a:spcBef>
                <a:spcPts val="3556"/>
              </a:spcBef>
              <a:spcAft>
                <a:spcPts val="0"/>
              </a:spcAft>
              <a:buSzPts val="1400"/>
              <a:buNone/>
              <a:defRPr/>
            </a:lvl5pPr>
            <a:lvl6pPr lvl="5" algn="ctr" rtl="0">
              <a:lnSpc>
                <a:spcPct val="100000"/>
              </a:lnSpc>
              <a:spcBef>
                <a:spcPts val="3556"/>
              </a:spcBef>
              <a:spcAft>
                <a:spcPts val="0"/>
              </a:spcAft>
              <a:buSzPts val="1400"/>
              <a:buNone/>
              <a:defRPr/>
            </a:lvl6pPr>
            <a:lvl7pPr lvl="6" algn="ctr" rtl="0">
              <a:lnSpc>
                <a:spcPct val="100000"/>
              </a:lnSpc>
              <a:spcBef>
                <a:spcPts val="3556"/>
              </a:spcBef>
              <a:spcAft>
                <a:spcPts val="0"/>
              </a:spcAft>
              <a:buSzPts val="1400"/>
              <a:buNone/>
              <a:defRPr/>
            </a:lvl7pPr>
            <a:lvl8pPr lvl="7" algn="ctr" rtl="0">
              <a:lnSpc>
                <a:spcPct val="100000"/>
              </a:lnSpc>
              <a:spcBef>
                <a:spcPts val="3556"/>
              </a:spcBef>
              <a:spcAft>
                <a:spcPts val="0"/>
              </a:spcAft>
              <a:buSzPts val="1400"/>
              <a:buNone/>
              <a:defRPr/>
            </a:lvl8pPr>
            <a:lvl9pPr lvl="8" algn="ctr" rtl="0">
              <a:lnSpc>
                <a:spcPct val="100000"/>
              </a:lnSpc>
              <a:spcBef>
                <a:spcPts val="3556"/>
              </a:spcBef>
              <a:spcAft>
                <a:spcPts val="3556"/>
              </a:spcAft>
              <a:buSzPts val="1400"/>
              <a:buNone/>
              <a:defRPr/>
            </a:lvl9pPr>
          </a:lstStyle>
          <a:p>
            <a:endParaRPr/>
          </a:p>
        </p:txBody>
      </p:sp>
      <p:sp>
        <p:nvSpPr>
          <p:cNvPr id="445" name="Google Shape;445;p30"/>
          <p:cNvSpPr txBox="1">
            <a:spLocks noGrp="1"/>
          </p:cNvSpPr>
          <p:nvPr>
            <p:ph type="subTitle" idx="3"/>
          </p:nvPr>
        </p:nvSpPr>
        <p:spPr>
          <a:xfrm>
            <a:off x="3007580" y="7217000"/>
            <a:ext cx="4396000" cy="1478667"/>
          </a:xfrm>
          <a:prstGeom prst="rect">
            <a:avLst/>
          </a:prstGeom>
        </p:spPr>
        <p:txBody>
          <a:bodyPr spcFirstLastPara="1" wrap="square" lIns="91425" tIns="91425" rIns="91425" bIns="91425" anchor="t" anchorCtr="0">
            <a:noAutofit/>
          </a:bodyPr>
          <a:lstStyle>
            <a:lvl1pPr lvl="0" rtl="0">
              <a:lnSpc>
                <a:spcPct val="100000"/>
              </a:lnSpc>
              <a:spcBef>
                <a:spcPts val="0"/>
              </a:spcBef>
              <a:spcAft>
                <a:spcPts val="0"/>
              </a:spcAft>
              <a:buSzPts val="1400"/>
              <a:buNone/>
              <a:defRPr sz="3111"/>
            </a:lvl1pPr>
            <a:lvl2pPr lvl="1" algn="ctr" rtl="0">
              <a:lnSpc>
                <a:spcPct val="100000"/>
              </a:lnSpc>
              <a:spcBef>
                <a:spcPts val="0"/>
              </a:spcBef>
              <a:spcAft>
                <a:spcPts val="0"/>
              </a:spcAft>
              <a:buSzPts val="1400"/>
              <a:buNone/>
              <a:defRPr/>
            </a:lvl2pPr>
            <a:lvl3pPr lvl="2" algn="ctr" rtl="0">
              <a:lnSpc>
                <a:spcPct val="100000"/>
              </a:lnSpc>
              <a:spcBef>
                <a:spcPts val="3556"/>
              </a:spcBef>
              <a:spcAft>
                <a:spcPts val="0"/>
              </a:spcAft>
              <a:buSzPts val="1400"/>
              <a:buNone/>
              <a:defRPr/>
            </a:lvl3pPr>
            <a:lvl4pPr lvl="3" algn="ctr" rtl="0">
              <a:lnSpc>
                <a:spcPct val="100000"/>
              </a:lnSpc>
              <a:spcBef>
                <a:spcPts val="3556"/>
              </a:spcBef>
              <a:spcAft>
                <a:spcPts val="0"/>
              </a:spcAft>
              <a:buSzPts val="1400"/>
              <a:buNone/>
              <a:defRPr/>
            </a:lvl4pPr>
            <a:lvl5pPr lvl="4" algn="ctr" rtl="0">
              <a:lnSpc>
                <a:spcPct val="100000"/>
              </a:lnSpc>
              <a:spcBef>
                <a:spcPts val="3556"/>
              </a:spcBef>
              <a:spcAft>
                <a:spcPts val="0"/>
              </a:spcAft>
              <a:buSzPts val="1400"/>
              <a:buNone/>
              <a:defRPr/>
            </a:lvl5pPr>
            <a:lvl6pPr lvl="5" algn="ctr" rtl="0">
              <a:lnSpc>
                <a:spcPct val="100000"/>
              </a:lnSpc>
              <a:spcBef>
                <a:spcPts val="3556"/>
              </a:spcBef>
              <a:spcAft>
                <a:spcPts val="0"/>
              </a:spcAft>
              <a:buSzPts val="1400"/>
              <a:buNone/>
              <a:defRPr/>
            </a:lvl6pPr>
            <a:lvl7pPr lvl="6" algn="ctr" rtl="0">
              <a:lnSpc>
                <a:spcPct val="100000"/>
              </a:lnSpc>
              <a:spcBef>
                <a:spcPts val="3556"/>
              </a:spcBef>
              <a:spcAft>
                <a:spcPts val="0"/>
              </a:spcAft>
              <a:buSzPts val="1400"/>
              <a:buNone/>
              <a:defRPr/>
            </a:lvl7pPr>
            <a:lvl8pPr lvl="7" algn="ctr" rtl="0">
              <a:lnSpc>
                <a:spcPct val="100000"/>
              </a:lnSpc>
              <a:spcBef>
                <a:spcPts val="3556"/>
              </a:spcBef>
              <a:spcAft>
                <a:spcPts val="0"/>
              </a:spcAft>
              <a:buSzPts val="1400"/>
              <a:buNone/>
              <a:defRPr/>
            </a:lvl8pPr>
            <a:lvl9pPr lvl="8" algn="ctr" rtl="0">
              <a:lnSpc>
                <a:spcPct val="100000"/>
              </a:lnSpc>
              <a:spcBef>
                <a:spcPts val="3556"/>
              </a:spcBef>
              <a:spcAft>
                <a:spcPts val="3556"/>
              </a:spcAft>
              <a:buSzPts val="1400"/>
              <a:buNone/>
              <a:defRPr/>
            </a:lvl9pPr>
          </a:lstStyle>
          <a:p>
            <a:endParaRPr/>
          </a:p>
        </p:txBody>
      </p:sp>
      <p:sp>
        <p:nvSpPr>
          <p:cNvPr id="446" name="Google Shape;446;p30"/>
          <p:cNvSpPr txBox="1">
            <a:spLocks noGrp="1"/>
          </p:cNvSpPr>
          <p:nvPr>
            <p:ph type="subTitle" idx="4"/>
          </p:nvPr>
        </p:nvSpPr>
        <p:spPr>
          <a:xfrm>
            <a:off x="12916420" y="7217000"/>
            <a:ext cx="4396000" cy="1478667"/>
          </a:xfrm>
          <a:prstGeom prst="rect">
            <a:avLst/>
          </a:prstGeom>
        </p:spPr>
        <p:txBody>
          <a:bodyPr spcFirstLastPara="1" wrap="square" lIns="91425" tIns="91425" rIns="91425" bIns="91425" anchor="t" anchorCtr="0">
            <a:noAutofit/>
          </a:bodyPr>
          <a:lstStyle>
            <a:lvl1pPr lvl="0" algn="r" rtl="0">
              <a:lnSpc>
                <a:spcPct val="100000"/>
              </a:lnSpc>
              <a:spcBef>
                <a:spcPts val="0"/>
              </a:spcBef>
              <a:spcAft>
                <a:spcPts val="0"/>
              </a:spcAft>
              <a:buSzPts val="1400"/>
              <a:buNone/>
              <a:defRPr sz="3111"/>
            </a:lvl1pPr>
            <a:lvl2pPr lvl="1" algn="ctr" rtl="0">
              <a:lnSpc>
                <a:spcPct val="100000"/>
              </a:lnSpc>
              <a:spcBef>
                <a:spcPts val="0"/>
              </a:spcBef>
              <a:spcAft>
                <a:spcPts val="0"/>
              </a:spcAft>
              <a:buSzPts val="1400"/>
              <a:buNone/>
              <a:defRPr/>
            </a:lvl2pPr>
            <a:lvl3pPr lvl="2" algn="ctr" rtl="0">
              <a:lnSpc>
                <a:spcPct val="100000"/>
              </a:lnSpc>
              <a:spcBef>
                <a:spcPts val="3556"/>
              </a:spcBef>
              <a:spcAft>
                <a:spcPts val="0"/>
              </a:spcAft>
              <a:buSzPts val="1400"/>
              <a:buNone/>
              <a:defRPr/>
            </a:lvl3pPr>
            <a:lvl4pPr lvl="3" algn="ctr" rtl="0">
              <a:lnSpc>
                <a:spcPct val="100000"/>
              </a:lnSpc>
              <a:spcBef>
                <a:spcPts val="3556"/>
              </a:spcBef>
              <a:spcAft>
                <a:spcPts val="0"/>
              </a:spcAft>
              <a:buSzPts val="1400"/>
              <a:buNone/>
              <a:defRPr/>
            </a:lvl4pPr>
            <a:lvl5pPr lvl="4" algn="ctr" rtl="0">
              <a:lnSpc>
                <a:spcPct val="100000"/>
              </a:lnSpc>
              <a:spcBef>
                <a:spcPts val="3556"/>
              </a:spcBef>
              <a:spcAft>
                <a:spcPts val="0"/>
              </a:spcAft>
              <a:buSzPts val="1400"/>
              <a:buNone/>
              <a:defRPr/>
            </a:lvl5pPr>
            <a:lvl6pPr lvl="5" algn="ctr" rtl="0">
              <a:lnSpc>
                <a:spcPct val="100000"/>
              </a:lnSpc>
              <a:spcBef>
                <a:spcPts val="3556"/>
              </a:spcBef>
              <a:spcAft>
                <a:spcPts val="0"/>
              </a:spcAft>
              <a:buSzPts val="1400"/>
              <a:buNone/>
              <a:defRPr/>
            </a:lvl6pPr>
            <a:lvl7pPr lvl="6" algn="ctr" rtl="0">
              <a:lnSpc>
                <a:spcPct val="100000"/>
              </a:lnSpc>
              <a:spcBef>
                <a:spcPts val="3556"/>
              </a:spcBef>
              <a:spcAft>
                <a:spcPts val="0"/>
              </a:spcAft>
              <a:buSzPts val="1400"/>
              <a:buNone/>
              <a:defRPr/>
            </a:lvl7pPr>
            <a:lvl8pPr lvl="7" algn="ctr" rtl="0">
              <a:lnSpc>
                <a:spcPct val="100000"/>
              </a:lnSpc>
              <a:spcBef>
                <a:spcPts val="3556"/>
              </a:spcBef>
              <a:spcAft>
                <a:spcPts val="0"/>
              </a:spcAft>
              <a:buSzPts val="1400"/>
              <a:buNone/>
              <a:defRPr/>
            </a:lvl8pPr>
            <a:lvl9pPr lvl="8" algn="ctr" rtl="0">
              <a:lnSpc>
                <a:spcPct val="100000"/>
              </a:lnSpc>
              <a:spcBef>
                <a:spcPts val="3556"/>
              </a:spcBef>
              <a:spcAft>
                <a:spcPts val="3556"/>
              </a:spcAft>
              <a:buSzPts val="1400"/>
              <a:buNone/>
              <a:defRPr/>
            </a:lvl9pPr>
          </a:lstStyle>
          <a:p>
            <a:endParaRPr/>
          </a:p>
        </p:txBody>
      </p:sp>
      <p:sp>
        <p:nvSpPr>
          <p:cNvPr id="447" name="Google Shape;447;p30"/>
          <p:cNvSpPr txBox="1">
            <a:spLocks noGrp="1"/>
          </p:cNvSpPr>
          <p:nvPr>
            <p:ph type="subTitle" idx="5"/>
          </p:nvPr>
        </p:nvSpPr>
        <p:spPr>
          <a:xfrm>
            <a:off x="3007580" y="3583073"/>
            <a:ext cx="4396000" cy="1178000"/>
          </a:xfrm>
          <a:prstGeom prst="rect">
            <a:avLst/>
          </a:prstGeom>
        </p:spPr>
        <p:txBody>
          <a:bodyPr spcFirstLastPara="1" wrap="square" lIns="91425" tIns="91425" rIns="91425" bIns="91425" anchor="b" anchorCtr="0">
            <a:noAutofit/>
          </a:bodyPr>
          <a:lstStyle>
            <a:lvl1pPr lvl="0" rtl="0">
              <a:lnSpc>
                <a:spcPct val="100000"/>
              </a:lnSpc>
              <a:spcBef>
                <a:spcPts val="0"/>
              </a:spcBef>
              <a:spcAft>
                <a:spcPts val="0"/>
              </a:spcAft>
              <a:buSzPts val="2400"/>
              <a:buFont typeface="Orelega One"/>
              <a:buNone/>
              <a:defRPr sz="4889">
                <a:solidFill>
                  <a:schemeClr val="dk1"/>
                </a:solidFill>
                <a:latin typeface="Orelega One"/>
                <a:ea typeface="Orelega One"/>
                <a:cs typeface="Orelega One"/>
                <a:sym typeface="Orelega One"/>
              </a:defRPr>
            </a:lvl1pPr>
            <a:lvl2pPr lvl="1"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2pPr>
            <a:lvl3pPr lvl="2"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3pPr>
            <a:lvl4pPr lvl="3"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4pPr>
            <a:lvl5pPr lvl="4"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5pPr>
            <a:lvl6pPr lvl="5"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6pPr>
            <a:lvl7pPr lvl="6"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7pPr>
            <a:lvl8pPr lvl="7"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8pPr>
            <a:lvl9pPr lvl="8"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9pPr>
          </a:lstStyle>
          <a:p>
            <a:endParaRPr/>
          </a:p>
        </p:txBody>
      </p:sp>
      <p:sp>
        <p:nvSpPr>
          <p:cNvPr id="448" name="Google Shape;448;p30"/>
          <p:cNvSpPr txBox="1">
            <a:spLocks noGrp="1"/>
          </p:cNvSpPr>
          <p:nvPr>
            <p:ph type="subTitle" idx="6"/>
          </p:nvPr>
        </p:nvSpPr>
        <p:spPr>
          <a:xfrm>
            <a:off x="3007580" y="6247111"/>
            <a:ext cx="4396000" cy="1178000"/>
          </a:xfrm>
          <a:prstGeom prst="rect">
            <a:avLst/>
          </a:prstGeom>
        </p:spPr>
        <p:txBody>
          <a:bodyPr spcFirstLastPara="1" wrap="square" lIns="91425" tIns="91425" rIns="91425" bIns="91425" anchor="b" anchorCtr="0">
            <a:noAutofit/>
          </a:bodyPr>
          <a:lstStyle>
            <a:lvl1pPr lvl="0" rtl="0">
              <a:lnSpc>
                <a:spcPct val="100000"/>
              </a:lnSpc>
              <a:spcBef>
                <a:spcPts val="0"/>
              </a:spcBef>
              <a:spcAft>
                <a:spcPts val="0"/>
              </a:spcAft>
              <a:buSzPts val="2400"/>
              <a:buFont typeface="Orelega One"/>
              <a:buNone/>
              <a:defRPr sz="4889">
                <a:solidFill>
                  <a:schemeClr val="dk1"/>
                </a:solidFill>
                <a:latin typeface="Orelega One"/>
                <a:ea typeface="Orelega One"/>
                <a:cs typeface="Orelega One"/>
                <a:sym typeface="Orelega One"/>
              </a:defRPr>
            </a:lvl1pPr>
            <a:lvl2pPr lvl="1"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2pPr>
            <a:lvl3pPr lvl="2"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3pPr>
            <a:lvl4pPr lvl="3"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4pPr>
            <a:lvl5pPr lvl="4"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5pPr>
            <a:lvl6pPr lvl="5"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6pPr>
            <a:lvl7pPr lvl="6"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7pPr>
            <a:lvl8pPr lvl="7"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8pPr>
            <a:lvl9pPr lvl="8"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9pPr>
          </a:lstStyle>
          <a:p>
            <a:endParaRPr/>
          </a:p>
        </p:txBody>
      </p:sp>
      <p:sp>
        <p:nvSpPr>
          <p:cNvPr id="449" name="Google Shape;449;p30"/>
          <p:cNvSpPr txBox="1">
            <a:spLocks noGrp="1"/>
          </p:cNvSpPr>
          <p:nvPr>
            <p:ph type="subTitle" idx="7"/>
          </p:nvPr>
        </p:nvSpPr>
        <p:spPr>
          <a:xfrm>
            <a:off x="12916413" y="3583073"/>
            <a:ext cx="4396000" cy="1178000"/>
          </a:xfrm>
          <a:prstGeom prst="rect">
            <a:avLst/>
          </a:prstGeom>
        </p:spPr>
        <p:txBody>
          <a:bodyPr spcFirstLastPara="1" wrap="square" lIns="91425" tIns="91425" rIns="91425" bIns="91425" anchor="b" anchorCtr="0">
            <a:noAutofit/>
          </a:bodyPr>
          <a:lstStyle>
            <a:lvl1pPr lvl="0" algn="r" rtl="0">
              <a:lnSpc>
                <a:spcPct val="100000"/>
              </a:lnSpc>
              <a:spcBef>
                <a:spcPts val="0"/>
              </a:spcBef>
              <a:spcAft>
                <a:spcPts val="0"/>
              </a:spcAft>
              <a:buSzPts val="2400"/>
              <a:buFont typeface="Orelega One"/>
              <a:buNone/>
              <a:defRPr sz="4889">
                <a:solidFill>
                  <a:schemeClr val="dk1"/>
                </a:solidFill>
                <a:latin typeface="Orelega One"/>
                <a:ea typeface="Orelega One"/>
                <a:cs typeface="Orelega One"/>
                <a:sym typeface="Orelega One"/>
              </a:defRPr>
            </a:lvl1pPr>
            <a:lvl2pPr lvl="1"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2pPr>
            <a:lvl3pPr lvl="2"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3pPr>
            <a:lvl4pPr lvl="3"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4pPr>
            <a:lvl5pPr lvl="4"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5pPr>
            <a:lvl6pPr lvl="5"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6pPr>
            <a:lvl7pPr lvl="6"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7pPr>
            <a:lvl8pPr lvl="7"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8pPr>
            <a:lvl9pPr lvl="8"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9pPr>
          </a:lstStyle>
          <a:p>
            <a:endParaRPr/>
          </a:p>
        </p:txBody>
      </p:sp>
      <p:sp>
        <p:nvSpPr>
          <p:cNvPr id="450" name="Google Shape;450;p30"/>
          <p:cNvSpPr txBox="1">
            <a:spLocks noGrp="1"/>
          </p:cNvSpPr>
          <p:nvPr>
            <p:ph type="subTitle" idx="8"/>
          </p:nvPr>
        </p:nvSpPr>
        <p:spPr>
          <a:xfrm>
            <a:off x="12916413" y="6247111"/>
            <a:ext cx="4396000" cy="1178000"/>
          </a:xfrm>
          <a:prstGeom prst="rect">
            <a:avLst/>
          </a:prstGeom>
        </p:spPr>
        <p:txBody>
          <a:bodyPr spcFirstLastPara="1" wrap="square" lIns="91425" tIns="91425" rIns="91425" bIns="91425" anchor="b" anchorCtr="0">
            <a:noAutofit/>
          </a:bodyPr>
          <a:lstStyle>
            <a:lvl1pPr lvl="0" algn="r" rtl="0">
              <a:lnSpc>
                <a:spcPct val="100000"/>
              </a:lnSpc>
              <a:spcBef>
                <a:spcPts val="0"/>
              </a:spcBef>
              <a:spcAft>
                <a:spcPts val="0"/>
              </a:spcAft>
              <a:buSzPts val="2400"/>
              <a:buFont typeface="Orelega One"/>
              <a:buNone/>
              <a:defRPr sz="4889">
                <a:solidFill>
                  <a:schemeClr val="dk1"/>
                </a:solidFill>
                <a:latin typeface="Orelega One"/>
                <a:ea typeface="Orelega One"/>
                <a:cs typeface="Orelega One"/>
                <a:sym typeface="Orelega One"/>
              </a:defRPr>
            </a:lvl1pPr>
            <a:lvl2pPr lvl="1"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2pPr>
            <a:lvl3pPr lvl="2"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3pPr>
            <a:lvl4pPr lvl="3"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4pPr>
            <a:lvl5pPr lvl="4"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5pPr>
            <a:lvl6pPr lvl="5"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6pPr>
            <a:lvl7pPr lvl="6"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7pPr>
            <a:lvl8pPr lvl="7"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8pPr>
            <a:lvl9pPr lvl="8"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9pPr>
          </a:lstStyle>
          <a:p>
            <a:endParaRPr/>
          </a:p>
        </p:txBody>
      </p:sp>
      <p:grpSp>
        <p:nvGrpSpPr>
          <p:cNvPr id="451" name="Google Shape;451;p30"/>
          <p:cNvGrpSpPr/>
          <p:nvPr/>
        </p:nvGrpSpPr>
        <p:grpSpPr>
          <a:xfrm>
            <a:off x="0" y="9780997"/>
            <a:ext cx="20320000" cy="1661184"/>
            <a:chOff x="0" y="4167674"/>
            <a:chExt cx="9144000" cy="981530"/>
          </a:xfrm>
        </p:grpSpPr>
        <p:grpSp>
          <p:nvGrpSpPr>
            <p:cNvPr id="452" name="Google Shape;452;p30"/>
            <p:cNvGrpSpPr/>
            <p:nvPr/>
          </p:nvGrpSpPr>
          <p:grpSpPr>
            <a:xfrm>
              <a:off x="0" y="4167674"/>
              <a:ext cx="9144000" cy="956028"/>
              <a:chOff x="0" y="4472474"/>
              <a:chExt cx="9144000" cy="956028"/>
            </a:xfrm>
          </p:grpSpPr>
          <p:sp>
            <p:nvSpPr>
              <p:cNvPr id="453" name="Google Shape;453;p30"/>
              <p:cNvSpPr/>
              <p:nvPr/>
            </p:nvSpPr>
            <p:spPr>
              <a:xfrm>
                <a:off x="0" y="4472474"/>
                <a:ext cx="9144000" cy="955987"/>
              </a:xfrm>
              <a:custGeom>
                <a:avLst/>
                <a:gdLst/>
                <a:ahLst/>
                <a:cxnLst/>
                <a:rect l="l" t="t" r="r" b="b"/>
                <a:pathLst>
                  <a:path w="285750" h="81326" extrusionOk="0">
                    <a:moveTo>
                      <a:pt x="84150" y="1"/>
                    </a:moveTo>
                    <a:lnTo>
                      <a:pt x="83270" y="47"/>
                    </a:lnTo>
                    <a:lnTo>
                      <a:pt x="82437" y="186"/>
                    </a:lnTo>
                    <a:lnTo>
                      <a:pt x="80723" y="464"/>
                    </a:lnTo>
                    <a:lnTo>
                      <a:pt x="78917" y="835"/>
                    </a:lnTo>
                    <a:lnTo>
                      <a:pt x="77111" y="1205"/>
                    </a:lnTo>
                    <a:lnTo>
                      <a:pt x="75258" y="1668"/>
                    </a:lnTo>
                    <a:lnTo>
                      <a:pt x="73359" y="2178"/>
                    </a:lnTo>
                    <a:lnTo>
                      <a:pt x="71414" y="2687"/>
                    </a:lnTo>
                    <a:lnTo>
                      <a:pt x="67478" y="3845"/>
                    </a:lnTo>
                    <a:lnTo>
                      <a:pt x="63402" y="5095"/>
                    </a:lnTo>
                    <a:lnTo>
                      <a:pt x="59280" y="6438"/>
                    </a:lnTo>
                    <a:lnTo>
                      <a:pt x="51037" y="9217"/>
                    </a:lnTo>
                    <a:lnTo>
                      <a:pt x="46961" y="10606"/>
                    </a:lnTo>
                    <a:lnTo>
                      <a:pt x="42932" y="11950"/>
                    </a:lnTo>
                    <a:lnTo>
                      <a:pt x="39042" y="13154"/>
                    </a:lnTo>
                    <a:lnTo>
                      <a:pt x="35290" y="14265"/>
                    </a:lnTo>
                    <a:lnTo>
                      <a:pt x="33484" y="14775"/>
                    </a:lnTo>
                    <a:lnTo>
                      <a:pt x="31724" y="15238"/>
                    </a:lnTo>
                    <a:lnTo>
                      <a:pt x="30011" y="15655"/>
                    </a:lnTo>
                    <a:lnTo>
                      <a:pt x="28390" y="16025"/>
                    </a:lnTo>
                    <a:lnTo>
                      <a:pt x="26815" y="16349"/>
                    </a:lnTo>
                    <a:lnTo>
                      <a:pt x="25287" y="16627"/>
                    </a:lnTo>
                    <a:lnTo>
                      <a:pt x="23851" y="16812"/>
                    </a:lnTo>
                    <a:lnTo>
                      <a:pt x="22462" y="16951"/>
                    </a:lnTo>
                    <a:lnTo>
                      <a:pt x="19868" y="17183"/>
                    </a:lnTo>
                    <a:lnTo>
                      <a:pt x="17414" y="17368"/>
                    </a:lnTo>
                    <a:lnTo>
                      <a:pt x="15098" y="17646"/>
                    </a:lnTo>
                    <a:lnTo>
                      <a:pt x="12921" y="17878"/>
                    </a:lnTo>
                    <a:lnTo>
                      <a:pt x="9077" y="18433"/>
                    </a:lnTo>
                    <a:lnTo>
                      <a:pt x="5882" y="18896"/>
                    </a:lnTo>
                    <a:lnTo>
                      <a:pt x="3335" y="19360"/>
                    </a:lnTo>
                    <a:lnTo>
                      <a:pt x="1528" y="19730"/>
                    </a:lnTo>
                    <a:lnTo>
                      <a:pt x="0" y="20101"/>
                    </a:lnTo>
                    <a:lnTo>
                      <a:pt x="0" y="81325"/>
                    </a:lnTo>
                    <a:lnTo>
                      <a:pt x="285750" y="81325"/>
                    </a:lnTo>
                    <a:lnTo>
                      <a:pt x="285750" y="16951"/>
                    </a:lnTo>
                    <a:lnTo>
                      <a:pt x="281906" y="16396"/>
                    </a:lnTo>
                    <a:lnTo>
                      <a:pt x="277460" y="15793"/>
                    </a:lnTo>
                    <a:lnTo>
                      <a:pt x="271578" y="15006"/>
                    </a:lnTo>
                    <a:lnTo>
                      <a:pt x="264492" y="14173"/>
                    </a:lnTo>
                    <a:lnTo>
                      <a:pt x="256388" y="13339"/>
                    </a:lnTo>
                    <a:lnTo>
                      <a:pt x="252034" y="12922"/>
                    </a:lnTo>
                    <a:lnTo>
                      <a:pt x="247496" y="12505"/>
                    </a:lnTo>
                    <a:lnTo>
                      <a:pt x="242818" y="12135"/>
                    </a:lnTo>
                    <a:lnTo>
                      <a:pt x="238002" y="11811"/>
                    </a:lnTo>
                    <a:lnTo>
                      <a:pt x="233139" y="11486"/>
                    </a:lnTo>
                    <a:lnTo>
                      <a:pt x="228137" y="11255"/>
                    </a:lnTo>
                    <a:lnTo>
                      <a:pt x="223135" y="11023"/>
                    </a:lnTo>
                    <a:lnTo>
                      <a:pt x="218133" y="10931"/>
                    </a:lnTo>
                    <a:lnTo>
                      <a:pt x="213132" y="10838"/>
                    </a:lnTo>
                    <a:lnTo>
                      <a:pt x="208130" y="10838"/>
                    </a:lnTo>
                    <a:lnTo>
                      <a:pt x="203221" y="10977"/>
                    </a:lnTo>
                    <a:lnTo>
                      <a:pt x="198404" y="11162"/>
                    </a:lnTo>
                    <a:lnTo>
                      <a:pt x="196042" y="11301"/>
                    </a:lnTo>
                    <a:lnTo>
                      <a:pt x="193680" y="11440"/>
                    </a:lnTo>
                    <a:lnTo>
                      <a:pt x="191365" y="11625"/>
                    </a:lnTo>
                    <a:lnTo>
                      <a:pt x="189141" y="11857"/>
                    </a:lnTo>
                    <a:lnTo>
                      <a:pt x="186918" y="12088"/>
                    </a:lnTo>
                    <a:lnTo>
                      <a:pt x="184695" y="12366"/>
                    </a:lnTo>
                    <a:lnTo>
                      <a:pt x="182565" y="12691"/>
                    </a:lnTo>
                    <a:lnTo>
                      <a:pt x="180527" y="13015"/>
                    </a:lnTo>
                    <a:lnTo>
                      <a:pt x="178490" y="13385"/>
                    </a:lnTo>
                    <a:lnTo>
                      <a:pt x="176498" y="13756"/>
                    </a:lnTo>
                    <a:lnTo>
                      <a:pt x="174599" y="14219"/>
                    </a:lnTo>
                    <a:lnTo>
                      <a:pt x="172747" y="14682"/>
                    </a:lnTo>
                    <a:lnTo>
                      <a:pt x="170987" y="15191"/>
                    </a:lnTo>
                    <a:lnTo>
                      <a:pt x="169273" y="15747"/>
                    </a:lnTo>
                    <a:lnTo>
                      <a:pt x="167652" y="16349"/>
                    </a:lnTo>
                    <a:lnTo>
                      <a:pt x="166124" y="16951"/>
                    </a:lnTo>
                    <a:lnTo>
                      <a:pt x="164596" y="17553"/>
                    </a:lnTo>
                    <a:lnTo>
                      <a:pt x="163114" y="18109"/>
                    </a:lnTo>
                    <a:lnTo>
                      <a:pt x="161585" y="18572"/>
                    </a:lnTo>
                    <a:lnTo>
                      <a:pt x="160057" y="18989"/>
                    </a:lnTo>
                    <a:lnTo>
                      <a:pt x="158529" y="19360"/>
                    </a:lnTo>
                    <a:lnTo>
                      <a:pt x="157047" y="19637"/>
                    </a:lnTo>
                    <a:lnTo>
                      <a:pt x="155518" y="19869"/>
                    </a:lnTo>
                    <a:lnTo>
                      <a:pt x="153990" y="20054"/>
                    </a:lnTo>
                    <a:lnTo>
                      <a:pt x="152508" y="20193"/>
                    </a:lnTo>
                    <a:lnTo>
                      <a:pt x="150980" y="20286"/>
                    </a:lnTo>
                    <a:lnTo>
                      <a:pt x="147969" y="20286"/>
                    </a:lnTo>
                    <a:lnTo>
                      <a:pt x="146487" y="20193"/>
                    </a:lnTo>
                    <a:lnTo>
                      <a:pt x="144959" y="20101"/>
                    </a:lnTo>
                    <a:lnTo>
                      <a:pt x="143477" y="19915"/>
                    </a:lnTo>
                    <a:lnTo>
                      <a:pt x="141995" y="19730"/>
                    </a:lnTo>
                    <a:lnTo>
                      <a:pt x="140513" y="19498"/>
                    </a:lnTo>
                    <a:lnTo>
                      <a:pt x="139031" y="19221"/>
                    </a:lnTo>
                    <a:lnTo>
                      <a:pt x="137549" y="18896"/>
                    </a:lnTo>
                    <a:lnTo>
                      <a:pt x="136067" y="18572"/>
                    </a:lnTo>
                    <a:lnTo>
                      <a:pt x="134585" y="18202"/>
                    </a:lnTo>
                    <a:lnTo>
                      <a:pt x="133149" y="17831"/>
                    </a:lnTo>
                    <a:lnTo>
                      <a:pt x="130232" y="16951"/>
                    </a:lnTo>
                    <a:lnTo>
                      <a:pt x="127360" y="15979"/>
                    </a:lnTo>
                    <a:lnTo>
                      <a:pt x="124535" y="14914"/>
                    </a:lnTo>
                    <a:lnTo>
                      <a:pt x="121710" y="13802"/>
                    </a:lnTo>
                    <a:lnTo>
                      <a:pt x="118931" y="12644"/>
                    </a:lnTo>
                    <a:lnTo>
                      <a:pt x="116245" y="11440"/>
                    </a:lnTo>
                    <a:lnTo>
                      <a:pt x="113559" y="10236"/>
                    </a:lnTo>
                    <a:lnTo>
                      <a:pt x="108326" y="7874"/>
                    </a:lnTo>
                    <a:lnTo>
                      <a:pt x="103324" y="5558"/>
                    </a:lnTo>
                    <a:lnTo>
                      <a:pt x="100916" y="4493"/>
                    </a:lnTo>
                    <a:lnTo>
                      <a:pt x="98554" y="3521"/>
                    </a:lnTo>
                    <a:lnTo>
                      <a:pt x="96284" y="2641"/>
                    </a:lnTo>
                    <a:lnTo>
                      <a:pt x="94061" y="1853"/>
                    </a:lnTo>
                    <a:lnTo>
                      <a:pt x="91931" y="1159"/>
                    </a:lnTo>
                    <a:lnTo>
                      <a:pt x="90912" y="881"/>
                    </a:lnTo>
                    <a:lnTo>
                      <a:pt x="89893" y="649"/>
                    </a:lnTo>
                    <a:lnTo>
                      <a:pt x="88874" y="418"/>
                    </a:lnTo>
                    <a:lnTo>
                      <a:pt x="87902" y="279"/>
                    </a:lnTo>
                    <a:lnTo>
                      <a:pt x="86929" y="140"/>
                    </a:lnTo>
                    <a:lnTo>
                      <a:pt x="86003" y="47"/>
                    </a:lnTo>
                    <a:lnTo>
                      <a:pt x="85077" y="1"/>
                    </a:lnTo>
                    <a:close/>
                  </a:path>
                </a:pathLst>
              </a:custGeom>
              <a:solidFill>
                <a:schemeClr val="l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454" name="Google Shape;454;p30"/>
              <p:cNvSpPr/>
              <p:nvPr/>
            </p:nvSpPr>
            <p:spPr>
              <a:xfrm>
                <a:off x="0" y="4757331"/>
                <a:ext cx="9143916" cy="671170"/>
              </a:xfrm>
              <a:custGeom>
                <a:avLst/>
                <a:gdLst/>
                <a:ahLst/>
                <a:cxnLst/>
                <a:rect l="l" t="t" r="r" b="b"/>
                <a:pathLst>
                  <a:path w="285057" h="21397" extrusionOk="0">
                    <a:moveTo>
                      <a:pt x="60439" y="1"/>
                    </a:moveTo>
                    <a:lnTo>
                      <a:pt x="57058" y="47"/>
                    </a:lnTo>
                    <a:lnTo>
                      <a:pt x="55530" y="47"/>
                    </a:lnTo>
                    <a:lnTo>
                      <a:pt x="54048" y="140"/>
                    </a:lnTo>
                    <a:lnTo>
                      <a:pt x="52658" y="232"/>
                    </a:lnTo>
                    <a:lnTo>
                      <a:pt x="51362" y="371"/>
                    </a:lnTo>
                    <a:lnTo>
                      <a:pt x="50157" y="510"/>
                    </a:lnTo>
                    <a:lnTo>
                      <a:pt x="49046" y="695"/>
                    </a:lnTo>
                    <a:lnTo>
                      <a:pt x="48073" y="927"/>
                    </a:lnTo>
                    <a:lnTo>
                      <a:pt x="47147" y="1205"/>
                    </a:lnTo>
                    <a:lnTo>
                      <a:pt x="43674" y="2270"/>
                    </a:lnTo>
                    <a:lnTo>
                      <a:pt x="40015" y="3335"/>
                    </a:lnTo>
                    <a:lnTo>
                      <a:pt x="36171" y="4400"/>
                    </a:lnTo>
                    <a:lnTo>
                      <a:pt x="32234" y="5419"/>
                    </a:lnTo>
                    <a:lnTo>
                      <a:pt x="28298" y="6392"/>
                    </a:lnTo>
                    <a:lnTo>
                      <a:pt x="24361" y="7318"/>
                    </a:lnTo>
                    <a:lnTo>
                      <a:pt x="16859" y="9032"/>
                    </a:lnTo>
                    <a:lnTo>
                      <a:pt x="10190" y="10467"/>
                    </a:lnTo>
                    <a:lnTo>
                      <a:pt x="4864" y="11579"/>
                    </a:lnTo>
                    <a:lnTo>
                      <a:pt x="1" y="12551"/>
                    </a:lnTo>
                    <a:lnTo>
                      <a:pt x="1" y="21397"/>
                    </a:lnTo>
                    <a:lnTo>
                      <a:pt x="285056" y="21397"/>
                    </a:lnTo>
                    <a:lnTo>
                      <a:pt x="285056" y="1205"/>
                    </a:lnTo>
                    <a:lnTo>
                      <a:pt x="280934" y="1853"/>
                    </a:lnTo>
                    <a:lnTo>
                      <a:pt x="275840" y="2687"/>
                    </a:lnTo>
                    <a:lnTo>
                      <a:pt x="263382" y="4910"/>
                    </a:lnTo>
                    <a:lnTo>
                      <a:pt x="248700" y="7503"/>
                    </a:lnTo>
                    <a:lnTo>
                      <a:pt x="240874" y="8846"/>
                    </a:lnTo>
                    <a:lnTo>
                      <a:pt x="232861" y="10143"/>
                    </a:lnTo>
                    <a:lnTo>
                      <a:pt x="224849" y="11440"/>
                    </a:lnTo>
                    <a:lnTo>
                      <a:pt x="216884" y="12551"/>
                    </a:lnTo>
                    <a:lnTo>
                      <a:pt x="212993" y="13107"/>
                    </a:lnTo>
                    <a:lnTo>
                      <a:pt x="209196" y="13570"/>
                    </a:lnTo>
                    <a:lnTo>
                      <a:pt x="205491" y="14033"/>
                    </a:lnTo>
                    <a:lnTo>
                      <a:pt x="201878" y="14404"/>
                    </a:lnTo>
                    <a:lnTo>
                      <a:pt x="198405" y="14728"/>
                    </a:lnTo>
                    <a:lnTo>
                      <a:pt x="195070" y="15006"/>
                    </a:lnTo>
                    <a:lnTo>
                      <a:pt x="191875" y="15191"/>
                    </a:lnTo>
                    <a:lnTo>
                      <a:pt x="188864" y="15330"/>
                    </a:lnTo>
                    <a:lnTo>
                      <a:pt x="186039" y="15423"/>
                    </a:lnTo>
                    <a:lnTo>
                      <a:pt x="183446" y="15376"/>
                    </a:lnTo>
                    <a:lnTo>
                      <a:pt x="181037" y="15284"/>
                    </a:lnTo>
                    <a:lnTo>
                      <a:pt x="179926" y="15191"/>
                    </a:lnTo>
                    <a:lnTo>
                      <a:pt x="178907" y="15052"/>
                    </a:lnTo>
                    <a:lnTo>
                      <a:pt x="174044" y="14404"/>
                    </a:lnTo>
                    <a:lnTo>
                      <a:pt x="167746" y="13478"/>
                    </a:lnTo>
                    <a:lnTo>
                      <a:pt x="151721" y="10977"/>
                    </a:lnTo>
                    <a:lnTo>
                      <a:pt x="142366" y="9495"/>
                    </a:lnTo>
                    <a:lnTo>
                      <a:pt x="132455" y="8013"/>
                    </a:lnTo>
                    <a:lnTo>
                      <a:pt x="122128" y="6484"/>
                    </a:lnTo>
                    <a:lnTo>
                      <a:pt x="111661" y="4956"/>
                    </a:lnTo>
                    <a:lnTo>
                      <a:pt x="101194" y="3567"/>
                    </a:lnTo>
                    <a:lnTo>
                      <a:pt x="96053" y="2965"/>
                    </a:lnTo>
                    <a:lnTo>
                      <a:pt x="91005" y="2363"/>
                    </a:lnTo>
                    <a:lnTo>
                      <a:pt x="86096" y="1807"/>
                    </a:lnTo>
                    <a:lnTo>
                      <a:pt x="81280" y="1344"/>
                    </a:lnTo>
                    <a:lnTo>
                      <a:pt x="76695" y="881"/>
                    </a:lnTo>
                    <a:lnTo>
                      <a:pt x="72249" y="556"/>
                    </a:lnTo>
                    <a:lnTo>
                      <a:pt x="68081" y="279"/>
                    </a:lnTo>
                    <a:lnTo>
                      <a:pt x="64098" y="93"/>
                    </a:lnTo>
                    <a:lnTo>
                      <a:pt x="60439" y="1"/>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455" name="Google Shape;455;p30"/>
            <p:cNvSpPr/>
            <p:nvPr/>
          </p:nvSpPr>
          <p:spPr>
            <a:xfrm flipH="1">
              <a:off x="9" y="4618023"/>
              <a:ext cx="9143916" cy="531181"/>
            </a:xfrm>
            <a:custGeom>
              <a:avLst/>
              <a:gdLst/>
              <a:ahLst/>
              <a:cxnLst/>
              <a:rect l="l" t="t" r="r" b="b"/>
              <a:pathLst>
                <a:path w="285057" h="21397" extrusionOk="0">
                  <a:moveTo>
                    <a:pt x="60439" y="1"/>
                  </a:moveTo>
                  <a:lnTo>
                    <a:pt x="57058" y="47"/>
                  </a:lnTo>
                  <a:lnTo>
                    <a:pt x="55530" y="47"/>
                  </a:lnTo>
                  <a:lnTo>
                    <a:pt x="54048" y="140"/>
                  </a:lnTo>
                  <a:lnTo>
                    <a:pt x="52658" y="232"/>
                  </a:lnTo>
                  <a:lnTo>
                    <a:pt x="51362" y="371"/>
                  </a:lnTo>
                  <a:lnTo>
                    <a:pt x="50157" y="510"/>
                  </a:lnTo>
                  <a:lnTo>
                    <a:pt x="49046" y="695"/>
                  </a:lnTo>
                  <a:lnTo>
                    <a:pt x="48073" y="927"/>
                  </a:lnTo>
                  <a:lnTo>
                    <a:pt x="47147" y="1205"/>
                  </a:lnTo>
                  <a:lnTo>
                    <a:pt x="43674" y="2270"/>
                  </a:lnTo>
                  <a:lnTo>
                    <a:pt x="40015" y="3335"/>
                  </a:lnTo>
                  <a:lnTo>
                    <a:pt x="36171" y="4400"/>
                  </a:lnTo>
                  <a:lnTo>
                    <a:pt x="32234" y="5419"/>
                  </a:lnTo>
                  <a:lnTo>
                    <a:pt x="28298" y="6392"/>
                  </a:lnTo>
                  <a:lnTo>
                    <a:pt x="24361" y="7318"/>
                  </a:lnTo>
                  <a:lnTo>
                    <a:pt x="16859" y="9032"/>
                  </a:lnTo>
                  <a:lnTo>
                    <a:pt x="10190" y="10467"/>
                  </a:lnTo>
                  <a:lnTo>
                    <a:pt x="4864" y="11579"/>
                  </a:lnTo>
                  <a:lnTo>
                    <a:pt x="1" y="12551"/>
                  </a:lnTo>
                  <a:lnTo>
                    <a:pt x="1" y="21397"/>
                  </a:lnTo>
                  <a:lnTo>
                    <a:pt x="285056" y="21397"/>
                  </a:lnTo>
                  <a:lnTo>
                    <a:pt x="285056" y="1205"/>
                  </a:lnTo>
                  <a:lnTo>
                    <a:pt x="280934" y="1853"/>
                  </a:lnTo>
                  <a:lnTo>
                    <a:pt x="275840" y="2687"/>
                  </a:lnTo>
                  <a:lnTo>
                    <a:pt x="263382" y="4910"/>
                  </a:lnTo>
                  <a:lnTo>
                    <a:pt x="248700" y="7503"/>
                  </a:lnTo>
                  <a:lnTo>
                    <a:pt x="240874" y="8846"/>
                  </a:lnTo>
                  <a:lnTo>
                    <a:pt x="232861" y="10143"/>
                  </a:lnTo>
                  <a:lnTo>
                    <a:pt x="224849" y="11440"/>
                  </a:lnTo>
                  <a:lnTo>
                    <a:pt x="216884" y="12551"/>
                  </a:lnTo>
                  <a:lnTo>
                    <a:pt x="212993" y="13107"/>
                  </a:lnTo>
                  <a:lnTo>
                    <a:pt x="209196" y="13570"/>
                  </a:lnTo>
                  <a:lnTo>
                    <a:pt x="205491" y="14033"/>
                  </a:lnTo>
                  <a:lnTo>
                    <a:pt x="201878" y="14404"/>
                  </a:lnTo>
                  <a:lnTo>
                    <a:pt x="198405" y="14728"/>
                  </a:lnTo>
                  <a:lnTo>
                    <a:pt x="195070" y="15006"/>
                  </a:lnTo>
                  <a:lnTo>
                    <a:pt x="191875" y="15191"/>
                  </a:lnTo>
                  <a:lnTo>
                    <a:pt x="188864" y="15330"/>
                  </a:lnTo>
                  <a:lnTo>
                    <a:pt x="186039" y="15423"/>
                  </a:lnTo>
                  <a:lnTo>
                    <a:pt x="183446" y="15376"/>
                  </a:lnTo>
                  <a:lnTo>
                    <a:pt x="181037" y="15284"/>
                  </a:lnTo>
                  <a:lnTo>
                    <a:pt x="179926" y="15191"/>
                  </a:lnTo>
                  <a:lnTo>
                    <a:pt x="178907" y="15052"/>
                  </a:lnTo>
                  <a:lnTo>
                    <a:pt x="174044" y="14404"/>
                  </a:lnTo>
                  <a:lnTo>
                    <a:pt x="167746" y="13478"/>
                  </a:lnTo>
                  <a:lnTo>
                    <a:pt x="151721" y="10977"/>
                  </a:lnTo>
                  <a:lnTo>
                    <a:pt x="142366" y="9495"/>
                  </a:lnTo>
                  <a:lnTo>
                    <a:pt x="132455" y="8013"/>
                  </a:lnTo>
                  <a:lnTo>
                    <a:pt x="122128" y="6484"/>
                  </a:lnTo>
                  <a:lnTo>
                    <a:pt x="111661" y="4956"/>
                  </a:lnTo>
                  <a:lnTo>
                    <a:pt x="101194" y="3567"/>
                  </a:lnTo>
                  <a:lnTo>
                    <a:pt x="96053" y="2965"/>
                  </a:lnTo>
                  <a:lnTo>
                    <a:pt x="91005" y="2363"/>
                  </a:lnTo>
                  <a:lnTo>
                    <a:pt x="86096" y="1807"/>
                  </a:lnTo>
                  <a:lnTo>
                    <a:pt x="81280" y="1344"/>
                  </a:lnTo>
                  <a:lnTo>
                    <a:pt x="76695" y="881"/>
                  </a:lnTo>
                  <a:lnTo>
                    <a:pt x="72249" y="556"/>
                  </a:lnTo>
                  <a:lnTo>
                    <a:pt x="68081" y="279"/>
                  </a:lnTo>
                  <a:lnTo>
                    <a:pt x="64098" y="93"/>
                  </a:lnTo>
                  <a:lnTo>
                    <a:pt x="60439" y="1"/>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456" name="Google Shape;456;p30"/>
          <p:cNvSpPr/>
          <p:nvPr/>
        </p:nvSpPr>
        <p:spPr>
          <a:xfrm>
            <a:off x="18952944" y="8182251"/>
            <a:ext cx="1026667" cy="3005222"/>
          </a:xfrm>
          <a:custGeom>
            <a:avLst/>
            <a:gdLst/>
            <a:ahLst/>
            <a:cxnLst/>
            <a:rect l="l" t="t" r="r" b="b"/>
            <a:pathLst>
              <a:path w="18480" h="54094" extrusionOk="0">
                <a:moveTo>
                  <a:pt x="2177" y="27464"/>
                </a:moveTo>
                <a:lnTo>
                  <a:pt x="2363" y="27973"/>
                </a:lnTo>
                <a:lnTo>
                  <a:pt x="2594" y="28436"/>
                </a:lnTo>
                <a:lnTo>
                  <a:pt x="2872" y="28853"/>
                </a:lnTo>
                <a:lnTo>
                  <a:pt x="3243" y="29224"/>
                </a:lnTo>
                <a:lnTo>
                  <a:pt x="3613" y="29548"/>
                </a:lnTo>
                <a:lnTo>
                  <a:pt x="4122" y="29779"/>
                </a:lnTo>
                <a:lnTo>
                  <a:pt x="4632" y="30011"/>
                </a:lnTo>
                <a:lnTo>
                  <a:pt x="5188" y="30196"/>
                </a:lnTo>
                <a:lnTo>
                  <a:pt x="5327" y="31539"/>
                </a:lnTo>
                <a:lnTo>
                  <a:pt x="4863" y="31493"/>
                </a:lnTo>
                <a:lnTo>
                  <a:pt x="4447" y="31400"/>
                </a:lnTo>
                <a:lnTo>
                  <a:pt x="3984" y="31261"/>
                </a:lnTo>
                <a:lnTo>
                  <a:pt x="3613" y="31076"/>
                </a:lnTo>
                <a:lnTo>
                  <a:pt x="3243" y="30845"/>
                </a:lnTo>
                <a:lnTo>
                  <a:pt x="2918" y="30613"/>
                </a:lnTo>
                <a:lnTo>
                  <a:pt x="2687" y="30335"/>
                </a:lnTo>
                <a:lnTo>
                  <a:pt x="2502" y="30011"/>
                </a:lnTo>
                <a:lnTo>
                  <a:pt x="2409" y="29733"/>
                </a:lnTo>
                <a:lnTo>
                  <a:pt x="2316" y="29455"/>
                </a:lnTo>
                <a:lnTo>
                  <a:pt x="2224" y="28807"/>
                </a:lnTo>
                <a:lnTo>
                  <a:pt x="2224" y="28158"/>
                </a:lnTo>
                <a:lnTo>
                  <a:pt x="2177" y="27464"/>
                </a:lnTo>
                <a:close/>
                <a:moveTo>
                  <a:pt x="7457" y="1"/>
                </a:moveTo>
                <a:lnTo>
                  <a:pt x="7179" y="47"/>
                </a:lnTo>
                <a:lnTo>
                  <a:pt x="6901" y="140"/>
                </a:lnTo>
                <a:lnTo>
                  <a:pt x="6670" y="278"/>
                </a:lnTo>
                <a:lnTo>
                  <a:pt x="6484" y="510"/>
                </a:lnTo>
                <a:lnTo>
                  <a:pt x="6299" y="881"/>
                </a:lnTo>
                <a:lnTo>
                  <a:pt x="6114" y="1251"/>
                </a:lnTo>
                <a:lnTo>
                  <a:pt x="5882" y="2038"/>
                </a:lnTo>
                <a:lnTo>
                  <a:pt x="5697" y="2826"/>
                </a:lnTo>
                <a:lnTo>
                  <a:pt x="5604" y="3613"/>
                </a:lnTo>
                <a:lnTo>
                  <a:pt x="5558" y="4400"/>
                </a:lnTo>
                <a:lnTo>
                  <a:pt x="5558" y="5234"/>
                </a:lnTo>
                <a:lnTo>
                  <a:pt x="5558" y="6901"/>
                </a:lnTo>
                <a:lnTo>
                  <a:pt x="5558" y="10004"/>
                </a:lnTo>
                <a:lnTo>
                  <a:pt x="5604" y="13107"/>
                </a:lnTo>
                <a:lnTo>
                  <a:pt x="5651" y="14913"/>
                </a:lnTo>
                <a:lnTo>
                  <a:pt x="5604" y="16719"/>
                </a:lnTo>
                <a:lnTo>
                  <a:pt x="5558" y="18479"/>
                </a:lnTo>
                <a:lnTo>
                  <a:pt x="5466" y="19405"/>
                </a:lnTo>
                <a:lnTo>
                  <a:pt x="5327" y="20285"/>
                </a:lnTo>
                <a:lnTo>
                  <a:pt x="5095" y="21860"/>
                </a:lnTo>
                <a:lnTo>
                  <a:pt x="4817" y="23388"/>
                </a:lnTo>
                <a:lnTo>
                  <a:pt x="4771" y="24176"/>
                </a:lnTo>
                <a:lnTo>
                  <a:pt x="4725" y="24963"/>
                </a:lnTo>
                <a:lnTo>
                  <a:pt x="4725" y="25750"/>
                </a:lnTo>
                <a:lnTo>
                  <a:pt x="4817" y="26538"/>
                </a:lnTo>
                <a:lnTo>
                  <a:pt x="4910" y="27603"/>
                </a:lnTo>
                <a:lnTo>
                  <a:pt x="4539" y="27047"/>
                </a:lnTo>
                <a:lnTo>
                  <a:pt x="4261" y="26445"/>
                </a:lnTo>
                <a:lnTo>
                  <a:pt x="4030" y="25797"/>
                </a:lnTo>
                <a:lnTo>
                  <a:pt x="3891" y="25195"/>
                </a:lnTo>
                <a:lnTo>
                  <a:pt x="3845" y="24546"/>
                </a:lnTo>
                <a:lnTo>
                  <a:pt x="3798" y="23851"/>
                </a:lnTo>
                <a:lnTo>
                  <a:pt x="3845" y="22416"/>
                </a:lnTo>
                <a:lnTo>
                  <a:pt x="3798" y="21721"/>
                </a:lnTo>
                <a:lnTo>
                  <a:pt x="3752" y="21397"/>
                </a:lnTo>
                <a:lnTo>
                  <a:pt x="3659" y="21073"/>
                </a:lnTo>
                <a:lnTo>
                  <a:pt x="3567" y="20795"/>
                </a:lnTo>
                <a:lnTo>
                  <a:pt x="3428" y="20517"/>
                </a:lnTo>
                <a:lnTo>
                  <a:pt x="3243" y="20285"/>
                </a:lnTo>
                <a:lnTo>
                  <a:pt x="3011" y="20054"/>
                </a:lnTo>
                <a:lnTo>
                  <a:pt x="2965" y="20008"/>
                </a:lnTo>
                <a:lnTo>
                  <a:pt x="2872" y="20054"/>
                </a:lnTo>
                <a:lnTo>
                  <a:pt x="2502" y="20332"/>
                </a:lnTo>
                <a:lnTo>
                  <a:pt x="2224" y="20656"/>
                </a:lnTo>
                <a:lnTo>
                  <a:pt x="1992" y="21026"/>
                </a:lnTo>
                <a:lnTo>
                  <a:pt x="1853" y="21490"/>
                </a:lnTo>
                <a:lnTo>
                  <a:pt x="1761" y="21953"/>
                </a:lnTo>
                <a:lnTo>
                  <a:pt x="1714" y="22416"/>
                </a:lnTo>
                <a:lnTo>
                  <a:pt x="1668" y="22925"/>
                </a:lnTo>
                <a:lnTo>
                  <a:pt x="1668" y="23435"/>
                </a:lnTo>
                <a:lnTo>
                  <a:pt x="1483" y="22694"/>
                </a:lnTo>
                <a:lnTo>
                  <a:pt x="1297" y="21953"/>
                </a:lnTo>
                <a:lnTo>
                  <a:pt x="1020" y="21212"/>
                </a:lnTo>
                <a:lnTo>
                  <a:pt x="742" y="20424"/>
                </a:lnTo>
                <a:lnTo>
                  <a:pt x="695" y="20378"/>
                </a:lnTo>
                <a:lnTo>
                  <a:pt x="603" y="20424"/>
                </a:lnTo>
                <a:lnTo>
                  <a:pt x="371" y="21397"/>
                </a:lnTo>
                <a:lnTo>
                  <a:pt x="232" y="22323"/>
                </a:lnTo>
                <a:lnTo>
                  <a:pt x="93" y="23296"/>
                </a:lnTo>
                <a:lnTo>
                  <a:pt x="1" y="24268"/>
                </a:lnTo>
                <a:lnTo>
                  <a:pt x="1" y="25195"/>
                </a:lnTo>
                <a:lnTo>
                  <a:pt x="1" y="26167"/>
                </a:lnTo>
                <a:lnTo>
                  <a:pt x="47" y="28158"/>
                </a:lnTo>
                <a:lnTo>
                  <a:pt x="140" y="28853"/>
                </a:lnTo>
                <a:lnTo>
                  <a:pt x="186" y="29455"/>
                </a:lnTo>
                <a:lnTo>
                  <a:pt x="325" y="30057"/>
                </a:lnTo>
                <a:lnTo>
                  <a:pt x="510" y="30567"/>
                </a:lnTo>
                <a:lnTo>
                  <a:pt x="788" y="31030"/>
                </a:lnTo>
                <a:lnTo>
                  <a:pt x="1112" y="31493"/>
                </a:lnTo>
                <a:lnTo>
                  <a:pt x="1575" y="31863"/>
                </a:lnTo>
                <a:lnTo>
                  <a:pt x="2177" y="32234"/>
                </a:lnTo>
                <a:lnTo>
                  <a:pt x="2548" y="32419"/>
                </a:lnTo>
                <a:lnTo>
                  <a:pt x="2918" y="32604"/>
                </a:lnTo>
                <a:lnTo>
                  <a:pt x="3752" y="32836"/>
                </a:lnTo>
                <a:lnTo>
                  <a:pt x="4586" y="33021"/>
                </a:lnTo>
                <a:lnTo>
                  <a:pt x="5002" y="33068"/>
                </a:lnTo>
                <a:lnTo>
                  <a:pt x="5419" y="33068"/>
                </a:lnTo>
                <a:lnTo>
                  <a:pt x="5466" y="34503"/>
                </a:lnTo>
                <a:lnTo>
                  <a:pt x="5466" y="35985"/>
                </a:lnTo>
                <a:lnTo>
                  <a:pt x="5466" y="37514"/>
                </a:lnTo>
                <a:lnTo>
                  <a:pt x="5419" y="39042"/>
                </a:lnTo>
                <a:lnTo>
                  <a:pt x="5141" y="45711"/>
                </a:lnTo>
                <a:lnTo>
                  <a:pt x="5002" y="47517"/>
                </a:lnTo>
                <a:lnTo>
                  <a:pt x="4863" y="49370"/>
                </a:lnTo>
                <a:lnTo>
                  <a:pt x="4863" y="50249"/>
                </a:lnTo>
                <a:lnTo>
                  <a:pt x="4863" y="51176"/>
                </a:lnTo>
                <a:lnTo>
                  <a:pt x="4863" y="52056"/>
                </a:lnTo>
                <a:lnTo>
                  <a:pt x="5002" y="52936"/>
                </a:lnTo>
                <a:lnTo>
                  <a:pt x="5095" y="53260"/>
                </a:lnTo>
                <a:lnTo>
                  <a:pt x="5234" y="53538"/>
                </a:lnTo>
                <a:lnTo>
                  <a:pt x="5419" y="53769"/>
                </a:lnTo>
                <a:lnTo>
                  <a:pt x="5697" y="53908"/>
                </a:lnTo>
                <a:lnTo>
                  <a:pt x="5975" y="54001"/>
                </a:lnTo>
                <a:lnTo>
                  <a:pt x="6299" y="54093"/>
                </a:lnTo>
                <a:lnTo>
                  <a:pt x="6948" y="54093"/>
                </a:lnTo>
                <a:lnTo>
                  <a:pt x="7272" y="54047"/>
                </a:lnTo>
                <a:lnTo>
                  <a:pt x="7596" y="53954"/>
                </a:lnTo>
                <a:lnTo>
                  <a:pt x="7874" y="53816"/>
                </a:lnTo>
                <a:lnTo>
                  <a:pt x="8105" y="53677"/>
                </a:lnTo>
                <a:lnTo>
                  <a:pt x="8337" y="53538"/>
                </a:lnTo>
                <a:lnTo>
                  <a:pt x="8476" y="53352"/>
                </a:lnTo>
                <a:lnTo>
                  <a:pt x="8568" y="53121"/>
                </a:lnTo>
                <a:lnTo>
                  <a:pt x="8568" y="52936"/>
                </a:lnTo>
                <a:lnTo>
                  <a:pt x="8754" y="52102"/>
                </a:lnTo>
                <a:lnTo>
                  <a:pt x="8939" y="51315"/>
                </a:lnTo>
                <a:lnTo>
                  <a:pt x="9171" y="49647"/>
                </a:lnTo>
                <a:lnTo>
                  <a:pt x="9310" y="47980"/>
                </a:lnTo>
                <a:lnTo>
                  <a:pt x="9356" y="46267"/>
                </a:lnTo>
                <a:lnTo>
                  <a:pt x="9402" y="42840"/>
                </a:lnTo>
                <a:lnTo>
                  <a:pt x="9448" y="41172"/>
                </a:lnTo>
                <a:lnTo>
                  <a:pt x="9495" y="39551"/>
                </a:lnTo>
                <a:lnTo>
                  <a:pt x="9541" y="38255"/>
                </a:lnTo>
                <a:lnTo>
                  <a:pt x="10282" y="38255"/>
                </a:lnTo>
                <a:lnTo>
                  <a:pt x="10699" y="38162"/>
                </a:lnTo>
                <a:lnTo>
                  <a:pt x="11162" y="38069"/>
                </a:lnTo>
                <a:lnTo>
                  <a:pt x="11579" y="37977"/>
                </a:lnTo>
                <a:lnTo>
                  <a:pt x="11996" y="37838"/>
                </a:lnTo>
                <a:lnTo>
                  <a:pt x="12366" y="37653"/>
                </a:lnTo>
                <a:lnTo>
                  <a:pt x="12737" y="37467"/>
                </a:lnTo>
                <a:lnTo>
                  <a:pt x="13107" y="37236"/>
                </a:lnTo>
                <a:lnTo>
                  <a:pt x="13478" y="36958"/>
                </a:lnTo>
                <a:lnTo>
                  <a:pt x="13802" y="36726"/>
                </a:lnTo>
                <a:lnTo>
                  <a:pt x="14080" y="36402"/>
                </a:lnTo>
                <a:lnTo>
                  <a:pt x="14358" y="36078"/>
                </a:lnTo>
                <a:lnTo>
                  <a:pt x="14635" y="35754"/>
                </a:lnTo>
                <a:lnTo>
                  <a:pt x="14867" y="35383"/>
                </a:lnTo>
                <a:lnTo>
                  <a:pt x="15099" y="34966"/>
                </a:lnTo>
                <a:lnTo>
                  <a:pt x="15284" y="34550"/>
                </a:lnTo>
                <a:lnTo>
                  <a:pt x="15562" y="33901"/>
                </a:lnTo>
                <a:lnTo>
                  <a:pt x="15840" y="33207"/>
                </a:lnTo>
                <a:lnTo>
                  <a:pt x="16303" y="31863"/>
                </a:lnTo>
                <a:lnTo>
                  <a:pt x="17136" y="29085"/>
                </a:lnTo>
                <a:lnTo>
                  <a:pt x="17553" y="27788"/>
                </a:lnTo>
                <a:lnTo>
                  <a:pt x="17970" y="26538"/>
                </a:lnTo>
                <a:lnTo>
                  <a:pt x="18155" y="25889"/>
                </a:lnTo>
                <a:lnTo>
                  <a:pt x="18294" y="25241"/>
                </a:lnTo>
                <a:lnTo>
                  <a:pt x="18433" y="24592"/>
                </a:lnTo>
                <a:lnTo>
                  <a:pt x="18479" y="23898"/>
                </a:lnTo>
                <a:lnTo>
                  <a:pt x="18479" y="23620"/>
                </a:lnTo>
                <a:lnTo>
                  <a:pt x="18433" y="23157"/>
                </a:lnTo>
                <a:lnTo>
                  <a:pt x="18340" y="22601"/>
                </a:lnTo>
                <a:lnTo>
                  <a:pt x="18202" y="21999"/>
                </a:lnTo>
                <a:lnTo>
                  <a:pt x="17970" y="21443"/>
                </a:lnTo>
                <a:lnTo>
                  <a:pt x="17831" y="21212"/>
                </a:lnTo>
                <a:lnTo>
                  <a:pt x="17692" y="21026"/>
                </a:lnTo>
                <a:lnTo>
                  <a:pt x="17507" y="20887"/>
                </a:lnTo>
                <a:lnTo>
                  <a:pt x="17322" y="20795"/>
                </a:lnTo>
                <a:lnTo>
                  <a:pt x="17090" y="20841"/>
                </a:lnTo>
                <a:lnTo>
                  <a:pt x="16858" y="20934"/>
                </a:lnTo>
                <a:lnTo>
                  <a:pt x="16442" y="21212"/>
                </a:lnTo>
                <a:lnTo>
                  <a:pt x="16117" y="21490"/>
                </a:lnTo>
                <a:lnTo>
                  <a:pt x="15886" y="21767"/>
                </a:lnTo>
                <a:lnTo>
                  <a:pt x="15701" y="22092"/>
                </a:lnTo>
                <a:lnTo>
                  <a:pt x="15515" y="22416"/>
                </a:lnTo>
                <a:lnTo>
                  <a:pt x="15423" y="22833"/>
                </a:lnTo>
                <a:lnTo>
                  <a:pt x="15191" y="23759"/>
                </a:lnTo>
                <a:lnTo>
                  <a:pt x="14821" y="25195"/>
                </a:lnTo>
                <a:lnTo>
                  <a:pt x="14404" y="26630"/>
                </a:lnTo>
                <a:lnTo>
                  <a:pt x="13524" y="29502"/>
                </a:lnTo>
                <a:lnTo>
                  <a:pt x="12876" y="31771"/>
                </a:lnTo>
                <a:lnTo>
                  <a:pt x="12505" y="32882"/>
                </a:lnTo>
                <a:lnTo>
                  <a:pt x="12274" y="33438"/>
                </a:lnTo>
                <a:lnTo>
                  <a:pt x="12042" y="33994"/>
                </a:lnTo>
                <a:lnTo>
                  <a:pt x="11857" y="34411"/>
                </a:lnTo>
                <a:lnTo>
                  <a:pt x="11579" y="34781"/>
                </a:lnTo>
                <a:lnTo>
                  <a:pt x="11347" y="35105"/>
                </a:lnTo>
                <a:lnTo>
                  <a:pt x="11069" y="35337"/>
                </a:lnTo>
                <a:lnTo>
                  <a:pt x="10745" y="35568"/>
                </a:lnTo>
                <a:lnTo>
                  <a:pt x="10375" y="35707"/>
                </a:lnTo>
                <a:lnTo>
                  <a:pt x="10004" y="35846"/>
                </a:lnTo>
                <a:lnTo>
                  <a:pt x="9587" y="35939"/>
                </a:lnTo>
                <a:lnTo>
                  <a:pt x="9587" y="33716"/>
                </a:lnTo>
                <a:lnTo>
                  <a:pt x="9495" y="31493"/>
                </a:lnTo>
                <a:lnTo>
                  <a:pt x="9310" y="29270"/>
                </a:lnTo>
                <a:lnTo>
                  <a:pt x="9078" y="27047"/>
                </a:lnTo>
                <a:lnTo>
                  <a:pt x="8985" y="26213"/>
                </a:lnTo>
                <a:lnTo>
                  <a:pt x="8939" y="25426"/>
                </a:lnTo>
                <a:lnTo>
                  <a:pt x="8939" y="24639"/>
                </a:lnTo>
                <a:lnTo>
                  <a:pt x="8985" y="23898"/>
                </a:lnTo>
                <a:lnTo>
                  <a:pt x="9171" y="22369"/>
                </a:lnTo>
                <a:lnTo>
                  <a:pt x="9448" y="20749"/>
                </a:lnTo>
                <a:lnTo>
                  <a:pt x="9587" y="19915"/>
                </a:lnTo>
                <a:lnTo>
                  <a:pt x="9680" y="19128"/>
                </a:lnTo>
                <a:lnTo>
                  <a:pt x="9819" y="17460"/>
                </a:lnTo>
                <a:lnTo>
                  <a:pt x="9865" y="15793"/>
                </a:lnTo>
                <a:lnTo>
                  <a:pt x="9865" y="14126"/>
                </a:lnTo>
                <a:lnTo>
                  <a:pt x="9773" y="10513"/>
                </a:lnTo>
                <a:lnTo>
                  <a:pt x="9634" y="6901"/>
                </a:lnTo>
                <a:lnTo>
                  <a:pt x="9587" y="5234"/>
                </a:lnTo>
                <a:lnTo>
                  <a:pt x="9541" y="4400"/>
                </a:lnTo>
                <a:lnTo>
                  <a:pt x="9448" y="3613"/>
                </a:lnTo>
                <a:lnTo>
                  <a:pt x="9310" y="2779"/>
                </a:lnTo>
                <a:lnTo>
                  <a:pt x="9124" y="1992"/>
                </a:lnTo>
                <a:lnTo>
                  <a:pt x="8846" y="1251"/>
                </a:lnTo>
                <a:lnTo>
                  <a:pt x="8661" y="881"/>
                </a:lnTo>
                <a:lnTo>
                  <a:pt x="8430" y="510"/>
                </a:lnTo>
                <a:lnTo>
                  <a:pt x="8244" y="278"/>
                </a:lnTo>
                <a:lnTo>
                  <a:pt x="8013" y="140"/>
                </a:lnTo>
                <a:lnTo>
                  <a:pt x="7735" y="47"/>
                </a:lnTo>
                <a:lnTo>
                  <a:pt x="7457" y="1"/>
                </a:lnTo>
                <a:close/>
              </a:path>
            </a:pathLst>
          </a:custGeom>
          <a:solidFill>
            <a:schemeClr val="dk1"/>
          </a:solidFill>
          <a:ln>
            <a:noFill/>
          </a:ln>
        </p:spPr>
        <p:txBody>
          <a:bodyPr spcFirstLastPara="1" wrap="square" lIns="203167" tIns="203167" rIns="203167" bIns="203167" anchor="ctr" anchorCtr="0">
            <a:noAutofit/>
          </a:bodyPr>
          <a:lstStyle/>
          <a:p>
            <a:pPr marL="0" lvl="0" indent="0" algn="l" rtl="0">
              <a:spcBef>
                <a:spcPts val="0"/>
              </a:spcBef>
              <a:spcAft>
                <a:spcPts val="0"/>
              </a:spcAft>
              <a:buNone/>
            </a:pPr>
            <a:endParaRPr sz="6000"/>
          </a:p>
        </p:txBody>
      </p:sp>
    </p:spTree>
    <p:extLst>
      <p:ext uri="{BB962C8B-B14F-4D97-AF65-F5344CB8AC3E}">
        <p14:creationId xmlns:p14="http://schemas.microsoft.com/office/powerpoint/2010/main" val="745218287"/>
      </p:ext>
    </p:extLst>
  </p:cSld>
  <p:clrMapOvr>
    <a:masterClrMapping/>
  </p:clrMapOvr>
</p:sldLayout>
</file>

<file path=ppt/slideLayouts/slideLayout113.xml><?xml version="1.0" encoding="utf-8"?>
<p:sldLayout xmlns:a="http://schemas.openxmlformats.org/drawingml/2006/main" xmlns:r="http://schemas.openxmlformats.org/officeDocument/2006/relationships" xmlns:p="http://schemas.openxmlformats.org/presentationml/2006/main" matchingName="Title and five columns">
  <p:cSld name="Title and five columns">
    <p:spTree>
      <p:nvGrpSpPr>
        <p:cNvPr id="1" name="Shape 457"/>
        <p:cNvGrpSpPr/>
        <p:nvPr/>
      </p:nvGrpSpPr>
      <p:grpSpPr>
        <a:xfrm>
          <a:off x="0" y="0"/>
          <a:ext cx="0" cy="0"/>
          <a:chOff x="0" y="0"/>
          <a:chExt cx="0" cy="0"/>
        </a:xfrm>
      </p:grpSpPr>
      <p:pic>
        <p:nvPicPr>
          <p:cNvPr id="458" name="Google Shape;458;p31"/>
          <p:cNvPicPr preferRelativeResize="0"/>
          <p:nvPr/>
        </p:nvPicPr>
        <p:blipFill rotWithShape="1">
          <a:blip r:embed="rId2">
            <a:alphaModFix amt="58999"/>
          </a:blip>
          <a:srcRect/>
          <a:stretch/>
        </p:blipFill>
        <p:spPr>
          <a:xfrm>
            <a:off x="0" y="0"/>
            <a:ext cx="20320000" cy="11430000"/>
          </a:xfrm>
          <a:prstGeom prst="rect">
            <a:avLst/>
          </a:prstGeom>
          <a:noFill/>
          <a:ln>
            <a:noFill/>
          </a:ln>
        </p:spPr>
      </p:pic>
      <p:grpSp>
        <p:nvGrpSpPr>
          <p:cNvPr id="459" name="Google Shape;459;p31"/>
          <p:cNvGrpSpPr/>
          <p:nvPr/>
        </p:nvGrpSpPr>
        <p:grpSpPr>
          <a:xfrm>
            <a:off x="0" y="10055611"/>
            <a:ext cx="20320000" cy="1386573"/>
            <a:chOff x="0" y="4167674"/>
            <a:chExt cx="9144000" cy="981530"/>
          </a:xfrm>
        </p:grpSpPr>
        <p:grpSp>
          <p:nvGrpSpPr>
            <p:cNvPr id="460" name="Google Shape;460;p31"/>
            <p:cNvGrpSpPr/>
            <p:nvPr/>
          </p:nvGrpSpPr>
          <p:grpSpPr>
            <a:xfrm>
              <a:off x="0" y="4167674"/>
              <a:ext cx="9144000" cy="956028"/>
              <a:chOff x="0" y="4472474"/>
              <a:chExt cx="9144000" cy="956028"/>
            </a:xfrm>
          </p:grpSpPr>
          <p:sp>
            <p:nvSpPr>
              <p:cNvPr id="461" name="Google Shape;461;p31"/>
              <p:cNvSpPr/>
              <p:nvPr/>
            </p:nvSpPr>
            <p:spPr>
              <a:xfrm>
                <a:off x="0" y="4472474"/>
                <a:ext cx="9144000" cy="955987"/>
              </a:xfrm>
              <a:custGeom>
                <a:avLst/>
                <a:gdLst/>
                <a:ahLst/>
                <a:cxnLst/>
                <a:rect l="l" t="t" r="r" b="b"/>
                <a:pathLst>
                  <a:path w="285750" h="81326" extrusionOk="0">
                    <a:moveTo>
                      <a:pt x="84150" y="1"/>
                    </a:moveTo>
                    <a:lnTo>
                      <a:pt x="83270" y="47"/>
                    </a:lnTo>
                    <a:lnTo>
                      <a:pt x="82437" y="186"/>
                    </a:lnTo>
                    <a:lnTo>
                      <a:pt x="80723" y="464"/>
                    </a:lnTo>
                    <a:lnTo>
                      <a:pt x="78917" y="835"/>
                    </a:lnTo>
                    <a:lnTo>
                      <a:pt x="77111" y="1205"/>
                    </a:lnTo>
                    <a:lnTo>
                      <a:pt x="75258" y="1668"/>
                    </a:lnTo>
                    <a:lnTo>
                      <a:pt x="73359" y="2178"/>
                    </a:lnTo>
                    <a:lnTo>
                      <a:pt x="71414" y="2687"/>
                    </a:lnTo>
                    <a:lnTo>
                      <a:pt x="67478" y="3845"/>
                    </a:lnTo>
                    <a:lnTo>
                      <a:pt x="63402" y="5095"/>
                    </a:lnTo>
                    <a:lnTo>
                      <a:pt x="59280" y="6438"/>
                    </a:lnTo>
                    <a:lnTo>
                      <a:pt x="51037" y="9217"/>
                    </a:lnTo>
                    <a:lnTo>
                      <a:pt x="46961" y="10606"/>
                    </a:lnTo>
                    <a:lnTo>
                      <a:pt x="42932" y="11950"/>
                    </a:lnTo>
                    <a:lnTo>
                      <a:pt x="39042" y="13154"/>
                    </a:lnTo>
                    <a:lnTo>
                      <a:pt x="35290" y="14265"/>
                    </a:lnTo>
                    <a:lnTo>
                      <a:pt x="33484" y="14775"/>
                    </a:lnTo>
                    <a:lnTo>
                      <a:pt x="31724" y="15238"/>
                    </a:lnTo>
                    <a:lnTo>
                      <a:pt x="30011" y="15655"/>
                    </a:lnTo>
                    <a:lnTo>
                      <a:pt x="28390" y="16025"/>
                    </a:lnTo>
                    <a:lnTo>
                      <a:pt x="26815" y="16349"/>
                    </a:lnTo>
                    <a:lnTo>
                      <a:pt x="25287" y="16627"/>
                    </a:lnTo>
                    <a:lnTo>
                      <a:pt x="23851" y="16812"/>
                    </a:lnTo>
                    <a:lnTo>
                      <a:pt x="22462" y="16951"/>
                    </a:lnTo>
                    <a:lnTo>
                      <a:pt x="19868" y="17183"/>
                    </a:lnTo>
                    <a:lnTo>
                      <a:pt x="17414" y="17368"/>
                    </a:lnTo>
                    <a:lnTo>
                      <a:pt x="15098" y="17646"/>
                    </a:lnTo>
                    <a:lnTo>
                      <a:pt x="12921" y="17878"/>
                    </a:lnTo>
                    <a:lnTo>
                      <a:pt x="9077" y="18433"/>
                    </a:lnTo>
                    <a:lnTo>
                      <a:pt x="5882" y="18896"/>
                    </a:lnTo>
                    <a:lnTo>
                      <a:pt x="3335" y="19360"/>
                    </a:lnTo>
                    <a:lnTo>
                      <a:pt x="1528" y="19730"/>
                    </a:lnTo>
                    <a:lnTo>
                      <a:pt x="0" y="20101"/>
                    </a:lnTo>
                    <a:lnTo>
                      <a:pt x="0" y="81325"/>
                    </a:lnTo>
                    <a:lnTo>
                      <a:pt x="285750" y="81325"/>
                    </a:lnTo>
                    <a:lnTo>
                      <a:pt x="285750" y="16951"/>
                    </a:lnTo>
                    <a:lnTo>
                      <a:pt x="281906" y="16396"/>
                    </a:lnTo>
                    <a:lnTo>
                      <a:pt x="277460" y="15793"/>
                    </a:lnTo>
                    <a:lnTo>
                      <a:pt x="271578" y="15006"/>
                    </a:lnTo>
                    <a:lnTo>
                      <a:pt x="264492" y="14173"/>
                    </a:lnTo>
                    <a:lnTo>
                      <a:pt x="256388" y="13339"/>
                    </a:lnTo>
                    <a:lnTo>
                      <a:pt x="252034" y="12922"/>
                    </a:lnTo>
                    <a:lnTo>
                      <a:pt x="247496" y="12505"/>
                    </a:lnTo>
                    <a:lnTo>
                      <a:pt x="242818" y="12135"/>
                    </a:lnTo>
                    <a:lnTo>
                      <a:pt x="238002" y="11811"/>
                    </a:lnTo>
                    <a:lnTo>
                      <a:pt x="233139" y="11486"/>
                    </a:lnTo>
                    <a:lnTo>
                      <a:pt x="228137" y="11255"/>
                    </a:lnTo>
                    <a:lnTo>
                      <a:pt x="223135" y="11023"/>
                    </a:lnTo>
                    <a:lnTo>
                      <a:pt x="218133" y="10931"/>
                    </a:lnTo>
                    <a:lnTo>
                      <a:pt x="213132" y="10838"/>
                    </a:lnTo>
                    <a:lnTo>
                      <a:pt x="208130" y="10838"/>
                    </a:lnTo>
                    <a:lnTo>
                      <a:pt x="203221" y="10977"/>
                    </a:lnTo>
                    <a:lnTo>
                      <a:pt x="198404" y="11162"/>
                    </a:lnTo>
                    <a:lnTo>
                      <a:pt x="196042" y="11301"/>
                    </a:lnTo>
                    <a:lnTo>
                      <a:pt x="193680" y="11440"/>
                    </a:lnTo>
                    <a:lnTo>
                      <a:pt x="191365" y="11625"/>
                    </a:lnTo>
                    <a:lnTo>
                      <a:pt x="189141" y="11857"/>
                    </a:lnTo>
                    <a:lnTo>
                      <a:pt x="186918" y="12088"/>
                    </a:lnTo>
                    <a:lnTo>
                      <a:pt x="184695" y="12366"/>
                    </a:lnTo>
                    <a:lnTo>
                      <a:pt x="182565" y="12691"/>
                    </a:lnTo>
                    <a:lnTo>
                      <a:pt x="180527" y="13015"/>
                    </a:lnTo>
                    <a:lnTo>
                      <a:pt x="178490" y="13385"/>
                    </a:lnTo>
                    <a:lnTo>
                      <a:pt x="176498" y="13756"/>
                    </a:lnTo>
                    <a:lnTo>
                      <a:pt x="174599" y="14219"/>
                    </a:lnTo>
                    <a:lnTo>
                      <a:pt x="172747" y="14682"/>
                    </a:lnTo>
                    <a:lnTo>
                      <a:pt x="170987" y="15191"/>
                    </a:lnTo>
                    <a:lnTo>
                      <a:pt x="169273" y="15747"/>
                    </a:lnTo>
                    <a:lnTo>
                      <a:pt x="167652" y="16349"/>
                    </a:lnTo>
                    <a:lnTo>
                      <a:pt x="166124" y="16951"/>
                    </a:lnTo>
                    <a:lnTo>
                      <a:pt x="164596" y="17553"/>
                    </a:lnTo>
                    <a:lnTo>
                      <a:pt x="163114" y="18109"/>
                    </a:lnTo>
                    <a:lnTo>
                      <a:pt x="161585" y="18572"/>
                    </a:lnTo>
                    <a:lnTo>
                      <a:pt x="160057" y="18989"/>
                    </a:lnTo>
                    <a:lnTo>
                      <a:pt x="158529" y="19360"/>
                    </a:lnTo>
                    <a:lnTo>
                      <a:pt x="157047" y="19637"/>
                    </a:lnTo>
                    <a:lnTo>
                      <a:pt x="155518" y="19869"/>
                    </a:lnTo>
                    <a:lnTo>
                      <a:pt x="153990" y="20054"/>
                    </a:lnTo>
                    <a:lnTo>
                      <a:pt x="152508" y="20193"/>
                    </a:lnTo>
                    <a:lnTo>
                      <a:pt x="150980" y="20286"/>
                    </a:lnTo>
                    <a:lnTo>
                      <a:pt x="147969" y="20286"/>
                    </a:lnTo>
                    <a:lnTo>
                      <a:pt x="146487" y="20193"/>
                    </a:lnTo>
                    <a:lnTo>
                      <a:pt x="144959" y="20101"/>
                    </a:lnTo>
                    <a:lnTo>
                      <a:pt x="143477" y="19915"/>
                    </a:lnTo>
                    <a:lnTo>
                      <a:pt x="141995" y="19730"/>
                    </a:lnTo>
                    <a:lnTo>
                      <a:pt x="140513" y="19498"/>
                    </a:lnTo>
                    <a:lnTo>
                      <a:pt x="139031" y="19221"/>
                    </a:lnTo>
                    <a:lnTo>
                      <a:pt x="137549" y="18896"/>
                    </a:lnTo>
                    <a:lnTo>
                      <a:pt x="136067" y="18572"/>
                    </a:lnTo>
                    <a:lnTo>
                      <a:pt x="134585" y="18202"/>
                    </a:lnTo>
                    <a:lnTo>
                      <a:pt x="133149" y="17831"/>
                    </a:lnTo>
                    <a:lnTo>
                      <a:pt x="130232" y="16951"/>
                    </a:lnTo>
                    <a:lnTo>
                      <a:pt x="127360" y="15979"/>
                    </a:lnTo>
                    <a:lnTo>
                      <a:pt x="124535" y="14914"/>
                    </a:lnTo>
                    <a:lnTo>
                      <a:pt x="121710" y="13802"/>
                    </a:lnTo>
                    <a:lnTo>
                      <a:pt x="118931" y="12644"/>
                    </a:lnTo>
                    <a:lnTo>
                      <a:pt x="116245" y="11440"/>
                    </a:lnTo>
                    <a:lnTo>
                      <a:pt x="113559" y="10236"/>
                    </a:lnTo>
                    <a:lnTo>
                      <a:pt x="108326" y="7874"/>
                    </a:lnTo>
                    <a:lnTo>
                      <a:pt x="103324" y="5558"/>
                    </a:lnTo>
                    <a:lnTo>
                      <a:pt x="100916" y="4493"/>
                    </a:lnTo>
                    <a:lnTo>
                      <a:pt x="98554" y="3521"/>
                    </a:lnTo>
                    <a:lnTo>
                      <a:pt x="96284" y="2641"/>
                    </a:lnTo>
                    <a:lnTo>
                      <a:pt x="94061" y="1853"/>
                    </a:lnTo>
                    <a:lnTo>
                      <a:pt x="91931" y="1159"/>
                    </a:lnTo>
                    <a:lnTo>
                      <a:pt x="90912" y="881"/>
                    </a:lnTo>
                    <a:lnTo>
                      <a:pt x="89893" y="649"/>
                    </a:lnTo>
                    <a:lnTo>
                      <a:pt x="88874" y="418"/>
                    </a:lnTo>
                    <a:lnTo>
                      <a:pt x="87902" y="279"/>
                    </a:lnTo>
                    <a:lnTo>
                      <a:pt x="86929" y="140"/>
                    </a:lnTo>
                    <a:lnTo>
                      <a:pt x="86003" y="47"/>
                    </a:lnTo>
                    <a:lnTo>
                      <a:pt x="85077" y="1"/>
                    </a:lnTo>
                    <a:close/>
                  </a:path>
                </a:pathLst>
              </a:custGeom>
              <a:solidFill>
                <a:schemeClr val="l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462" name="Google Shape;462;p31"/>
              <p:cNvSpPr/>
              <p:nvPr/>
            </p:nvSpPr>
            <p:spPr>
              <a:xfrm>
                <a:off x="0" y="4757331"/>
                <a:ext cx="9143916" cy="671170"/>
              </a:xfrm>
              <a:custGeom>
                <a:avLst/>
                <a:gdLst/>
                <a:ahLst/>
                <a:cxnLst/>
                <a:rect l="l" t="t" r="r" b="b"/>
                <a:pathLst>
                  <a:path w="285057" h="21397" extrusionOk="0">
                    <a:moveTo>
                      <a:pt x="60439" y="1"/>
                    </a:moveTo>
                    <a:lnTo>
                      <a:pt x="57058" y="47"/>
                    </a:lnTo>
                    <a:lnTo>
                      <a:pt x="55530" y="47"/>
                    </a:lnTo>
                    <a:lnTo>
                      <a:pt x="54048" y="140"/>
                    </a:lnTo>
                    <a:lnTo>
                      <a:pt x="52658" y="232"/>
                    </a:lnTo>
                    <a:lnTo>
                      <a:pt x="51362" y="371"/>
                    </a:lnTo>
                    <a:lnTo>
                      <a:pt x="50157" y="510"/>
                    </a:lnTo>
                    <a:lnTo>
                      <a:pt x="49046" y="695"/>
                    </a:lnTo>
                    <a:lnTo>
                      <a:pt x="48073" y="927"/>
                    </a:lnTo>
                    <a:lnTo>
                      <a:pt x="47147" y="1205"/>
                    </a:lnTo>
                    <a:lnTo>
                      <a:pt x="43674" y="2270"/>
                    </a:lnTo>
                    <a:lnTo>
                      <a:pt x="40015" y="3335"/>
                    </a:lnTo>
                    <a:lnTo>
                      <a:pt x="36171" y="4400"/>
                    </a:lnTo>
                    <a:lnTo>
                      <a:pt x="32234" y="5419"/>
                    </a:lnTo>
                    <a:lnTo>
                      <a:pt x="28298" y="6392"/>
                    </a:lnTo>
                    <a:lnTo>
                      <a:pt x="24361" y="7318"/>
                    </a:lnTo>
                    <a:lnTo>
                      <a:pt x="16859" y="9032"/>
                    </a:lnTo>
                    <a:lnTo>
                      <a:pt x="10190" y="10467"/>
                    </a:lnTo>
                    <a:lnTo>
                      <a:pt x="4864" y="11579"/>
                    </a:lnTo>
                    <a:lnTo>
                      <a:pt x="1" y="12551"/>
                    </a:lnTo>
                    <a:lnTo>
                      <a:pt x="1" y="21397"/>
                    </a:lnTo>
                    <a:lnTo>
                      <a:pt x="285056" y="21397"/>
                    </a:lnTo>
                    <a:lnTo>
                      <a:pt x="285056" y="1205"/>
                    </a:lnTo>
                    <a:lnTo>
                      <a:pt x="280934" y="1853"/>
                    </a:lnTo>
                    <a:lnTo>
                      <a:pt x="275840" y="2687"/>
                    </a:lnTo>
                    <a:lnTo>
                      <a:pt x="263382" y="4910"/>
                    </a:lnTo>
                    <a:lnTo>
                      <a:pt x="248700" y="7503"/>
                    </a:lnTo>
                    <a:lnTo>
                      <a:pt x="240874" y="8846"/>
                    </a:lnTo>
                    <a:lnTo>
                      <a:pt x="232861" y="10143"/>
                    </a:lnTo>
                    <a:lnTo>
                      <a:pt x="224849" y="11440"/>
                    </a:lnTo>
                    <a:lnTo>
                      <a:pt x="216884" y="12551"/>
                    </a:lnTo>
                    <a:lnTo>
                      <a:pt x="212993" y="13107"/>
                    </a:lnTo>
                    <a:lnTo>
                      <a:pt x="209196" y="13570"/>
                    </a:lnTo>
                    <a:lnTo>
                      <a:pt x="205491" y="14033"/>
                    </a:lnTo>
                    <a:lnTo>
                      <a:pt x="201878" y="14404"/>
                    </a:lnTo>
                    <a:lnTo>
                      <a:pt x="198405" y="14728"/>
                    </a:lnTo>
                    <a:lnTo>
                      <a:pt x="195070" y="15006"/>
                    </a:lnTo>
                    <a:lnTo>
                      <a:pt x="191875" y="15191"/>
                    </a:lnTo>
                    <a:lnTo>
                      <a:pt x="188864" y="15330"/>
                    </a:lnTo>
                    <a:lnTo>
                      <a:pt x="186039" y="15423"/>
                    </a:lnTo>
                    <a:lnTo>
                      <a:pt x="183446" y="15376"/>
                    </a:lnTo>
                    <a:lnTo>
                      <a:pt x="181037" y="15284"/>
                    </a:lnTo>
                    <a:lnTo>
                      <a:pt x="179926" y="15191"/>
                    </a:lnTo>
                    <a:lnTo>
                      <a:pt x="178907" y="15052"/>
                    </a:lnTo>
                    <a:lnTo>
                      <a:pt x="174044" y="14404"/>
                    </a:lnTo>
                    <a:lnTo>
                      <a:pt x="167746" y="13478"/>
                    </a:lnTo>
                    <a:lnTo>
                      <a:pt x="151721" y="10977"/>
                    </a:lnTo>
                    <a:lnTo>
                      <a:pt x="142366" y="9495"/>
                    </a:lnTo>
                    <a:lnTo>
                      <a:pt x="132455" y="8013"/>
                    </a:lnTo>
                    <a:lnTo>
                      <a:pt x="122128" y="6484"/>
                    </a:lnTo>
                    <a:lnTo>
                      <a:pt x="111661" y="4956"/>
                    </a:lnTo>
                    <a:lnTo>
                      <a:pt x="101194" y="3567"/>
                    </a:lnTo>
                    <a:lnTo>
                      <a:pt x="96053" y="2965"/>
                    </a:lnTo>
                    <a:lnTo>
                      <a:pt x="91005" y="2363"/>
                    </a:lnTo>
                    <a:lnTo>
                      <a:pt x="86096" y="1807"/>
                    </a:lnTo>
                    <a:lnTo>
                      <a:pt x="81280" y="1344"/>
                    </a:lnTo>
                    <a:lnTo>
                      <a:pt x="76695" y="881"/>
                    </a:lnTo>
                    <a:lnTo>
                      <a:pt x="72249" y="556"/>
                    </a:lnTo>
                    <a:lnTo>
                      <a:pt x="68081" y="279"/>
                    </a:lnTo>
                    <a:lnTo>
                      <a:pt x="64098" y="93"/>
                    </a:lnTo>
                    <a:lnTo>
                      <a:pt x="60439" y="1"/>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463" name="Google Shape;463;p31"/>
            <p:cNvSpPr/>
            <p:nvPr/>
          </p:nvSpPr>
          <p:spPr>
            <a:xfrm flipH="1">
              <a:off x="9" y="4618023"/>
              <a:ext cx="9143916" cy="531181"/>
            </a:xfrm>
            <a:custGeom>
              <a:avLst/>
              <a:gdLst/>
              <a:ahLst/>
              <a:cxnLst/>
              <a:rect l="l" t="t" r="r" b="b"/>
              <a:pathLst>
                <a:path w="285057" h="21397" extrusionOk="0">
                  <a:moveTo>
                    <a:pt x="60439" y="1"/>
                  </a:moveTo>
                  <a:lnTo>
                    <a:pt x="57058" y="47"/>
                  </a:lnTo>
                  <a:lnTo>
                    <a:pt x="55530" y="47"/>
                  </a:lnTo>
                  <a:lnTo>
                    <a:pt x="54048" y="140"/>
                  </a:lnTo>
                  <a:lnTo>
                    <a:pt x="52658" y="232"/>
                  </a:lnTo>
                  <a:lnTo>
                    <a:pt x="51362" y="371"/>
                  </a:lnTo>
                  <a:lnTo>
                    <a:pt x="50157" y="510"/>
                  </a:lnTo>
                  <a:lnTo>
                    <a:pt x="49046" y="695"/>
                  </a:lnTo>
                  <a:lnTo>
                    <a:pt x="48073" y="927"/>
                  </a:lnTo>
                  <a:lnTo>
                    <a:pt x="47147" y="1205"/>
                  </a:lnTo>
                  <a:lnTo>
                    <a:pt x="43674" y="2270"/>
                  </a:lnTo>
                  <a:lnTo>
                    <a:pt x="40015" y="3335"/>
                  </a:lnTo>
                  <a:lnTo>
                    <a:pt x="36171" y="4400"/>
                  </a:lnTo>
                  <a:lnTo>
                    <a:pt x="32234" y="5419"/>
                  </a:lnTo>
                  <a:lnTo>
                    <a:pt x="28298" y="6392"/>
                  </a:lnTo>
                  <a:lnTo>
                    <a:pt x="24361" y="7318"/>
                  </a:lnTo>
                  <a:lnTo>
                    <a:pt x="16859" y="9032"/>
                  </a:lnTo>
                  <a:lnTo>
                    <a:pt x="10190" y="10467"/>
                  </a:lnTo>
                  <a:lnTo>
                    <a:pt x="4864" y="11579"/>
                  </a:lnTo>
                  <a:lnTo>
                    <a:pt x="1" y="12551"/>
                  </a:lnTo>
                  <a:lnTo>
                    <a:pt x="1" y="21397"/>
                  </a:lnTo>
                  <a:lnTo>
                    <a:pt x="285056" y="21397"/>
                  </a:lnTo>
                  <a:lnTo>
                    <a:pt x="285056" y="1205"/>
                  </a:lnTo>
                  <a:lnTo>
                    <a:pt x="280934" y="1853"/>
                  </a:lnTo>
                  <a:lnTo>
                    <a:pt x="275840" y="2687"/>
                  </a:lnTo>
                  <a:lnTo>
                    <a:pt x="263382" y="4910"/>
                  </a:lnTo>
                  <a:lnTo>
                    <a:pt x="248700" y="7503"/>
                  </a:lnTo>
                  <a:lnTo>
                    <a:pt x="240874" y="8846"/>
                  </a:lnTo>
                  <a:lnTo>
                    <a:pt x="232861" y="10143"/>
                  </a:lnTo>
                  <a:lnTo>
                    <a:pt x="224849" y="11440"/>
                  </a:lnTo>
                  <a:lnTo>
                    <a:pt x="216884" y="12551"/>
                  </a:lnTo>
                  <a:lnTo>
                    <a:pt x="212993" y="13107"/>
                  </a:lnTo>
                  <a:lnTo>
                    <a:pt x="209196" y="13570"/>
                  </a:lnTo>
                  <a:lnTo>
                    <a:pt x="205491" y="14033"/>
                  </a:lnTo>
                  <a:lnTo>
                    <a:pt x="201878" y="14404"/>
                  </a:lnTo>
                  <a:lnTo>
                    <a:pt x="198405" y="14728"/>
                  </a:lnTo>
                  <a:lnTo>
                    <a:pt x="195070" y="15006"/>
                  </a:lnTo>
                  <a:lnTo>
                    <a:pt x="191875" y="15191"/>
                  </a:lnTo>
                  <a:lnTo>
                    <a:pt x="188864" y="15330"/>
                  </a:lnTo>
                  <a:lnTo>
                    <a:pt x="186039" y="15423"/>
                  </a:lnTo>
                  <a:lnTo>
                    <a:pt x="183446" y="15376"/>
                  </a:lnTo>
                  <a:lnTo>
                    <a:pt x="181037" y="15284"/>
                  </a:lnTo>
                  <a:lnTo>
                    <a:pt x="179926" y="15191"/>
                  </a:lnTo>
                  <a:lnTo>
                    <a:pt x="178907" y="15052"/>
                  </a:lnTo>
                  <a:lnTo>
                    <a:pt x="174044" y="14404"/>
                  </a:lnTo>
                  <a:lnTo>
                    <a:pt x="167746" y="13478"/>
                  </a:lnTo>
                  <a:lnTo>
                    <a:pt x="151721" y="10977"/>
                  </a:lnTo>
                  <a:lnTo>
                    <a:pt x="142366" y="9495"/>
                  </a:lnTo>
                  <a:lnTo>
                    <a:pt x="132455" y="8013"/>
                  </a:lnTo>
                  <a:lnTo>
                    <a:pt x="122128" y="6484"/>
                  </a:lnTo>
                  <a:lnTo>
                    <a:pt x="111661" y="4956"/>
                  </a:lnTo>
                  <a:lnTo>
                    <a:pt x="101194" y="3567"/>
                  </a:lnTo>
                  <a:lnTo>
                    <a:pt x="96053" y="2965"/>
                  </a:lnTo>
                  <a:lnTo>
                    <a:pt x="91005" y="2363"/>
                  </a:lnTo>
                  <a:lnTo>
                    <a:pt x="86096" y="1807"/>
                  </a:lnTo>
                  <a:lnTo>
                    <a:pt x="81280" y="1344"/>
                  </a:lnTo>
                  <a:lnTo>
                    <a:pt x="76695" y="881"/>
                  </a:lnTo>
                  <a:lnTo>
                    <a:pt x="72249" y="556"/>
                  </a:lnTo>
                  <a:lnTo>
                    <a:pt x="68081" y="279"/>
                  </a:lnTo>
                  <a:lnTo>
                    <a:pt x="64098" y="93"/>
                  </a:lnTo>
                  <a:lnTo>
                    <a:pt x="60439" y="1"/>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grpSp>
        <p:nvGrpSpPr>
          <p:cNvPr id="464" name="Google Shape;464;p31"/>
          <p:cNvGrpSpPr/>
          <p:nvPr/>
        </p:nvGrpSpPr>
        <p:grpSpPr>
          <a:xfrm>
            <a:off x="921445" y="681333"/>
            <a:ext cx="18477111" cy="481333"/>
            <a:chOff x="414650" y="306600"/>
            <a:chExt cx="8314700" cy="216600"/>
          </a:xfrm>
        </p:grpSpPr>
        <p:grpSp>
          <p:nvGrpSpPr>
            <p:cNvPr id="465" name="Google Shape;465;p31"/>
            <p:cNvGrpSpPr/>
            <p:nvPr/>
          </p:nvGrpSpPr>
          <p:grpSpPr>
            <a:xfrm>
              <a:off x="713281" y="389286"/>
              <a:ext cx="7717437" cy="51251"/>
              <a:chOff x="450050" y="465475"/>
              <a:chExt cx="8367600" cy="51241"/>
            </a:xfrm>
          </p:grpSpPr>
          <p:cxnSp>
            <p:nvCxnSpPr>
              <p:cNvPr id="466" name="Google Shape;466;p31"/>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467" name="Google Shape;467;p31"/>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468" name="Google Shape;468;p31"/>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469" name="Google Shape;469;p31"/>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470" name="Google Shape;470;p31"/>
          <p:cNvSpPr txBox="1">
            <a:spLocks noGrp="1"/>
          </p:cNvSpPr>
          <p:nvPr>
            <p:ph type="title"/>
          </p:nvPr>
        </p:nvSpPr>
        <p:spPr>
          <a:xfrm>
            <a:off x="1600000" y="1158278"/>
            <a:ext cx="17120000" cy="1272667"/>
          </a:xfrm>
          <a:prstGeom prst="rect">
            <a:avLst/>
          </a:prstGeom>
        </p:spPr>
        <p:txBody>
          <a:bodyPr spcFirstLastPara="1" wrap="square" lIns="91425" tIns="91425" rIns="91425" bIns="91425" anchor="t" anchorCtr="0">
            <a:noAutofit/>
          </a:bodyPr>
          <a:lstStyle>
            <a:lvl1pPr lvl="0" algn="ctr" rtl="0">
              <a:spcBef>
                <a:spcPts val="0"/>
              </a:spcBef>
              <a:spcAft>
                <a:spcPts val="0"/>
              </a:spcAft>
              <a:buSzPts val="3500"/>
              <a:buNone/>
              <a:defRPr/>
            </a:lvl1pPr>
            <a:lvl2pPr lvl="1" rtl="0">
              <a:spcBef>
                <a:spcPts val="0"/>
              </a:spcBef>
              <a:spcAft>
                <a:spcPts val="0"/>
              </a:spcAft>
              <a:buSzPts val="3500"/>
              <a:buNone/>
              <a:defRPr/>
            </a:lvl2pPr>
            <a:lvl3pPr lvl="2" rtl="0">
              <a:spcBef>
                <a:spcPts val="0"/>
              </a:spcBef>
              <a:spcAft>
                <a:spcPts val="0"/>
              </a:spcAft>
              <a:buSzPts val="3500"/>
              <a:buNone/>
              <a:defRPr/>
            </a:lvl3pPr>
            <a:lvl4pPr lvl="3" rtl="0">
              <a:spcBef>
                <a:spcPts val="0"/>
              </a:spcBef>
              <a:spcAft>
                <a:spcPts val="0"/>
              </a:spcAft>
              <a:buSzPts val="3500"/>
              <a:buNone/>
              <a:defRPr/>
            </a:lvl4pPr>
            <a:lvl5pPr lvl="4" rtl="0">
              <a:spcBef>
                <a:spcPts val="0"/>
              </a:spcBef>
              <a:spcAft>
                <a:spcPts val="0"/>
              </a:spcAft>
              <a:buSzPts val="3500"/>
              <a:buNone/>
              <a:defRPr/>
            </a:lvl5pPr>
            <a:lvl6pPr lvl="5" rtl="0">
              <a:spcBef>
                <a:spcPts val="0"/>
              </a:spcBef>
              <a:spcAft>
                <a:spcPts val="0"/>
              </a:spcAft>
              <a:buSzPts val="3500"/>
              <a:buNone/>
              <a:defRPr/>
            </a:lvl6pPr>
            <a:lvl7pPr lvl="6" rtl="0">
              <a:spcBef>
                <a:spcPts val="0"/>
              </a:spcBef>
              <a:spcAft>
                <a:spcPts val="0"/>
              </a:spcAft>
              <a:buSzPts val="3500"/>
              <a:buNone/>
              <a:defRPr/>
            </a:lvl7pPr>
            <a:lvl8pPr lvl="7" rtl="0">
              <a:spcBef>
                <a:spcPts val="0"/>
              </a:spcBef>
              <a:spcAft>
                <a:spcPts val="0"/>
              </a:spcAft>
              <a:buSzPts val="3500"/>
              <a:buNone/>
              <a:defRPr/>
            </a:lvl8pPr>
            <a:lvl9pPr lvl="8" rtl="0">
              <a:spcBef>
                <a:spcPts val="0"/>
              </a:spcBef>
              <a:spcAft>
                <a:spcPts val="0"/>
              </a:spcAft>
              <a:buSzPts val="3500"/>
              <a:buNone/>
              <a:defRPr/>
            </a:lvl9pPr>
          </a:lstStyle>
          <a:p>
            <a:endParaRPr/>
          </a:p>
        </p:txBody>
      </p:sp>
      <p:sp>
        <p:nvSpPr>
          <p:cNvPr id="471" name="Google Shape;471;p31"/>
          <p:cNvSpPr txBox="1">
            <a:spLocks noGrp="1"/>
          </p:cNvSpPr>
          <p:nvPr>
            <p:ph type="subTitle" idx="1"/>
          </p:nvPr>
        </p:nvSpPr>
        <p:spPr>
          <a:xfrm>
            <a:off x="2472445" y="4168440"/>
            <a:ext cx="4389333" cy="1386667"/>
          </a:xfrm>
          <a:prstGeom prst="rect">
            <a:avLst/>
          </a:prstGeom>
        </p:spPr>
        <p:txBody>
          <a:bodyPr spcFirstLastPara="1" wrap="square" lIns="91425" tIns="91425" rIns="91425" bIns="91425" anchor="t" anchorCtr="0">
            <a:noAutofit/>
          </a:bodyPr>
          <a:lstStyle>
            <a:lvl1pPr lvl="0" algn="ctr" rtl="0">
              <a:lnSpc>
                <a:spcPct val="100000"/>
              </a:lnSpc>
              <a:spcBef>
                <a:spcPts val="0"/>
              </a:spcBef>
              <a:spcAft>
                <a:spcPts val="0"/>
              </a:spcAft>
              <a:buSzPts val="1400"/>
              <a:buNone/>
              <a:defRPr sz="3111"/>
            </a:lvl1pPr>
            <a:lvl2pPr lvl="1" algn="ctr" rtl="0">
              <a:lnSpc>
                <a:spcPct val="100000"/>
              </a:lnSpc>
              <a:spcBef>
                <a:spcPts val="0"/>
              </a:spcBef>
              <a:spcAft>
                <a:spcPts val="0"/>
              </a:spcAft>
              <a:buSzPts val="1400"/>
              <a:buNone/>
              <a:defRPr/>
            </a:lvl2pPr>
            <a:lvl3pPr lvl="2" algn="ctr" rtl="0">
              <a:lnSpc>
                <a:spcPct val="100000"/>
              </a:lnSpc>
              <a:spcBef>
                <a:spcPts val="3556"/>
              </a:spcBef>
              <a:spcAft>
                <a:spcPts val="0"/>
              </a:spcAft>
              <a:buSzPts val="1400"/>
              <a:buNone/>
              <a:defRPr/>
            </a:lvl3pPr>
            <a:lvl4pPr lvl="3" algn="ctr" rtl="0">
              <a:lnSpc>
                <a:spcPct val="100000"/>
              </a:lnSpc>
              <a:spcBef>
                <a:spcPts val="3556"/>
              </a:spcBef>
              <a:spcAft>
                <a:spcPts val="0"/>
              </a:spcAft>
              <a:buSzPts val="1400"/>
              <a:buNone/>
              <a:defRPr/>
            </a:lvl4pPr>
            <a:lvl5pPr lvl="4" algn="ctr" rtl="0">
              <a:lnSpc>
                <a:spcPct val="100000"/>
              </a:lnSpc>
              <a:spcBef>
                <a:spcPts val="3556"/>
              </a:spcBef>
              <a:spcAft>
                <a:spcPts val="0"/>
              </a:spcAft>
              <a:buSzPts val="1400"/>
              <a:buNone/>
              <a:defRPr/>
            </a:lvl5pPr>
            <a:lvl6pPr lvl="5" algn="ctr" rtl="0">
              <a:lnSpc>
                <a:spcPct val="100000"/>
              </a:lnSpc>
              <a:spcBef>
                <a:spcPts val="3556"/>
              </a:spcBef>
              <a:spcAft>
                <a:spcPts val="0"/>
              </a:spcAft>
              <a:buSzPts val="1400"/>
              <a:buNone/>
              <a:defRPr/>
            </a:lvl6pPr>
            <a:lvl7pPr lvl="6" algn="ctr" rtl="0">
              <a:lnSpc>
                <a:spcPct val="100000"/>
              </a:lnSpc>
              <a:spcBef>
                <a:spcPts val="3556"/>
              </a:spcBef>
              <a:spcAft>
                <a:spcPts val="0"/>
              </a:spcAft>
              <a:buSzPts val="1400"/>
              <a:buNone/>
              <a:defRPr/>
            </a:lvl7pPr>
            <a:lvl8pPr lvl="7" algn="ctr" rtl="0">
              <a:lnSpc>
                <a:spcPct val="100000"/>
              </a:lnSpc>
              <a:spcBef>
                <a:spcPts val="3556"/>
              </a:spcBef>
              <a:spcAft>
                <a:spcPts val="0"/>
              </a:spcAft>
              <a:buSzPts val="1400"/>
              <a:buNone/>
              <a:defRPr/>
            </a:lvl8pPr>
            <a:lvl9pPr lvl="8" algn="ctr" rtl="0">
              <a:lnSpc>
                <a:spcPct val="100000"/>
              </a:lnSpc>
              <a:spcBef>
                <a:spcPts val="3556"/>
              </a:spcBef>
              <a:spcAft>
                <a:spcPts val="3556"/>
              </a:spcAft>
              <a:buSzPts val="1400"/>
              <a:buNone/>
              <a:defRPr/>
            </a:lvl9pPr>
          </a:lstStyle>
          <a:p>
            <a:endParaRPr/>
          </a:p>
        </p:txBody>
      </p:sp>
      <p:sp>
        <p:nvSpPr>
          <p:cNvPr id="472" name="Google Shape;472;p31"/>
          <p:cNvSpPr txBox="1">
            <a:spLocks noGrp="1"/>
          </p:cNvSpPr>
          <p:nvPr>
            <p:ph type="subTitle" idx="2"/>
          </p:nvPr>
        </p:nvSpPr>
        <p:spPr>
          <a:xfrm>
            <a:off x="7960996" y="4168440"/>
            <a:ext cx="4389333" cy="1386667"/>
          </a:xfrm>
          <a:prstGeom prst="rect">
            <a:avLst/>
          </a:prstGeom>
        </p:spPr>
        <p:txBody>
          <a:bodyPr spcFirstLastPara="1" wrap="square" lIns="91425" tIns="91425" rIns="91425" bIns="91425" anchor="t" anchorCtr="0">
            <a:noAutofit/>
          </a:bodyPr>
          <a:lstStyle>
            <a:lvl1pPr lvl="0" algn="ctr" rtl="0">
              <a:lnSpc>
                <a:spcPct val="100000"/>
              </a:lnSpc>
              <a:spcBef>
                <a:spcPts val="0"/>
              </a:spcBef>
              <a:spcAft>
                <a:spcPts val="0"/>
              </a:spcAft>
              <a:buSzPts val="1400"/>
              <a:buNone/>
              <a:defRPr sz="3111"/>
            </a:lvl1pPr>
            <a:lvl2pPr lvl="1" algn="ctr" rtl="0">
              <a:lnSpc>
                <a:spcPct val="100000"/>
              </a:lnSpc>
              <a:spcBef>
                <a:spcPts val="0"/>
              </a:spcBef>
              <a:spcAft>
                <a:spcPts val="0"/>
              </a:spcAft>
              <a:buSzPts val="1400"/>
              <a:buNone/>
              <a:defRPr/>
            </a:lvl2pPr>
            <a:lvl3pPr lvl="2" algn="ctr" rtl="0">
              <a:lnSpc>
                <a:spcPct val="100000"/>
              </a:lnSpc>
              <a:spcBef>
                <a:spcPts val="3556"/>
              </a:spcBef>
              <a:spcAft>
                <a:spcPts val="0"/>
              </a:spcAft>
              <a:buSzPts val="1400"/>
              <a:buNone/>
              <a:defRPr/>
            </a:lvl3pPr>
            <a:lvl4pPr lvl="3" algn="ctr" rtl="0">
              <a:lnSpc>
                <a:spcPct val="100000"/>
              </a:lnSpc>
              <a:spcBef>
                <a:spcPts val="3556"/>
              </a:spcBef>
              <a:spcAft>
                <a:spcPts val="0"/>
              </a:spcAft>
              <a:buSzPts val="1400"/>
              <a:buNone/>
              <a:defRPr/>
            </a:lvl4pPr>
            <a:lvl5pPr lvl="4" algn="ctr" rtl="0">
              <a:lnSpc>
                <a:spcPct val="100000"/>
              </a:lnSpc>
              <a:spcBef>
                <a:spcPts val="3556"/>
              </a:spcBef>
              <a:spcAft>
                <a:spcPts val="0"/>
              </a:spcAft>
              <a:buSzPts val="1400"/>
              <a:buNone/>
              <a:defRPr/>
            </a:lvl5pPr>
            <a:lvl6pPr lvl="5" algn="ctr" rtl="0">
              <a:lnSpc>
                <a:spcPct val="100000"/>
              </a:lnSpc>
              <a:spcBef>
                <a:spcPts val="3556"/>
              </a:spcBef>
              <a:spcAft>
                <a:spcPts val="0"/>
              </a:spcAft>
              <a:buSzPts val="1400"/>
              <a:buNone/>
              <a:defRPr/>
            </a:lvl6pPr>
            <a:lvl7pPr lvl="6" algn="ctr" rtl="0">
              <a:lnSpc>
                <a:spcPct val="100000"/>
              </a:lnSpc>
              <a:spcBef>
                <a:spcPts val="3556"/>
              </a:spcBef>
              <a:spcAft>
                <a:spcPts val="0"/>
              </a:spcAft>
              <a:buSzPts val="1400"/>
              <a:buNone/>
              <a:defRPr/>
            </a:lvl7pPr>
            <a:lvl8pPr lvl="7" algn="ctr" rtl="0">
              <a:lnSpc>
                <a:spcPct val="100000"/>
              </a:lnSpc>
              <a:spcBef>
                <a:spcPts val="3556"/>
              </a:spcBef>
              <a:spcAft>
                <a:spcPts val="0"/>
              </a:spcAft>
              <a:buSzPts val="1400"/>
              <a:buNone/>
              <a:defRPr/>
            </a:lvl8pPr>
            <a:lvl9pPr lvl="8" algn="ctr" rtl="0">
              <a:lnSpc>
                <a:spcPct val="100000"/>
              </a:lnSpc>
              <a:spcBef>
                <a:spcPts val="3556"/>
              </a:spcBef>
              <a:spcAft>
                <a:spcPts val="3556"/>
              </a:spcAft>
              <a:buSzPts val="1400"/>
              <a:buNone/>
              <a:defRPr/>
            </a:lvl9pPr>
          </a:lstStyle>
          <a:p>
            <a:endParaRPr/>
          </a:p>
        </p:txBody>
      </p:sp>
      <p:sp>
        <p:nvSpPr>
          <p:cNvPr id="473" name="Google Shape;473;p31"/>
          <p:cNvSpPr txBox="1">
            <a:spLocks noGrp="1"/>
          </p:cNvSpPr>
          <p:nvPr>
            <p:ph type="subTitle" idx="3"/>
          </p:nvPr>
        </p:nvSpPr>
        <p:spPr>
          <a:xfrm>
            <a:off x="2472445" y="7692440"/>
            <a:ext cx="4389333" cy="1386667"/>
          </a:xfrm>
          <a:prstGeom prst="rect">
            <a:avLst/>
          </a:prstGeom>
        </p:spPr>
        <p:txBody>
          <a:bodyPr spcFirstLastPara="1" wrap="square" lIns="91425" tIns="91425" rIns="91425" bIns="91425" anchor="t" anchorCtr="0">
            <a:noAutofit/>
          </a:bodyPr>
          <a:lstStyle>
            <a:lvl1pPr lvl="0" algn="ctr" rtl="0">
              <a:lnSpc>
                <a:spcPct val="100000"/>
              </a:lnSpc>
              <a:spcBef>
                <a:spcPts val="0"/>
              </a:spcBef>
              <a:spcAft>
                <a:spcPts val="0"/>
              </a:spcAft>
              <a:buSzPts val="1400"/>
              <a:buNone/>
              <a:defRPr sz="3111"/>
            </a:lvl1pPr>
            <a:lvl2pPr lvl="1" algn="ctr" rtl="0">
              <a:lnSpc>
                <a:spcPct val="100000"/>
              </a:lnSpc>
              <a:spcBef>
                <a:spcPts val="0"/>
              </a:spcBef>
              <a:spcAft>
                <a:spcPts val="0"/>
              </a:spcAft>
              <a:buSzPts val="1400"/>
              <a:buNone/>
              <a:defRPr/>
            </a:lvl2pPr>
            <a:lvl3pPr lvl="2" algn="ctr" rtl="0">
              <a:lnSpc>
                <a:spcPct val="100000"/>
              </a:lnSpc>
              <a:spcBef>
                <a:spcPts val="3556"/>
              </a:spcBef>
              <a:spcAft>
                <a:spcPts val="0"/>
              </a:spcAft>
              <a:buSzPts val="1400"/>
              <a:buNone/>
              <a:defRPr/>
            </a:lvl3pPr>
            <a:lvl4pPr lvl="3" algn="ctr" rtl="0">
              <a:lnSpc>
                <a:spcPct val="100000"/>
              </a:lnSpc>
              <a:spcBef>
                <a:spcPts val="3556"/>
              </a:spcBef>
              <a:spcAft>
                <a:spcPts val="0"/>
              </a:spcAft>
              <a:buSzPts val="1400"/>
              <a:buNone/>
              <a:defRPr/>
            </a:lvl4pPr>
            <a:lvl5pPr lvl="4" algn="ctr" rtl="0">
              <a:lnSpc>
                <a:spcPct val="100000"/>
              </a:lnSpc>
              <a:spcBef>
                <a:spcPts val="3556"/>
              </a:spcBef>
              <a:spcAft>
                <a:spcPts val="0"/>
              </a:spcAft>
              <a:buSzPts val="1400"/>
              <a:buNone/>
              <a:defRPr/>
            </a:lvl5pPr>
            <a:lvl6pPr lvl="5" algn="ctr" rtl="0">
              <a:lnSpc>
                <a:spcPct val="100000"/>
              </a:lnSpc>
              <a:spcBef>
                <a:spcPts val="3556"/>
              </a:spcBef>
              <a:spcAft>
                <a:spcPts val="0"/>
              </a:spcAft>
              <a:buSzPts val="1400"/>
              <a:buNone/>
              <a:defRPr/>
            </a:lvl6pPr>
            <a:lvl7pPr lvl="6" algn="ctr" rtl="0">
              <a:lnSpc>
                <a:spcPct val="100000"/>
              </a:lnSpc>
              <a:spcBef>
                <a:spcPts val="3556"/>
              </a:spcBef>
              <a:spcAft>
                <a:spcPts val="0"/>
              </a:spcAft>
              <a:buSzPts val="1400"/>
              <a:buNone/>
              <a:defRPr/>
            </a:lvl7pPr>
            <a:lvl8pPr lvl="7" algn="ctr" rtl="0">
              <a:lnSpc>
                <a:spcPct val="100000"/>
              </a:lnSpc>
              <a:spcBef>
                <a:spcPts val="3556"/>
              </a:spcBef>
              <a:spcAft>
                <a:spcPts val="0"/>
              </a:spcAft>
              <a:buSzPts val="1400"/>
              <a:buNone/>
              <a:defRPr/>
            </a:lvl8pPr>
            <a:lvl9pPr lvl="8" algn="ctr" rtl="0">
              <a:lnSpc>
                <a:spcPct val="100000"/>
              </a:lnSpc>
              <a:spcBef>
                <a:spcPts val="3556"/>
              </a:spcBef>
              <a:spcAft>
                <a:spcPts val="3556"/>
              </a:spcAft>
              <a:buSzPts val="1400"/>
              <a:buNone/>
              <a:defRPr/>
            </a:lvl9pPr>
          </a:lstStyle>
          <a:p>
            <a:endParaRPr/>
          </a:p>
        </p:txBody>
      </p:sp>
      <p:sp>
        <p:nvSpPr>
          <p:cNvPr id="474" name="Google Shape;474;p31"/>
          <p:cNvSpPr txBox="1">
            <a:spLocks noGrp="1"/>
          </p:cNvSpPr>
          <p:nvPr>
            <p:ph type="subTitle" idx="4"/>
          </p:nvPr>
        </p:nvSpPr>
        <p:spPr>
          <a:xfrm>
            <a:off x="13449549" y="4168440"/>
            <a:ext cx="4389333" cy="1386667"/>
          </a:xfrm>
          <a:prstGeom prst="rect">
            <a:avLst/>
          </a:prstGeom>
        </p:spPr>
        <p:txBody>
          <a:bodyPr spcFirstLastPara="1" wrap="square" lIns="91425" tIns="91425" rIns="91425" bIns="91425" anchor="t" anchorCtr="0">
            <a:noAutofit/>
          </a:bodyPr>
          <a:lstStyle>
            <a:lvl1pPr lvl="0" algn="ctr" rtl="0">
              <a:lnSpc>
                <a:spcPct val="100000"/>
              </a:lnSpc>
              <a:spcBef>
                <a:spcPts val="0"/>
              </a:spcBef>
              <a:spcAft>
                <a:spcPts val="0"/>
              </a:spcAft>
              <a:buSzPts val="1400"/>
              <a:buNone/>
              <a:defRPr sz="3111"/>
            </a:lvl1pPr>
            <a:lvl2pPr lvl="1" algn="ctr" rtl="0">
              <a:lnSpc>
                <a:spcPct val="100000"/>
              </a:lnSpc>
              <a:spcBef>
                <a:spcPts val="0"/>
              </a:spcBef>
              <a:spcAft>
                <a:spcPts val="0"/>
              </a:spcAft>
              <a:buSzPts val="1400"/>
              <a:buNone/>
              <a:defRPr/>
            </a:lvl2pPr>
            <a:lvl3pPr lvl="2" algn="ctr" rtl="0">
              <a:lnSpc>
                <a:spcPct val="100000"/>
              </a:lnSpc>
              <a:spcBef>
                <a:spcPts val="3556"/>
              </a:spcBef>
              <a:spcAft>
                <a:spcPts val="0"/>
              </a:spcAft>
              <a:buSzPts val="1400"/>
              <a:buNone/>
              <a:defRPr/>
            </a:lvl3pPr>
            <a:lvl4pPr lvl="3" algn="ctr" rtl="0">
              <a:lnSpc>
                <a:spcPct val="100000"/>
              </a:lnSpc>
              <a:spcBef>
                <a:spcPts val="3556"/>
              </a:spcBef>
              <a:spcAft>
                <a:spcPts val="0"/>
              </a:spcAft>
              <a:buSzPts val="1400"/>
              <a:buNone/>
              <a:defRPr/>
            </a:lvl4pPr>
            <a:lvl5pPr lvl="4" algn="ctr" rtl="0">
              <a:lnSpc>
                <a:spcPct val="100000"/>
              </a:lnSpc>
              <a:spcBef>
                <a:spcPts val="3556"/>
              </a:spcBef>
              <a:spcAft>
                <a:spcPts val="0"/>
              </a:spcAft>
              <a:buSzPts val="1400"/>
              <a:buNone/>
              <a:defRPr/>
            </a:lvl5pPr>
            <a:lvl6pPr lvl="5" algn="ctr" rtl="0">
              <a:lnSpc>
                <a:spcPct val="100000"/>
              </a:lnSpc>
              <a:spcBef>
                <a:spcPts val="3556"/>
              </a:spcBef>
              <a:spcAft>
                <a:spcPts val="0"/>
              </a:spcAft>
              <a:buSzPts val="1400"/>
              <a:buNone/>
              <a:defRPr/>
            </a:lvl6pPr>
            <a:lvl7pPr lvl="6" algn="ctr" rtl="0">
              <a:lnSpc>
                <a:spcPct val="100000"/>
              </a:lnSpc>
              <a:spcBef>
                <a:spcPts val="3556"/>
              </a:spcBef>
              <a:spcAft>
                <a:spcPts val="0"/>
              </a:spcAft>
              <a:buSzPts val="1400"/>
              <a:buNone/>
              <a:defRPr/>
            </a:lvl7pPr>
            <a:lvl8pPr lvl="7" algn="ctr" rtl="0">
              <a:lnSpc>
                <a:spcPct val="100000"/>
              </a:lnSpc>
              <a:spcBef>
                <a:spcPts val="3556"/>
              </a:spcBef>
              <a:spcAft>
                <a:spcPts val="0"/>
              </a:spcAft>
              <a:buSzPts val="1400"/>
              <a:buNone/>
              <a:defRPr/>
            </a:lvl8pPr>
            <a:lvl9pPr lvl="8" algn="ctr" rtl="0">
              <a:lnSpc>
                <a:spcPct val="100000"/>
              </a:lnSpc>
              <a:spcBef>
                <a:spcPts val="3556"/>
              </a:spcBef>
              <a:spcAft>
                <a:spcPts val="3556"/>
              </a:spcAft>
              <a:buSzPts val="1400"/>
              <a:buNone/>
              <a:defRPr/>
            </a:lvl9pPr>
          </a:lstStyle>
          <a:p>
            <a:endParaRPr/>
          </a:p>
        </p:txBody>
      </p:sp>
      <p:sp>
        <p:nvSpPr>
          <p:cNvPr id="475" name="Google Shape;475;p31"/>
          <p:cNvSpPr txBox="1">
            <a:spLocks noGrp="1"/>
          </p:cNvSpPr>
          <p:nvPr>
            <p:ph type="subTitle" idx="5"/>
          </p:nvPr>
        </p:nvSpPr>
        <p:spPr>
          <a:xfrm>
            <a:off x="13449549" y="7692440"/>
            <a:ext cx="4389333" cy="1386667"/>
          </a:xfrm>
          <a:prstGeom prst="rect">
            <a:avLst/>
          </a:prstGeom>
        </p:spPr>
        <p:txBody>
          <a:bodyPr spcFirstLastPara="1" wrap="square" lIns="91425" tIns="91425" rIns="91425" bIns="91425" anchor="t" anchorCtr="0">
            <a:noAutofit/>
          </a:bodyPr>
          <a:lstStyle>
            <a:lvl1pPr lvl="0" algn="ctr" rtl="0">
              <a:lnSpc>
                <a:spcPct val="100000"/>
              </a:lnSpc>
              <a:spcBef>
                <a:spcPts val="0"/>
              </a:spcBef>
              <a:spcAft>
                <a:spcPts val="0"/>
              </a:spcAft>
              <a:buSzPts val="1400"/>
              <a:buNone/>
              <a:defRPr sz="3111"/>
            </a:lvl1pPr>
            <a:lvl2pPr lvl="1" algn="ctr" rtl="0">
              <a:lnSpc>
                <a:spcPct val="100000"/>
              </a:lnSpc>
              <a:spcBef>
                <a:spcPts val="0"/>
              </a:spcBef>
              <a:spcAft>
                <a:spcPts val="0"/>
              </a:spcAft>
              <a:buSzPts val="1400"/>
              <a:buNone/>
              <a:defRPr/>
            </a:lvl2pPr>
            <a:lvl3pPr lvl="2" algn="ctr" rtl="0">
              <a:lnSpc>
                <a:spcPct val="100000"/>
              </a:lnSpc>
              <a:spcBef>
                <a:spcPts val="3556"/>
              </a:spcBef>
              <a:spcAft>
                <a:spcPts val="0"/>
              </a:spcAft>
              <a:buSzPts val="1400"/>
              <a:buNone/>
              <a:defRPr/>
            </a:lvl3pPr>
            <a:lvl4pPr lvl="3" algn="ctr" rtl="0">
              <a:lnSpc>
                <a:spcPct val="100000"/>
              </a:lnSpc>
              <a:spcBef>
                <a:spcPts val="3556"/>
              </a:spcBef>
              <a:spcAft>
                <a:spcPts val="0"/>
              </a:spcAft>
              <a:buSzPts val="1400"/>
              <a:buNone/>
              <a:defRPr/>
            </a:lvl4pPr>
            <a:lvl5pPr lvl="4" algn="ctr" rtl="0">
              <a:lnSpc>
                <a:spcPct val="100000"/>
              </a:lnSpc>
              <a:spcBef>
                <a:spcPts val="3556"/>
              </a:spcBef>
              <a:spcAft>
                <a:spcPts val="0"/>
              </a:spcAft>
              <a:buSzPts val="1400"/>
              <a:buNone/>
              <a:defRPr/>
            </a:lvl5pPr>
            <a:lvl6pPr lvl="5" algn="ctr" rtl="0">
              <a:lnSpc>
                <a:spcPct val="100000"/>
              </a:lnSpc>
              <a:spcBef>
                <a:spcPts val="3556"/>
              </a:spcBef>
              <a:spcAft>
                <a:spcPts val="0"/>
              </a:spcAft>
              <a:buSzPts val="1400"/>
              <a:buNone/>
              <a:defRPr/>
            </a:lvl6pPr>
            <a:lvl7pPr lvl="6" algn="ctr" rtl="0">
              <a:lnSpc>
                <a:spcPct val="100000"/>
              </a:lnSpc>
              <a:spcBef>
                <a:spcPts val="3556"/>
              </a:spcBef>
              <a:spcAft>
                <a:spcPts val="0"/>
              </a:spcAft>
              <a:buSzPts val="1400"/>
              <a:buNone/>
              <a:defRPr/>
            </a:lvl7pPr>
            <a:lvl8pPr lvl="7" algn="ctr" rtl="0">
              <a:lnSpc>
                <a:spcPct val="100000"/>
              </a:lnSpc>
              <a:spcBef>
                <a:spcPts val="3556"/>
              </a:spcBef>
              <a:spcAft>
                <a:spcPts val="0"/>
              </a:spcAft>
              <a:buSzPts val="1400"/>
              <a:buNone/>
              <a:defRPr/>
            </a:lvl8pPr>
            <a:lvl9pPr lvl="8" algn="ctr" rtl="0">
              <a:lnSpc>
                <a:spcPct val="100000"/>
              </a:lnSpc>
              <a:spcBef>
                <a:spcPts val="3556"/>
              </a:spcBef>
              <a:spcAft>
                <a:spcPts val="3556"/>
              </a:spcAft>
              <a:buSzPts val="1400"/>
              <a:buNone/>
              <a:defRPr/>
            </a:lvl9pPr>
          </a:lstStyle>
          <a:p>
            <a:endParaRPr/>
          </a:p>
        </p:txBody>
      </p:sp>
      <p:sp>
        <p:nvSpPr>
          <p:cNvPr id="476" name="Google Shape;476;p31"/>
          <p:cNvSpPr txBox="1">
            <a:spLocks noGrp="1"/>
          </p:cNvSpPr>
          <p:nvPr>
            <p:ph type="subTitle" idx="6"/>
          </p:nvPr>
        </p:nvSpPr>
        <p:spPr>
          <a:xfrm>
            <a:off x="2469122" y="3587362"/>
            <a:ext cx="4396000" cy="838000"/>
          </a:xfrm>
          <a:prstGeom prst="rect">
            <a:avLst/>
          </a:prstGeom>
        </p:spPr>
        <p:txBody>
          <a:bodyPr spcFirstLastPara="1" wrap="square" lIns="91425" tIns="91425" rIns="91425" bIns="91425" anchor="b" anchorCtr="0">
            <a:noAutofit/>
          </a:bodyPr>
          <a:lstStyle>
            <a:lvl1pPr lvl="0" algn="ctr" rtl="0">
              <a:lnSpc>
                <a:spcPct val="100000"/>
              </a:lnSpc>
              <a:spcBef>
                <a:spcPts val="0"/>
              </a:spcBef>
              <a:spcAft>
                <a:spcPts val="0"/>
              </a:spcAft>
              <a:buSzPts val="2400"/>
              <a:buFont typeface="Orelega One"/>
              <a:buNone/>
              <a:defRPr sz="4889">
                <a:solidFill>
                  <a:schemeClr val="dk1"/>
                </a:solidFill>
                <a:latin typeface="Orelega One"/>
                <a:ea typeface="Orelega One"/>
                <a:cs typeface="Orelega One"/>
                <a:sym typeface="Orelega One"/>
              </a:defRPr>
            </a:lvl1pPr>
            <a:lvl2pPr lvl="1"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2pPr>
            <a:lvl3pPr lvl="2"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3pPr>
            <a:lvl4pPr lvl="3"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4pPr>
            <a:lvl5pPr lvl="4"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5pPr>
            <a:lvl6pPr lvl="5"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6pPr>
            <a:lvl7pPr lvl="6"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7pPr>
            <a:lvl8pPr lvl="7"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8pPr>
            <a:lvl9pPr lvl="8"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9pPr>
          </a:lstStyle>
          <a:p>
            <a:endParaRPr/>
          </a:p>
        </p:txBody>
      </p:sp>
      <p:sp>
        <p:nvSpPr>
          <p:cNvPr id="477" name="Google Shape;477;p31"/>
          <p:cNvSpPr txBox="1">
            <a:spLocks noGrp="1"/>
          </p:cNvSpPr>
          <p:nvPr>
            <p:ph type="subTitle" idx="7"/>
          </p:nvPr>
        </p:nvSpPr>
        <p:spPr>
          <a:xfrm>
            <a:off x="7957667" y="3587362"/>
            <a:ext cx="4396000" cy="838000"/>
          </a:xfrm>
          <a:prstGeom prst="rect">
            <a:avLst/>
          </a:prstGeom>
        </p:spPr>
        <p:txBody>
          <a:bodyPr spcFirstLastPara="1" wrap="square" lIns="91425" tIns="91425" rIns="91425" bIns="91425" anchor="b" anchorCtr="0">
            <a:noAutofit/>
          </a:bodyPr>
          <a:lstStyle>
            <a:lvl1pPr lvl="0" algn="ctr" rtl="0">
              <a:lnSpc>
                <a:spcPct val="100000"/>
              </a:lnSpc>
              <a:spcBef>
                <a:spcPts val="0"/>
              </a:spcBef>
              <a:spcAft>
                <a:spcPts val="0"/>
              </a:spcAft>
              <a:buSzPts val="2400"/>
              <a:buFont typeface="Orelega One"/>
              <a:buNone/>
              <a:defRPr sz="4889">
                <a:solidFill>
                  <a:schemeClr val="dk1"/>
                </a:solidFill>
                <a:latin typeface="Orelega One"/>
                <a:ea typeface="Orelega One"/>
                <a:cs typeface="Orelega One"/>
                <a:sym typeface="Orelega One"/>
              </a:defRPr>
            </a:lvl1pPr>
            <a:lvl2pPr lvl="1"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2pPr>
            <a:lvl3pPr lvl="2"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3pPr>
            <a:lvl4pPr lvl="3"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4pPr>
            <a:lvl5pPr lvl="4"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5pPr>
            <a:lvl6pPr lvl="5"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6pPr>
            <a:lvl7pPr lvl="6"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7pPr>
            <a:lvl8pPr lvl="7"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8pPr>
            <a:lvl9pPr lvl="8"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9pPr>
          </a:lstStyle>
          <a:p>
            <a:endParaRPr/>
          </a:p>
        </p:txBody>
      </p:sp>
      <p:sp>
        <p:nvSpPr>
          <p:cNvPr id="478" name="Google Shape;478;p31"/>
          <p:cNvSpPr txBox="1">
            <a:spLocks noGrp="1"/>
          </p:cNvSpPr>
          <p:nvPr>
            <p:ph type="subTitle" idx="8"/>
          </p:nvPr>
        </p:nvSpPr>
        <p:spPr>
          <a:xfrm>
            <a:off x="13446211" y="3587362"/>
            <a:ext cx="4396000" cy="838000"/>
          </a:xfrm>
          <a:prstGeom prst="rect">
            <a:avLst/>
          </a:prstGeom>
        </p:spPr>
        <p:txBody>
          <a:bodyPr spcFirstLastPara="1" wrap="square" lIns="91425" tIns="91425" rIns="91425" bIns="91425" anchor="b" anchorCtr="0">
            <a:noAutofit/>
          </a:bodyPr>
          <a:lstStyle>
            <a:lvl1pPr lvl="0" algn="ctr" rtl="0">
              <a:lnSpc>
                <a:spcPct val="100000"/>
              </a:lnSpc>
              <a:spcBef>
                <a:spcPts val="0"/>
              </a:spcBef>
              <a:spcAft>
                <a:spcPts val="0"/>
              </a:spcAft>
              <a:buSzPts val="2400"/>
              <a:buFont typeface="Orelega One"/>
              <a:buNone/>
              <a:defRPr sz="4889">
                <a:solidFill>
                  <a:schemeClr val="dk1"/>
                </a:solidFill>
                <a:latin typeface="Orelega One"/>
                <a:ea typeface="Orelega One"/>
                <a:cs typeface="Orelega One"/>
                <a:sym typeface="Orelega One"/>
              </a:defRPr>
            </a:lvl1pPr>
            <a:lvl2pPr lvl="1"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2pPr>
            <a:lvl3pPr lvl="2"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3pPr>
            <a:lvl4pPr lvl="3"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4pPr>
            <a:lvl5pPr lvl="4"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5pPr>
            <a:lvl6pPr lvl="5"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6pPr>
            <a:lvl7pPr lvl="6"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7pPr>
            <a:lvl8pPr lvl="7"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8pPr>
            <a:lvl9pPr lvl="8"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9pPr>
          </a:lstStyle>
          <a:p>
            <a:endParaRPr/>
          </a:p>
        </p:txBody>
      </p:sp>
      <p:sp>
        <p:nvSpPr>
          <p:cNvPr id="479" name="Google Shape;479;p31"/>
          <p:cNvSpPr txBox="1">
            <a:spLocks noGrp="1"/>
          </p:cNvSpPr>
          <p:nvPr>
            <p:ph type="subTitle" idx="9"/>
          </p:nvPr>
        </p:nvSpPr>
        <p:spPr>
          <a:xfrm>
            <a:off x="2469122" y="7108833"/>
            <a:ext cx="4396000" cy="838000"/>
          </a:xfrm>
          <a:prstGeom prst="rect">
            <a:avLst/>
          </a:prstGeom>
        </p:spPr>
        <p:txBody>
          <a:bodyPr spcFirstLastPara="1" wrap="square" lIns="91425" tIns="91425" rIns="91425" bIns="91425" anchor="b" anchorCtr="0">
            <a:noAutofit/>
          </a:bodyPr>
          <a:lstStyle>
            <a:lvl1pPr lvl="0" algn="ctr" rtl="0">
              <a:lnSpc>
                <a:spcPct val="100000"/>
              </a:lnSpc>
              <a:spcBef>
                <a:spcPts val="0"/>
              </a:spcBef>
              <a:spcAft>
                <a:spcPts val="0"/>
              </a:spcAft>
              <a:buSzPts val="2400"/>
              <a:buFont typeface="Orelega One"/>
              <a:buNone/>
              <a:defRPr sz="4889">
                <a:solidFill>
                  <a:schemeClr val="dk1"/>
                </a:solidFill>
                <a:latin typeface="Orelega One"/>
                <a:ea typeface="Orelega One"/>
                <a:cs typeface="Orelega One"/>
                <a:sym typeface="Orelega One"/>
              </a:defRPr>
            </a:lvl1pPr>
            <a:lvl2pPr lvl="1"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2pPr>
            <a:lvl3pPr lvl="2"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3pPr>
            <a:lvl4pPr lvl="3"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4pPr>
            <a:lvl5pPr lvl="4"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5pPr>
            <a:lvl6pPr lvl="5"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6pPr>
            <a:lvl7pPr lvl="6"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7pPr>
            <a:lvl8pPr lvl="7"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8pPr>
            <a:lvl9pPr lvl="8"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9pPr>
          </a:lstStyle>
          <a:p>
            <a:endParaRPr/>
          </a:p>
        </p:txBody>
      </p:sp>
      <p:sp>
        <p:nvSpPr>
          <p:cNvPr id="480" name="Google Shape;480;p31"/>
          <p:cNvSpPr txBox="1">
            <a:spLocks noGrp="1"/>
          </p:cNvSpPr>
          <p:nvPr>
            <p:ph type="subTitle" idx="13"/>
          </p:nvPr>
        </p:nvSpPr>
        <p:spPr>
          <a:xfrm>
            <a:off x="13446211" y="7108833"/>
            <a:ext cx="4396000" cy="838000"/>
          </a:xfrm>
          <a:prstGeom prst="rect">
            <a:avLst/>
          </a:prstGeom>
        </p:spPr>
        <p:txBody>
          <a:bodyPr spcFirstLastPara="1" wrap="square" lIns="91425" tIns="91425" rIns="91425" bIns="91425" anchor="b" anchorCtr="0">
            <a:noAutofit/>
          </a:bodyPr>
          <a:lstStyle>
            <a:lvl1pPr lvl="0" algn="ctr" rtl="0">
              <a:lnSpc>
                <a:spcPct val="100000"/>
              </a:lnSpc>
              <a:spcBef>
                <a:spcPts val="0"/>
              </a:spcBef>
              <a:spcAft>
                <a:spcPts val="0"/>
              </a:spcAft>
              <a:buSzPts val="2400"/>
              <a:buFont typeface="Orelega One"/>
              <a:buNone/>
              <a:defRPr sz="4889">
                <a:solidFill>
                  <a:schemeClr val="dk1"/>
                </a:solidFill>
                <a:latin typeface="Orelega One"/>
                <a:ea typeface="Orelega One"/>
                <a:cs typeface="Orelega One"/>
                <a:sym typeface="Orelega One"/>
              </a:defRPr>
            </a:lvl1pPr>
            <a:lvl2pPr lvl="1"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2pPr>
            <a:lvl3pPr lvl="2"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3pPr>
            <a:lvl4pPr lvl="3"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4pPr>
            <a:lvl5pPr lvl="4"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5pPr>
            <a:lvl6pPr lvl="5"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6pPr>
            <a:lvl7pPr lvl="6"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7pPr>
            <a:lvl8pPr lvl="7"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8pPr>
            <a:lvl9pPr lvl="8"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9pPr>
          </a:lstStyle>
          <a:p>
            <a:endParaRPr/>
          </a:p>
        </p:txBody>
      </p:sp>
      <p:grpSp>
        <p:nvGrpSpPr>
          <p:cNvPr id="481" name="Google Shape;481;p31"/>
          <p:cNvGrpSpPr/>
          <p:nvPr/>
        </p:nvGrpSpPr>
        <p:grpSpPr>
          <a:xfrm>
            <a:off x="329958" y="6211285"/>
            <a:ext cx="19431764" cy="4886302"/>
            <a:chOff x="148481" y="2795078"/>
            <a:chExt cx="8744294" cy="2198836"/>
          </a:xfrm>
        </p:grpSpPr>
        <p:sp>
          <p:nvSpPr>
            <p:cNvPr id="482" name="Google Shape;482;p31"/>
            <p:cNvSpPr/>
            <p:nvPr/>
          </p:nvSpPr>
          <p:spPr>
            <a:xfrm flipH="1">
              <a:off x="148481" y="2795078"/>
              <a:ext cx="571509" cy="2198836"/>
            </a:xfrm>
            <a:custGeom>
              <a:avLst/>
              <a:gdLst/>
              <a:ahLst/>
              <a:cxnLst/>
              <a:rect l="l" t="t" r="r" b="b"/>
              <a:pathLst>
                <a:path w="24361" h="93737" extrusionOk="0">
                  <a:moveTo>
                    <a:pt x="11069" y="0"/>
                  </a:moveTo>
                  <a:lnTo>
                    <a:pt x="10606" y="47"/>
                  </a:lnTo>
                  <a:lnTo>
                    <a:pt x="10189" y="139"/>
                  </a:lnTo>
                  <a:lnTo>
                    <a:pt x="9957" y="232"/>
                  </a:lnTo>
                  <a:lnTo>
                    <a:pt x="9818" y="371"/>
                  </a:lnTo>
                  <a:lnTo>
                    <a:pt x="9679" y="510"/>
                  </a:lnTo>
                  <a:lnTo>
                    <a:pt x="9541" y="649"/>
                  </a:lnTo>
                  <a:lnTo>
                    <a:pt x="9263" y="1297"/>
                  </a:lnTo>
                  <a:lnTo>
                    <a:pt x="9031" y="1899"/>
                  </a:lnTo>
                  <a:lnTo>
                    <a:pt x="8800" y="2548"/>
                  </a:lnTo>
                  <a:lnTo>
                    <a:pt x="8661" y="3196"/>
                  </a:lnTo>
                  <a:lnTo>
                    <a:pt x="8522" y="3844"/>
                  </a:lnTo>
                  <a:lnTo>
                    <a:pt x="8429" y="4539"/>
                  </a:lnTo>
                  <a:lnTo>
                    <a:pt x="8383" y="5187"/>
                  </a:lnTo>
                  <a:lnTo>
                    <a:pt x="8336" y="5836"/>
                  </a:lnTo>
                  <a:lnTo>
                    <a:pt x="8336" y="7179"/>
                  </a:lnTo>
                  <a:lnTo>
                    <a:pt x="8429" y="8522"/>
                  </a:lnTo>
                  <a:lnTo>
                    <a:pt x="8661" y="11208"/>
                  </a:lnTo>
                  <a:lnTo>
                    <a:pt x="8938" y="14172"/>
                  </a:lnTo>
                  <a:lnTo>
                    <a:pt x="9124" y="17090"/>
                  </a:lnTo>
                  <a:lnTo>
                    <a:pt x="9216" y="20054"/>
                  </a:lnTo>
                  <a:lnTo>
                    <a:pt x="9216" y="21489"/>
                  </a:lnTo>
                  <a:lnTo>
                    <a:pt x="9216" y="22971"/>
                  </a:lnTo>
                  <a:lnTo>
                    <a:pt x="9124" y="25194"/>
                  </a:lnTo>
                  <a:lnTo>
                    <a:pt x="8985" y="27417"/>
                  </a:lnTo>
                  <a:lnTo>
                    <a:pt x="8707" y="31863"/>
                  </a:lnTo>
                  <a:lnTo>
                    <a:pt x="8383" y="36263"/>
                  </a:lnTo>
                  <a:lnTo>
                    <a:pt x="8058" y="40709"/>
                  </a:lnTo>
                  <a:lnTo>
                    <a:pt x="7873" y="40061"/>
                  </a:lnTo>
                  <a:lnTo>
                    <a:pt x="7595" y="39412"/>
                  </a:lnTo>
                  <a:lnTo>
                    <a:pt x="7225" y="38857"/>
                  </a:lnTo>
                  <a:lnTo>
                    <a:pt x="6808" y="38347"/>
                  </a:lnTo>
                  <a:lnTo>
                    <a:pt x="6669" y="38254"/>
                  </a:lnTo>
                  <a:lnTo>
                    <a:pt x="6438" y="38208"/>
                  </a:lnTo>
                  <a:lnTo>
                    <a:pt x="6252" y="38208"/>
                  </a:lnTo>
                  <a:lnTo>
                    <a:pt x="6160" y="38254"/>
                  </a:lnTo>
                  <a:lnTo>
                    <a:pt x="6067" y="38347"/>
                  </a:lnTo>
                  <a:lnTo>
                    <a:pt x="5835" y="38671"/>
                  </a:lnTo>
                  <a:lnTo>
                    <a:pt x="5650" y="39042"/>
                  </a:lnTo>
                  <a:lnTo>
                    <a:pt x="5465" y="39412"/>
                  </a:lnTo>
                  <a:lnTo>
                    <a:pt x="5326" y="39783"/>
                  </a:lnTo>
                  <a:lnTo>
                    <a:pt x="5233" y="40153"/>
                  </a:lnTo>
                  <a:lnTo>
                    <a:pt x="5141" y="40570"/>
                  </a:lnTo>
                  <a:lnTo>
                    <a:pt x="5048" y="41357"/>
                  </a:lnTo>
                  <a:lnTo>
                    <a:pt x="5048" y="42191"/>
                  </a:lnTo>
                  <a:lnTo>
                    <a:pt x="5048" y="43025"/>
                  </a:lnTo>
                  <a:lnTo>
                    <a:pt x="5094" y="44646"/>
                  </a:lnTo>
                  <a:lnTo>
                    <a:pt x="5141" y="46730"/>
                  </a:lnTo>
                  <a:lnTo>
                    <a:pt x="5187" y="48814"/>
                  </a:lnTo>
                  <a:lnTo>
                    <a:pt x="5419" y="52935"/>
                  </a:lnTo>
                  <a:lnTo>
                    <a:pt x="5511" y="54927"/>
                  </a:lnTo>
                  <a:lnTo>
                    <a:pt x="5558" y="56965"/>
                  </a:lnTo>
                  <a:lnTo>
                    <a:pt x="5558" y="56965"/>
                  </a:lnTo>
                  <a:lnTo>
                    <a:pt x="5326" y="56177"/>
                  </a:lnTo>
                  <a:lnTo>
                    <a:pt x="5141" y="55436"/>
                  </a:lnTo>
                  <a:lnTo>
                    <a:pt x="4956" y="54649"/>
                  </a:lnTo>
                  <a:lnTo>
                    <a:pt x="4817" y="53862"/>
                  </a:lnTo>
                  <a:lnTo>
                    <a:pt x="4770" y="53074"/>
                  </a:lnTo>
                  <a:lnTo>
                    <a:pt x="4724" y="52287"/>
                  </a:lnTo>
                  <a:lnTo>
                    <a:pt x="4678" y="50759"/>
                  </a:lnTo>
                  <a:lnTo>
                    <a:pt x="4817" y="47656"/>
                  </a:lnTo>
                  <a:lnTo>
                    <a:pt x="4817" y="45896"/>
                  </a:lnTo>
                  <a:lnTo>
                    <a:pt x="4770" y="44090"/>
                  </a:lnTo>
                  <a:lnTo>
                    <a:pt x="4678" y="42330"/>
                  </a:lnTo>
                  <a:lnTo>
                    <a:pt x="4585" y="40524"/>
                  </a:lnTo>
                  <a:lnTo>
                    <a:pt x="4261" y="36958"/>
                  </a:lnTo>
                  <a:lnTo>
                    <a:pt x="4029" y="33392"/>
                  </a:lnTo>
                  <a:lnTo>
                    <a:pt x="3937" y="31400"/>
                  </a:lnTo>
                  <a:lnTo>
                    <a:pt x="3844" y="30428"/>
                  </a:lnTo>
                  <a:lnTo>
                    <a:pt x="3751" y="29918"/>
                  </a:lnTo>
                  <a:lnTo>
                    <a:pt x="3659" y="29455"/>
                  </a:lnTo>
                  <a:lnTo>
                    <a:pt x="3520" y="29038"/>
                  </a:lnTo>
                  <a:lnTo>
                    <a:pt x="3335" y="28621"/>
                  </a:lnTo>
                  <a:lnTo>
                    <a:pt x="3103" y="28251"/>
                  </a:lnTo>
                  <a:lnTo>
                    <a:pt x="2779" y="27927"/>
                  </a:lnTo>
                  <a:lnTo>
                    <a:pt x="2455" y="27649"/>
                  </a:lnTo>
                  <a:lnTo>
                    <a:pt x="2038" y="27464"/>
                  </a:lnTo>
                  <a:lnTo>
                    <a:pt x="1528" y="27278"/>
                  </a:lnTo>
                  <a:lnTo>
                    <a:pt x="973" y="27232"/>
                  </a:lnTo>
                  <a:lnTo>
                    <a:pt x="648" y="27232"/>
                  </a:lnTo>
                  <a:lnTo>
                    <a:pt x="463" y="27325"/>
                  </a:lnTo>
                  <a:lnTo>
                    <a:pt x="278" y="27417"/>
                  </a:lnTo>
                  <a:lnTo>
                    <a:pt x="139" y="27510"/>
                  </a:lnTo>
                  <a:lnTo>
                    <a:pt x="46" y="27695"/>
                  </a:lnTo>
                  <a:lnTo>
                    <a:pt x="0" y="27834"/>
                  </a:lnTo>
                  <a:lnTo>
                    <a:pt x="0" y="28019"/>
                  </a:lnTo>
                  <a:lnTo>
                    <a:pt x="232" y="28668"/>
                  </a:lnTo>
                  <a:lnTo>
                    <a:pt x="324" y="29316"/>
                  </a:lnTo>
                  <a:lnTo>
                    <a:pt x="417" y="30011"/>
                  </a:lnTo>
                  <a:lnTo>
                    <a:pt x="463" y="30706"/>
                  </a:lnTo>
                  <a:lnTo>
                    <a:pt x="463" y="32049"/>
                  </a:lnTo>
                  <a:lnTo>
                    <a:pt x="463" y="33392"/>
                  </a:lnTo>
                  <a:lnTo>
                    <a:pt x="556" y="35244"/>
                  </a:lnTo>
                  <a:lnTo>
                    <a:pt x="648" y="37097"/>
                  </a:lnTo>
                  <a:lnTo>
                    <a:pt x="648" y="38023"/>
                  </a:lnTo>
                  <a:lnTo>
                    <a:pt x="648" y="38949"/>
                  </a:lnTo>
                  <a:lnTo>
                    <a:pt x="648" y="39875"/>
                  </a:lnTo>
                  <a:lnTo>
                    <a:pt x="556" y="40802"/>
                  </a:lnTo>
                  <a:lnTo>
                    <a:pt x="371" y="42469"/>
                  </a:lnTo>
                  <a:lnTo>
                    <a:pt x="232" y="44229"/>
                  </a:lnTo>
                  <a:lnTo>
                    <a:pt x="139" y="45989"/>
                  </a:lnTo>
                  <a:lnTo>
                    <a:pt x="93" y="47795"/>
                  </a:lnTo>
                  <a:lnTo>
                    <a:pt x="93" y="49555"/>
                  </a:lnTo>
                  <a:lnTo>
                    <a:pt x="185" y="51315"/>
                  </a:lnTo>
                  <a:lnTo>
                    <a:pt x="324" y="53074"/>
                  </a:lnTo>
                  <a:lnTo>
                    <a:pt x="556" y="54742"/>
                  </a:lnTo>
                  <a:lnTo>
                    <a:pt x="695" y="55575"/>
                  </a:lnTo>
                  <a:lnTo>
                    <a:pt x="880" y="56409"/>
                  </a:lnTo>
                  <a:lnTo>
                    <a:pt x="1297" y="57984"/>
                  </a:lnTo>
                  <a:lnTo>
                    <a:pt x="1714" y="59604"/>
                  </a:lnTo>
                  <a:lnTo>
                    <a:pt x="1899" y="60438"/>
                  </a:lnTo>
                  <a:lnTo>
                    <a:pt x="2038" y="61272"/>
                  </a:lnTo>
                  <a:lnTo>
                    <a:pt x="2223" y="62661"/>
                  </a:lnTo>
                  <a:lnTo>
                    <a:pt x="2408" y="64097"/>
                  </a:lnTo>
                  <a:lnTo>
                    <a:pt x="2547" y="64791"/>
                  </a:lnTo>
                  <a:lnTo>
                    <a:pt x="2686" y="65486"/>
                  </a:lnTo>
                  <a:lnTo>
                    <a:pt x="2918" y="66181"/>
                  </a:lnTo>
                  <a:lnTo>
                    <a:pt x="3196" y="66829"/>
                  </a:lnTo>
                  <a:lnTo>
                    <a:pt x="3566" y="67478"/>
                  </a:lnTo>
                  <a:lnTo>
                    <a:pt x="3983" y="68126"/>
                  </a:lnTo>
                  <a:lnTo>
                    <a:pt x="4446" y="68682"/>
                  </a:lnTo>
                  <a:lnTo>
                    <a:pt x="4956" y="69237"/>
                  </a:lnTo>
                  <a:lnTo>
                    <a:pt x="5511" y="69701"/>
                  </a:lnTo>
                  <a:lnTo>
                    <a:pt x="6113" y="70164"/>
                  </a:lnTo>
                  <a:lnTo>
                    <a:pt x="6715" y="70534"/>
                  </a:lnTo>
                  <a:lnTo>
                    <a:pt x="7364" y="70812"/>
                  </a:lnTo>
                  <a:lnTo>
                    <a:pt x="7179" y="72572"/>
                  </a:lnTo>
                  <a:lnTo>
                    <a:pt x="7086" y="73452"/>
                  </a:lnTo>
                  <a:lnTo>
                    <a:pt x="7040" y="74332"/>
                  </a:lnTo>
                  <a:lnTo>
                    <a:pt x="7086" y="75767"/>
                  </a:lnTo>
                  <a:lnTo>
                    <a:pt x="7179" y="77203"/>
                  </a:lnTo>
                  <a:lnTo>
                    <a:pt x="7317" y="78639"/>
                  </a:lnTo>
                  <a:lnTo>
                    <a:pt x="7410" y="80075"/>
                  </a:lnTo>
                  <a:lnTo>
                    <a:pt x="7456" y="81603"/>
                  </a:lnTo>
                  <a:lnTo>
                    <a:pt x="7456" y="83131"/>
                  </a:lnTo>
                  <a:lnTo>
                    <a:pt x="7503" y="86188"/>
                  </a:lnTo>
                  <a:lnTo>
                    <a:pt x="7549" y="87716"/>
                  </a:lnTo>
                  <a:lnTo>
                    <a:pt x="7642" y="89244"/>
                  </a:lnTo>
                  <a:lnTo>
                    <a:pt x="7827" y="90773"/>
                  </a:lnTo>
                  <a:lnTo>
                    <a:pt x="7966" y="91514"/>
                  </a:lnTo>
                  <a:lnTo>
                    <a:pt x="8151" y="92208"/>
                  </a:lnTo>
                  <a:lnTo>
                    <a:pt x="8197" y="92440"/>
                  </a:lnTo>
                  <a:lnTo>
                    <a:pt x="8290" y="92625"/>
                  </a:lnTo>
                  <a:lnTo>
                    <a:pt x="8522" y="92996"/>
                  </a:lnTo>
                  <a:lnTo>
                    <a:pt x="8846" y="93274"/>
                  </a:lnTo>
                  <a:lnTo>
                    <a:pt x="9263" y="93505"/>
                  </a:lnTo>
                  <a:lnTo>
                    <a:pt x="9679" y="93644"/>
                  </a:lnTo>
                  <a:lnTo>
                    <a:pt x="10143" y="93737"/>
                  </a:lnTo>
                  <a:lnTo>
                    <a:pt x="10652" y="93737"/>
                  </a:lnTo>
                  <a:lnTo>
                    <a:pt x="11161" y="93690"/>
                  </a:lnTo>
                  <a:lnTo>
                    <a:pt x="11671" y="93598"/>
                  </a:lnTo>
                  <a:lnTo>
                    <a:pt x="12180" y="93459"/>
                  </a:lnTo>
                  <a:lnTo>
                    <a:pt x="12643" y="93274"/>
                  </a:lnTo>
                  <a:lnTo>
                    <a:pt x="13060" y="93042"/>
                  </a:lnTo>
                  <a:lnTo>
                    <a:pt x="13431" y="92764"/>
                  </a:lnTo>
                  <a:lnTo>
                    <a:pt x="13709" y="92440"/>
                  </a:lnTo>
                  <a:lnTo>
                    <a:pt x="13940" y="92116"/>
                  </a:lnTo>
                  <a:lnTo>
                    <a:pt x="14079" y="91699"/>
                  </a:lnTo>
                  <a:lnTo>
                    <a:pt x="14218" y="91004"/>
                  </a:lnTo>
                  <a:lnTo>
                    <a:pt x="14311" y="90310"/>
                  </a:lnTo>
                  <a:lnTo>
                    <a:pt x="14403" y="88874"/>
                  </a:lnTo>
                  <a:lnTo>
                    <a:pt x="14450" y="87392"/>
                  </a:lnTo>
                  <a:lnTo>
                    <a:pt x="14403" y="85910"/>
                  </a:lnTo>
                  <a:lnTo>
                    <a:pt x="14264" y="82992"/>
                  </a:lnTo>
                  <a:lnTo>
                    <a:pt x="14218" y="81510"/>
                  </a:lnTo>
                  <a:lnTo>
                    <a:pt x="14218" y="80075"/>
                  </a:lnTo>
                  <a:lnTo>
                    <a:pt x="14218" y="78546"/>
                  </a:lnTo>
                  <a:lnTo>
                    <a:pt x="14311" y="76972"/>
                  </a:lnTo>
                  <a:lnTo>
                    <a:pt x="14311" y="75443"/>
                  </a:lnTo>
                  <a:lnTo>
                    <a:pt x="14311" y="74656"/>
                  </a:lnTo>
                  <a:lnTo>
                    <a:pt x="14264" y="73915"/>
                  </a:lnTo>
                  <a:lnTo>
                    <a:pt x="14125" y="72711"/>
                  </a:lnTo>
                  <a:lnTo>
                    <a:pt x="13940" y="71507"/>
                  </a:lnTo>
                  <a:lnTo>
                    <a:pt x="14403" y="71321"/>
                  </a:lnTo>
                  <a:lnTo>
                    <a:pt x="14820" y="71136"/>
                  </a:lnTo>
                  <a:lnTo>
                    <a:pt x="15237" y="70905"/>
                  </a:lnTo>
                  <a:lnTo>
                    <a:pt x="15654" y="70627"/>
                  </a:lnTo>
                  <a:lnTo>
                    <a:pt x="16395" y="70025"/>
                  </a:lnTo>
                  <a:lnTo>
                    <a:pt x="17089" y="69376"/>
                  </a:lnTo>
                  <a:lnTo>
                    <a:pt x="17738" y="68635"/>
                  </a:lnTo>
                  <a:lnTo>
                    <a:pt x="18294" y="67848"/>
                  </a:lnTo>
                  <a:lnTo>
                    <a:pt x="18849" y="66968"/>
                  </a:lnTo>
                  <a:lnTo>
                    <a:pt x="19313" y="66088"/>
                  </a:lnTo>
                  <a:lnTo>
                    <a:pt x="19729" y="65162"/>
                  </a:lnTo>
                  <a:lnTo>
                    <a:pt x="20100" y="64189"/>
                  </a:lnTo>
                  <a:lnTo>
                    <a:pt x="20424" y="63263"/>
                  </a:lnTo>
                  <a:lnTo>
                    <a:pt x="20702" y="62291"/>
                  </a:lnTo>
                  <a:lnTo>
                    <a:pt x="20933" y="61318"/>
                  </a:lnTo>
                  <a:lnTo>
                    <a:pt x="21119" y="60345"/>
                  </a:lnTo>
                  <a:lnTo>
                    <a:pt x="21258" y="59419"/>
                  </a:lnTo>
                  <a:lnTo>
                    <a:pt x="21350" y="58493"/>
                  </a:lnTo>
                  <a:lnTo>
                    <a:pt x="21628" y="55622"/>
                  </a:lnTo>
                  <a:lnTo>
                    <a:pt x="21906" y="52797"/>
                  </a:lnTo>
                  <a:lnTo>
                    <a:pt x="22091" y="51407"/>
                  </a:lnTo>
                  <a:lnTo>
                    <a:pt x="22277" y="49971"/>
                  </a:lnTo>
                  <a:lnTo>
                    <a:pt x="22508" y="48582"/>
                  </a:lnTo>
                  <a:lnTo>
                    <a:pt x="22786" y="47146"/>
                  </a:lnTo>
                  <a:lnTo>
                    <a:pt x="23064" y="45942"/>
                  </a:lnTo>
                  <a:lnTo>
                    <a:pt x="23434" y="44738"/>
                  </a:lnTo>
                  <a:lnTo>
                    <a:pt x="23759" y="43488"/>
                  </a:lnTo>
                  <a:lnTo>
                    <a:pt x="24083" y="42237"/>
                  </a:lnTo>
                  <a:lnTo>
                    <a:pt x="24175" y="41635"/>
                  </a:lnTo>
                  <a:lnTo>
                    <a:pt x="24268" y="41033"/>
                  </a:lnTo>
                  <a:lnTo>
                    <a:pt x="24361" y="40385"/>
                  </a:lnTo>
                  <a:lnTo>
                    <a:pt x="24361" y="39783"/>
                  </a:lnTo>
                  <a:lnTo>
                    <a:pt x="24361" y="39181"/>
                  </a:lnTo>
                  <a:lnTo>
                    <a:pt x="24268" y="38532"/>
                  </a:lnTo>
                  <a:lnTo>
                    <a:pt x="24129" y="37930"/>
                  </a:lnTo>
                  <a:lnTo>
                    <a:pt x="23944" y="37375"/>
                  </a:lnTo>
                  <a:lnTo>
                    <a:pt x="23897" y="37236"/>
                  </a:lnTo>
                  <a:lnTo>
                    <a:pt x="23805" y="37189"/>
                  </a:lnTo>
                  <a:lnTo>
                    <a:pt x="23666" y="37143"/>
                  </a:lnTo>
                  <a:lnTo>
                    <a:pt x="23573" y="37097"/>
                  </a:lnTo>
                  <a:lnTo>
                    <a:pt x="23295" y="37097"/>
                  </a:lnTo>
                  <a:lnTo>
                    <a:pt x="23064" y="37189"/>
                  </a:lnTo>
                  <a:lnTo>
                    <a:pt x="22647" y="37513"/>
                  </a:lnTo>
                  <a:lnTo>
                    <a:pt x="22277" y="37838"/>
                  </a:lnTo>
                  <a:lnTo>
                    <a:pt x="21906" y="38162"/>
                  </a:lnTo>
                  <a:lnTo>
                    <a:pt x="21582" y="38532"/>
                  </a:lnTo>
                  <a:lnTo>
                    <a:pt x="20933" y="39273"/>
                  </a:lnTo>
                  <a:lnTo>
                    <a:pt x="20378" y="40107"/>
                  </a:lnTo>
                  <a:lnTo>
                    <a:pt x="20378" y="39459"/>
                  </a:lnTo>
                  <a:lnTo>
                    <a:pt x="20331" y="38764"/>
                  </a:lnTo>
                  <a:lnTo>
                    <a:pt x="20239" y="38162"/>
                  </a:lnTo>
                  <a:lnTo>
                    <a:pt x="20100" y="37560"/>
                  </a:lnTo>
                  <a:lnTo>
                    <a:pt x="19915" y="36958"/>
                  </a:lnTo>
                  <a:lnTo>
                    <a:pt x="19637" y="36402"/>
                  </a:lnTo>
                  <a:lnTo>
                    <a:pt x="19266" y="35893"/>
                  </a:lnTo>
                  <a:lnTo>
                    <a:pt x="18849" y="35383"/>
                  </a:lnTo>
                  <a:lnTo>
                    <a:pt x="18757" y="35290"/>
                  </a:lnTo>
                  <a:lnTo>
                    <a:pt x="18618" y="35244"/>
                  </a:lnTo>
                  <a:lnTo>
                    <a:pt x="18340" y="35152"/>
                  </a:lnTo>
                  <a:lnTo>
                    <a:pt x="18016" y="35198"/>
                  </a:lnTo>
                  <a:lnTo>
                    <a:pt x="17877" y="35244"/>
                  </a:lnTo>
                  <a:lnTo>
                    <a:pt x="17738" y="35290"/>
                  </a:lnTo>
                  <a:lnTo>
                    <a:pt x="17414" y="35568"/>
                  </a:lnTo>
                  <a:lnTo>
                    <a:pt x="17136" y="35893"/>
                  </a:lnTo>
                  <a:lnTo>
                    <a:pt x="16904" y="36170"/>
                  </a:lnTo>
                  <a:lnTo>
                    <a:pt x="16673" y="36495"/>
                  </a:lnTo>
                  <a:lnTo>
                    <a:pt x="16256" y="37097"/>
                  </a:lnTo>
                  <a:lnTo>
                    <a:pt x="15978" y="37791"/>
                  </a:lnTo>
                  <a:lnTo>
                    <a:pt x="15746" y="38532"/>
                  </a:lnTo>
                  <a:lnTo>
                    <a:pt x="15607" y="39273"/>
                  </a:lnTo>
                  <a:lnTo>
                    <a:pt x="15469" y="40061"/>
                  </a:lnTo>
                  <a:lnTo>
                    <a:pt x="15376" y="40894"/>
                  </a:lnTo>
                  <a:lnTo>
                    <a:pt x="15144" y="42978"/>
                  </a:lnTo>
                  <a:lnTo>
                    <a:pt x="15005" y="45062"/>
                  </a:lnTo>
                  <a:lnTo>
                    <a:pt x="14774" y="49277"/>
                  </a:lnTo>
                  <a:lnTo>
                    <a:pt x="14728" y="51268"/>
                  </a:lnTo>
                  <a:lnTo>
                    <a:pt x="14589" y="53260"/>
                  </a:lnTo>
                  <a:lnTo>
                    <a:pt x="14542" y="54279"/>
                  </a:lnTo>
                  <a:lnTo>
                    <a:pt x="14403" y="55251"/>
                  </a:lnTo>
                  <a:lnTo>
                    <a:pt x="14218" y="56224"/>
                  </a:lnTo>
                  <a:lnTo>
                    <a:pt x="13987" y="57196"/>
                  </a:lnTo>
                  <a:lnTo>
                    <a:pt x="13801" y="57752"/>
                  </a:lnTo>
                  <a:lnTo>
                    <a:pt x="13570" y="58261"/>
                  </a:lnTo>
                  <a:lnTo>
                    <a:pt x="13338" y="58678"/>
                  </a:lnTo>
                  <a:lnTo>
                    <a:pt x="13060" y="59095"/>
                  </a:lnTo>
                  <a:lnTo>
                    <a:pt x="12968" y="55853"/>
                  </a:lnTo>
                  <a:lnTo>
                    <a:pt x="12921" y="52611"/>
                  </a:lnTo>
                  <a:lnTo>
                    <a:pt x="12875" y="46128"/>
                  </a:lnTo>
                  <a:lnTo>
                    <a:pt x="12829" y="40477"/>
                  </a:lnTo>
                  <a:lnTo>
                    <a:pt x="12782" y="34827"/>
                  </a:lnTo>
                  <a:lnTo>
                    <a:pt x="12551" y="23527"/>
                  </a:lnTo>
                  <a:lnTo>
                    <a:pt x="12458" y="17877"/>
                  </a:lnTo>
                  <a:lnTo>
                    <a:pt x="12412" y="12227"/>
                  </a:lnTo>
                  <a:lnTo>
                    <a:pt x="12412" y="9402"/>
                  </a:lnTo>
                  <a:lnTo>
                    <a:pt x="12458" y="6530"/>
                  </a:lnTo>
                  <a:lnTo>
                    <a:pt x="12458" y="5141"/>
                  </a:lnTo>
                  <a:lnTo>
                    <a:pt x="12458" y="3705"/>
                  </a:lnTo>
                  <a:lnTo>
                    <a:pt x="12412" y="2316"/>
                  </a:lnTo>
                  <a:lnTo>
                    <a:pt x="12319" y="927"/>
                  </a:lnTo>
                  <a:lnTo>
                    <a:pt x="12273" y="695"/>
                  </a:lnTo>
                  <a:lnTo>
                    <a:pt x="12180" y="510"/>
                  </a:lnTo>
                  <a:lnTo>
                    <a:pt x="12041" y="371"/>
                  </a:lnTo>
                  <a:lnTo>
                    <a:pt x="11902" y="232"/>
                  </a:lnTo>
                  <a:lnTo>
                    <a:pt x="11717" y="139"/>
                  </a:lnTo>
                  <a:lnTo>
                    <a:pt x="11486" y="47"/>
                  </a:lnTo>
                  <a:lnTo>
                    <a:pt x="11069" y="0"/>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483" name="Google Shape;483;p31"/>
            <p:cNvSpPr/>
            <p:nvPr/>
          </p:nvSpPr>
          <p:spPr>
            <a:xfrm>
              <a:off x="8430775" y="3392688"/>
              <a:ext cx="462000" cy="1352350"/>
            </a:xfrm>
            <a:custGeom>
              <a:avLst/>
              <a:gdLst/>
              <a:ahLst/>
              <a:cxnLst/>
              <a:rect l="l" t="t" r="r" b="b"/>
              <a:pathLst>
                <a:path w="18480" h="54094" extrusionOk="0">
                  <a:moveTo>
                    <a:pt x="2177" y="27464"/>
                  </a:moveTo>
                  <a:lnTo>
                    <a:pt x="2363" y="27973"/>
                  </a:lnTo>
                  <a:lnTo>
                    <a:pt x="2594" y="28436"/>
                  </a:lnTo>
                  <a:lnTo>
                    <a:pt x="2872" y="28853"/>
                  </a:lnTo>
                  <a:lnTo>
                    <a:pt x="3243" y="29224"/>
                  </a:lnTo>
                  <a:lnTo>
                    <a:pt x="3613" y="29548"/>
                  </a:lnTo>
                  <a:lnTo>
                    <a:pt x="4122" y="29779"/>
                  </a:lnTo>
                  <a:lnTo>
                    <a:pt x="4632" y="30011"/>
                  </a:lnTo>
                  <a:lnTo>
                    <a:pt x="5188" y="30196"/>
                  </a:lnTo>
                  <a:lnTo>
                    <a:pt x="5327" y="31539"/>
                  </a:lnTo>
                  <a:lnTo>
                    <a:pt x="4863" y="31493"/>
                  </a:lnTo>
                  <a:lnTo>
                    <a:pt x="4447" y="31400"/>
                  </a:lnTo>
                  <a:lnTo>
                    <a:pt x="3984" y="31261"/>
                  </a:lnTo>
                  <a:lnTo>
                    <a:pt x="3613" y="31076"/>
                  </a:lnTo>
                  <a:lnTo>
                    <a:pt x="3243" y="30845"/>
                  </a:lnTo>
                  <a:lnTo>
                    <a:pt x="2918" y="30613"/>
                  </a:lnTo>
                  <a:lnTo>
                    <a:pt x="2687" y="30335"/>
                  </a:lnTo>
                  <a:lnTo>
                    <a:pt x="2502" y="30011"/>
                  </a:lnTo>
                  <a:lnTo>
                    <a:pt x="2409" y="29733"/>
                  </a:lnTo>
                  <a:lnTo>
                    <a:pt x="2316" y="29455"/>
                  </a:lnTo>
                  <a:lnTo>
                    <a:pt x="2224" y="28807"/>
                  </a:lnTo>
                  <a:lnTo>
                    <a:pt x="2224" y="28158"/>
                  </a:lnTo>
                  <a:lnTo>
                    <a:pt x="2177" y="27464"/>
                  </a:lnTo>
                  <a:close/>
                  <a:moveTo>
                    <a:pt x="7457" y="1"/>
                  </a:moveTo>
                  <a:lnTo>
                    <a:pt x="7179" y="47"/>
                  </a:lnTo>
                  <a:lnTo>
                    <a:pt x="6901" y="140"/>
                  </a:lnTo>
                  <a:lnTo>
                    <a:pt x="6670" y="278"/>
                  </a:lnTo>
                  <a:lnTo>
                    <a:pt x="6484" y="510"/>
                  </a:lnTo>
                  <a:lnTo>
                    <a:pt x="6299" y="881"/>
                  </a:lnTo>
                  <a:lnTo>
                    <a:pt x="6114" y="1251"/>
                  </a:lnTo>
                  <a:lnTo>
                    <a:pt x="5882" y="2038"/>
                  </a:lnTo>
                  <a:lnTo>
                    <a:pt x="5697" y="2826"/>
                  </a:lnTo>
                  <a:lnTo>
                    <a:pt x="5604" y="3613"/>
                  </a:lnTo>
                  <a:lnTo>
                    <a:pt x="5558" y="4400"/>
                  </a:lnTo>
                  <a:lnTo>
                    <a:pt x="5558" y="5234"/>
                  </a:lnTo>
                  <a:lnTo>
                    <a:pt x="5558" y="6901"/>
                  </a:lnTo>
                  <a:lnTo>
                    <a:pt x="5558" y="10004"/>
                  </a:lnTo>
                  <a:lnTo>
                    <a:pt x="5604" y="13107"/>
                  </a:lnTo>
                  <a:lnTo>
                    <a:pt x="5651" y="14913"/>
                  </a:lnTo>
                  <a:lnTo>
                    <a:pt x="5604" y="16719"/>
                  </a:lnTo>
                  <a:lnTo>
                    <a:pt x="5558" y="18479"/>
                  </a:lnTo>
                  <a:lnTo>
                    <a:pt x="5466" y="19405"/>
                  </a:lnTo>
                  <a:lnTo>
                    <a:pt x="5327" y="20285"/>
                  </a:lnTo>
                  <a:lnTo>
                    <a:pt x="5095" y="21860"/>
                  </a:lnTo>
                  <a:lnTo>
                    <a:pt x="4817" y="23388"/>
                  </a:lnTo>
                  <a:lnTo>
                    <a:pt x="4771" y="24176"/>
                  </a:lnTo>
                  <a:lnTo>
                    <a:pt x="4725" y="24963"/>
                  </a:lnTo>
                  <a:lnTo>
                    <a:pt x="4725" y="25750"/>
                  </a:lnTo>
                  <a:lnTo>
                    <a:pt x="4817" y="26538"/>
                  </a:lnTo>
                  <a:lnTo>
                    <a:pt x="4910" y="27603"/>
                  </a:lnTo>
                  <a:lnTo>
                    <a:pt x="4539" y="27047"/>
                  </a:lnTo>
                  <a:lnTo>
                    <a:pt x="4261" y="26445"/>
                  </a:lnTo>
                  <a:lnTo>
                    <a:pt x="4030" y="25797"/>
                  </a:lnTo>
                  <a:lnTo>
                    <a:pt x="3891" y="25195"/>
                  </a:lnTo>
                  <a:lnTo>
                    <a:pt x="3845" y="24546"/>
                  </a:lnTo>
                  <a:lnTo>
                    <a:pt x="3798" y="23851"/>
                  </a:lnTo>
                  <a:lnTo>
                    <a:pt x="3845" y="22416"/>
                  </a:lnTo>
                  <a:lnTo>
                    <a:pt x="3798" y="21721"/>
                  </a:lnTo>
                  <a:lnTo>
                    <a:pt x="3752" y="21397"/>
                  </a:lnTo>
                  <a:lnTo>
                    <a:pt x="3659" y="21073"/>
                  </a:lnTo>
                  <a:lnTo>
                    <a:pt x="3567" y="20795"/>
                  </a:lnTo>
                  <a:lnTo>
                    <a:pt x="3428" y="20517"/>
                  </a:lnTo>
                  <a:lnTo>
                    <a:pt x="3243" y="20285"/>
                  </a:lnTo>
                  <a:lnTo>
                    <a:pt x="3011" y="20054"/>
                  </a:lnTo>
                  <a:lnTo>
                    <a:pt x="2965" y="20008"/>
                  </a:lnTo>
                  <a:lnTo>
                    <a:pt x="2872" y="20054"/>
                  </a:lnTo>
                  <a:lnTo>
                    <a:pt x="2502" y="20332"/>
                  </a:lnTo>
                  <a:lnTo>
                    <a:pt x="2224" y="20656"/>
                  </a:lnTo>
                  <a:lnTo>
                    <a:pt x="1992" y="21026"/>
                  </a:lnTo>
                  <a:lnTo>
                    <a:pt x="1853" y="21490"/>
                  </a:lnTo>
                  <a:lnTo>
                    <a:pt x="1761" y="21953"/>
                  </a:lnTo>
                  <a:lnTo>
                    <a:pt x="1714" y="22416"/>
                  </a:lnTo>
                  <a:lnTo>
                    <a:pt x="1668" y="22925"/>
                  </a:lnTo>
                  <a:lnTo>
                    <a:pt x="1668" y="23435"/>
                  </a:lnTo>
                  <a:lnTo>
                    <a:pt x="1483" y="22694"/>
                  </a:lnTo>
                  <a:lnTo>
                    <a:pt x="1297" y="21953"/>
                  </a:lnTo>
                  <a:lnTo>
                    <a:pt x="1020" y="21212"/>
                  </a:lnTo>
                  <a:lnTo>
                    <a:pt x="742" y="20424"/>
                  </a:lnTo>
                  <a:lnTo>
                    <a:pt x="695" y="20378"/>
                  </a:lnTo>
                  <a:lnTo>
                    <a:pt x="603" y="20424"/>
                  </a:lnTo>
                  <a:lnTo>
                    <a:pt x="371" y="21397"/>
                  </a:lnTo>
                  <a:lnTo>
                    <a:pt x="232" y="22323"/>
                  </a:lnTo>
                  <a:lnTo>
                    <a:pt x="93" y="23296"/>
                  </a:lnTo>
                  <a:lnTo>
                    <a:pt x="1" y="24268"/>
                  </a:lnTo>
                  <a:lnTo>
                    <a:pt x="1" y="25195"/>
                  </a:lnTo>
                  <a:lnTo>
                    <a:pt x="1" y="26167"/>
                  </a:lnTo>
                  <a:lnTo>
                    <a:pt x="47" y="28158"/>
                  </a:lnTo>
                  <a:lnTo>
                    <a:pt x="140" y="28853"/>
                  </a:lnTo>
                  <a:lnTo>
                    <a:pt x="186" y="29455"/>
                  </a:lnTo>
                  <a:lnTo>
                    <a:pt x="325" y="30057"/>
                  </a:lnTo>
                  <a:lnTo>
                    <a:pt x="510" y="30567"/>
                  </a:lnTo>
                  <a:lnTo>
                    <a:pt x="788" y="31030"/>
                  </a:lnTo>
                  <a:lnTo>
                    <a:pt x="1112" y="31493"/>
                  </a:lnTo>
                  <a:lnTo>
                    <a:pt x="1575" y="31863"/>
                  </a:lnTo>
                  <a:lnTo>
                    <a:pt x="2177" y="32234"/>
                  </a:lnTo>
                  <a:lnTo>
                    <a:pt x="2548" y="32419"/>
                  </a:lnTo>
                  <a:lnTo>
                    <a:pt x="2918" y="32604"/>
                  </a:lnTo>
                  <a:lnTo>
                    <a:pt x="3752" y="32836"/>
                  </a:lnTo>
                  <a:lnTo>
                    <a:pt x="4586" y="33021"/>
                  </a:lnTo>
                  <a:lnTo>
                    <a:pt x="5002" y="33068"/>
                  </a:lnTo>
                  <a:lnTo>
                    <a:pt x="5419" y="33068"/>
                  </a:lnTo>
                  <a:lnTo>
                    <a:pt x="5466" y="34503"/>
                  </a:lnTo>
                  <a:lnTo>
                    <a:pt x="5466" y="35985"/>
                  </a:lnTo>
                  <a:lnTo>
                    <a:pt x="5466" y="37514"/>
                  </a:lnTo>
                  <a:lnTo>
                    <a:pt x="5419" y="39042"/>
                  </a:lnTo>
                  <a:lnTo>
                    <a:pt x="5141" y="45711"/>
                  </a:lnTo>
                  <a:lnTo>
                    <a:pt x="5002" y="47517"/>
                  </a:lnTo>
                  <a:lnTo>
                    <a:pt x="4863" y="49370"/>
                  </a:lnTo>
                  <a:lnTo>
                    <a:pt x="4863" y="50249"/>
                  </a:lnTo>
                  <a:lnTo>
                    <a:pt x="4863" y="51176"/>
                  </a:lnTo>
                  <a:lnTo>
                    <a:pt x="4863" y="52056"/>
                  </a:lnTo>
                  <a:lnTo>
                    <a:pt x="5002" y="52936"/>
                  </a:lnTo>
                  <a:lnTo>
                    <a:pt x="5095" y="53260"/>
                  </a:lnTo>
                  <a:lnTo>
                    <a:pt x="5234" y="53538"/>
                  </a:lnTo>
                  <a:lnTo>
                    <a:pt x="5419" y="53769"/>
                  </a:lnTo>
                  <a:lnTo>
                    <a:pt x="5697" y="53908"/>
                  </a:lnTo>
                  <a:lnTo>
                    <a:pt x="5975" y="54001"/>
                  </a:lnTo>
                  <a:lnTo>
                    <a:pt x="6299" y="54093"/>
                  </a:lnTo>
                  <a:lnTo>
                    <a:pt x="6948" y="54093"/>
                  </a:lnTo>
                  <a:lnTo>
                    <a:pt x="7272" y="54047"/>
                  </a:lnTo>
                  <a:lnTo>
                    <a:pt x="7596" y="53954"/>
                  </a:lnTo>
                  <a:lnTo>
                    <a:pt x="7874" y="53816"/>
                  </a:lnTo>
                  <a:lnTo>
                    <a:pt x="8105" y="53677"/>
                  </a:lnTo>
                  <a:lnTo>
                    <a:pt x="8337" y="53538"/>
                  </a:lnTo>
                  <a:lnTo>
                    <a:pt x="8476" y="53352"/>
                  </a:lnTo>
                  <a:lnTo>
                    <a:pt x="8568" y="53121"/>
                  </a:lnTo>
                  <a:lnTo>
                    <a:pt x="8568" y="52936"/>
                  </a:lnTo>
                  <a:lnTo>
                    <a:pt x="8754" y="52102"/>
                  </a:lnTo>
                  <a:lnTo>
                    <a:pt x="8939" y="51315"/>
                  </a:lnTo>
                  <a:lnTo>
                    <a:pt x="9171" y="49647"/>
                  </a:lnTo>
                  <a:lnTo>
                    <a:pt x="9310" y="47980"/>
                  </a:lnTo>
                  <a:lnTo>
                    <a:pt x="9356" y="46267"/>
                  </a:lnTo>
                  <a:lnTo>
                    <a:pt x="9402" y="42840"/>
                  </a:lnTo>
                  <a:lnTo>
                    <a:pt x="9448" y="41172"/>
                  </a:lnTo>
                  <a:lnTo>
                    <a:pt x="9495" y="39551"/>
                  </a:lnTo>
                  <a:lnTo>
                    <a:pt x="9541" y="38255"/>
                  </a:lnTo>
                  <a:lnTo>
                    <a:pt x="10282" y="38255"/>
                  </a:lnTo>
                  <a:lnTo>
                    <a:pt x="10699" y="38162"/>
                  </a:lnTo>
                  <a:lnTo>
                    <a:pt x="11162" y="38069"/>
                  </a:lnTo>
                  <a:lnTo>
                    <a:pt x="11579" y="37977"/>
                  </a:lnTo>
                  <a:lnTo>
                    <a:pt x="11996" y="37838"/>
                  </a:lnTo>
                  <a:lnTo>
                    <a:pt x="12366" y="37653"/>
                  </a:lnTo>
                  <a:lnTo>
                    <a:pt x="12737" y="37467"/>
                  </a:lnTo>
                  <a:lnTo>
                    <a:pt x="13107" y="37236"/>
                  </a:lnTo>
                  <a:lnTo>
                    <a:pt x="13478" y="36958"/>
                  </a:lnTo>
                  <a:lnTo>
                    <a:pt x="13802" y="36726"/>
                  </a:lnTo>
                  <a:lnTo>
                    <a:pt x="14080" y="36402"/>
                  </a:lnTo>
                  <a:lnTo>
                    <a:pt x="14358" y="36078"/>
                  </a:lnTo>
                  <a:lnTo>
                    <a:pt x="14635" y="35754"/>
                  </a:lnTo>
                  <a:lnTo>
                    <a:pt x="14867" y="35383"/>
                  </a:lnTo>
                  <a:lnTo>
                    <a:pt x="15099" y="34966"/>
                  </a:lnTo>
                  <a:lnTo>
                    <a:pt x="15284" y="34550"/>
                  </a:lnTo>
                  <a:lnTo>
                    <a:pt x="15562" y="33901"/>
                  </a:lnTo>
                  <a:lnTo>
                    <a:pt x="15840" y="33207"/>
                  </a:lnTo>
                  <a:lnTo>
                    <a:pt x="16303" y="31863"/>
                  </a:lnTo>
                  <a:lnTo>
                    <a:pt x="17136" y="29085"/>
                  </a:lnTo>
                  <a:lnTo>
                    <a:pt x="17553" y="27788"/>
                  </a:lnTo>
                  <a:lnTo>
                    <a:pt x="17970" y="26538"/>
                  </a:lnTo>
                  <a:lnTo>
                    <a:pt x="18155" y="25889"/>
                  </a:lnTo>
                  <a:lnTo>
                    <a:pt x="18294" y="25241"/>
                  </a:lnTo>
                  <a:lnTo>
                    <a:pt x="18433" y="24592"/>
                  </a:lnTo>
                  <a:lnTo>
                    <a:pt x="18479" y="23898"/>
                  </a:lnTo>
                  <a:lnTo>
                    <a:pt x="18479" y="23620"/>
                  </a:lnTo>
                  <a:lnTo>
                    <a:pt x="18433" y="23157"/>
                  </a:lnTo>
                  <a:lnTo>
                    <a:pt x="18340" y="22601"/>
                  </a:lnTo>
                  <a:lnTo>
                    <a:pt x="18202" y="21999"/>
                  </a:lnTo>
                  <a:lnTo>
                    <a:pt x="17970" y="21443"/>
                  </a:lnTo>
                  <a:lnTo>
                    <a:pt x="17831" y="21212"/>
                  </a:lnTo>
                  <a:lnTo>
                    <a:pt x="17692" y="21026"/>
                  </a:lnTo>
                  <a:lnTo>
                    <a:pt x="17507" y="20887"/>
                  </a:lnTo>
                  <a:lnTo>
                    <a:pt x="17322" y="20795"/>
                  </a:lnTo>
                  <a:lnTo>
                    <a:pt x="17090" y="20841"/>
                  </a:lnTo>
                  <a:lnTo>
                    <a:pt x="16858" y="20934"/>
                  </a:lnTo>
                  <a:lnTo>
                    <a:pt x="16442" y="21212"/>
                  </a:lnTo>
                  <a:lnTo>
                    <a:pt x="16117" y="21490"/>
                  </a:lnTo>
                  <a:lnTo>
                    <a:pt x="15886" y="21767"/>
                  </a:lnTo>
                  <a:lnTo>
                    <a:pt x="15701" y="22092"/>
                  </a:lnTo>
                  <a:lnTo>
                    <a:pt x="15515" y="22416"/>
                  </a:lnTo>
                  <a:lnTo>
                    <a:pt x="15423" y="22833"/>
                  </a:lnTo>
                  <a:lnTo>
                    <a:pt x="15191" y="23759"/>
                  </a:lnTo>
                  <a:lnTo>
                    <a:pt x="14821" y="25195"/>
                  </a:lnTo>
                  <a:lnTo>
                    <a:pt x="14404" y="26630"/>
                  </a:lnTo>
                  <a:lnTo>
                    <a:pt x="13524" y="29502"/>
                  </a:lnTo>
                  <a:lnTo>
                    <a:pt x="12876" y="31771"/>
                  </a:lnTo>
                  <a:lnTo>
                    <a:pt x="12505" y="32882"/>
                  </a:lnTo>
                  <a:lnTo>
                    <a:pt x="12274" y="33438"/>
                  </a:lnTo>
                  <a:lnTo>
                    <a:pt x="12042" y="33994"/>
                  </a:lnTo>
                  <a:lnTo>
                    <a:pt x="11857" y="34411"/>
                  </a:lnTo>
                  <a:lnTo>
                    <a:pt x="11579" y="34781"/>
                  </a:lnTo>
                  <a:lnTo>
                    <a:pt x="11347" y="35105"/>
                  </a:lnTo>
                  <a:lnTo>
                    <a:pt x="11069" y="35337"/>
                  </a:lnTo>
                  <a:lnTo>
                    <a:pt x="10745" y="35568"/>
                  </a:lnTo>
                  <a:lnTo>
                    <a:pt x="10375" y="35707"/>
                  </a:lnTo>
                  <a:lnTo>
                    <a:pt x="10004" y="35846"/>
                  </a:lnTo>
                  <a:lnTo>
                    <a:pt x="9587" y="35939"/>
                  </a:lnTo>
                  <a:lnTo>
                    <a:pt x="9587" y="33716"/>
                  </a:lnTo>
                  <a:lnTo>
                    <a:pt x="9495" y="31493"/>
                  </a:lnTo>
                  <a:lnTo>
                    <a:pt x="9310" y="29270"/>
                  </a:lnTo>
                  <a:lnTo>
                    <a:pt x="9078" y="27047"/>
                  </a:lnTo>
                  <a:lnTo>
                    <a:pt x="8985" y="26213"/>
                  </a:lnTo>
                  <a:lnTo>
                    <a:pt x="8939" y="25426"/>
                  </a:lnTo>
                  <a:lnTo>
                    <a:pt x="8939" y="24639"/>
                  </a:lnTo>
                  <a:lnTo>
                    <a:pt x="8985" y="23898"/>
                  </a:lnTo>
                  <a:lnTo>
                    <a:pt x="9171" y="22369"/>
                  </a:lnTo>
                  <a:lnTo>
                    <a:pt x="9448" y="20749"/>
                  </a:lnTo>
                  <a:lnTo>
                    <a:pt x="9587" y="19915"/>
                  </a:lnTo>
                  <a:lnTo>
                    <a:pt x="9680" y="19128"/>
                  </a:lnTo>
                  <a:lnTo>
                    <a:pt x="9819" y="17460"/>
                  </a:lnTo>
                  <a:lnTo>
                    <a:pt x="9865" y="15793"/>
                  </a:lnTo>
                  <a:lnTo>
                    <a:pt x="9865" y="14126"/>
                  </a:lnTo>
                  <a:lnTo>
                    <a:pt x="9773" y="10513"/>
                  </a:lnTo>
                  <a:lnTo>
                    <a:pt x="9634" y="6901"/>
                  </a:lnTo>
                  <a:lnTo>
                    <a:pt x="9587" y="5234"/>
                  </a:lnTo>
                  <a:lnTo>
                    <a:pt x="9541" y="4400"/>
                  </a:lnTo>
                  <a:lnTo>
                    <a:pt x="9448" y="3613"/>
                  </a:lnTo>
                  <a:lnTo>
                    <a:pt x="9310" y="2779"/>
                  </a:lnTo>
                  <a:lnTo>
                    <a:pt x="9124" y="1992"/>
                  </a:lnTo>
                  <a:lnTo>
                    <a:pt x="8846" y="1251"/>
                  </a:lnTo>
                  <a:lnTo>
                    <a:pt x="8661" y="881"/>
                  </a:lnTo>
                  <a:lnTo>
                    <a:pt x="8430" y="510"/>
                  </a:lnTo>
                  <a:lnTo>
                    <a:pt x="8244" y="278"/>
                  </a:lnTo>
                  <a:lnTo>
                    <a:pt x="8013" y="140"/>
                  </a:lnTo>
                  <a:lnTo>
                    <a:pt x="7735" y="47"/>
                  </a:lnTo>
                  <a:lnTo>
                    <a:pt x="7457" y="1"/>
                  </a:lnTo>
                  <a:close/>
                </a:path>
              </a:pathLst>
            </a:custGeom>
            <a:solidFill>
              <a:schemeClr val="l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Tree>
    <p:extLst>
      <p:ext uri="{BB962C8B-B14F-4D97-AF65-F5344CB8AC3E}">
        <p14:creationId xmlns:p14="http://schemas.microsoft.com/office/powerpoint/2010/main" val="2259997524"/>
      </p:ext>
    </p:extLst>
  </p:cSld>
  <p:clrMapOvr>
    <a:masterClrMapping/>
  </p:clrMapOvr>
</p:sldLayout>
</file>

<file path=ppt/slideLayouts/slideLayout114.xml><?xml version="1.0" encoding="utf-8"?>
<p:sldLayout xmlns:a="http://schemas.openxmlformats.org/drawingml/2006/main" xmlns:r="http://schemas.openxmlformats.org/officeDocument/2006/relationships" xmlns:p="http://schemas.openxmlformats.org/presentationml/2006/main" matchingName="Title and six columns">
  <p:cSld name="Title and six columns">
    <p:spTree>
      <p:nvGrpSpPr>
        <p:cNvPr id="1" name="Shape 484"/>
        <p:cNvGrpSpPr/>
        <p:nvPr/>
      </p:nvGrpSpPr>
      <p:grpSpPr>
        <a:xfrm>
          <a:off x="0" y="0"/>
          <a:ext cx="0" cy="0"/>
          <a:chOff x="0" y="0"/>
          <a:chExt cx="0" cy="0"/>
        </a:xfrm>
      </p:grpSpPr>
      <p:pic>
        <p:nvPicPr>
          <p:cNvPr id="485" name="Google Shape;485;p32"/>
          <p:cNvPicPr preferRelativeResize="0"/>
          <p:nvPr/>
        </p:nvPicPr>
        <p:blipFill rotWithShape="1">
          <a:blip r:embed="rId2">
            <a:alphaModFix amt="58999"/>
          </a:blip>
          <a:srcRect/>
          <a:stretch/>
        </p:blipFill>
        <p:spPr>
          <a:xfrm>
            <a:off x="0" y="0"/>
            <a:ext cx="20320000" cy="11430000"/>
          </a:xfrm>
          <a:prstGeom prst="rect">
            <a:avLst/>
          </a:prstGeom>
          <a:noFill/>
          <a:ln>
            <a:noFill/>
          </a:ln>
        </p:spPr>
      </p:pic>
      <p:grpSp>
        <p:nvGrpSpPr>
          <p:cNvPr id="486" name="Google Shape;486;p32"/>
          <p:cNvGrpSpPr/>
          <p:nvPr/>
        </p:nvGrpSpPr>
        <p:grpSpPr>
          <a:xfrm>
            <a:off x="921445" y="681333"/>
            <a:ext cx="18477111" cy="481333"/>
            <a:chOff x="414650" y="306600"/>
            <a:chExt cx="8314700" cy="216600"/>
          </a:xfrm>
        </p:grpSpPr>
        <p:grpSp>
          <p:nvGrpSpPr>
            <p:cNvPr id="487" name="Google Shape;487;p32"/>
            <p:cNvGrpSpPr/>
            <p:nvPr/>
          </p:nvGrpSpPr>
          <p:grpSpPr>
            <a:xfrm>
              <a:off x="713281" y="389286"/>
              <a:ext cx="7717437" cy="51251"/>
              <a:chOff x="450050" y="465475"/>
              <a:chExt cx="8367600" cy="51241"/>
            </a:xfrm>
          </p:grpSpPr>
          <p:cxnSp>
            <p:nvCxnSpPr>
              <p:cNvPr id="488" name="Google Shape;488;p32"/>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489" name="Google Shape;489;p32"/>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490" name="Google Shape;490;p32"/>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491" name="Google Shape;491;p32"/>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492" name="Google Shape;492;p32"/>
          <p:cNvSpPr txBox="1">
            <a:spLocks noGrp="1"/>
          </p:cNvSpPr>
          <p:nvPr>
            <p:ph type="title"/>
          </p:nvPr>
        </p:nvSpPr>
        <p:spPr>
          <a:xfrm>
            <a:off x="1600000" y="1158278"/>
            <a:ext cx="17120000" cy="1272667"/>
          </a:xfrm>
          <a:prstGeom prst="rect">
            <a:avLst/>
          </a:prstGeom>
        </p:spPr>
        <p:txBody>
          <a:bodyPr spcFirstLastPara="1" wrap="square" lIns="91425" tIns="91425" rIns="91425" bIns="91425" anchor="t" anchorCtr="0">
            <a:noAutofit/>
          </a:bodyPr>
          <a:lstStyle>
            <a:lvl1pPr lvl="0" algn="ctr" rtl="0">
              <a:spcBef>
                <a:spcPts val="0"/>
              </a:spcBef>
              <a:spcAft>
                <a:spcPts val="0"/>
              </a:spcAft>
              <a:buSzPts val="3500"/>
              <a:buNone/>
              <a:defRPr/>
            </a:lvl1pPr>
            <a:lvl2pPr lvl="1" rtl="0">
              <a:spcBef>
                <a:spcPts val="0"/>
              </a:spcBef>
              <a:spcAft>
                <a:spcPts val="0"/>
              </a:spcAft>
              <a:buSzPts val="3500"/>
              <a:buNone/>
              <a:defRPr/>
            </a:lvl2pPr>
            <a:lvl3pPr lvl="2" rtl="0">
              <a:spcBef>
                <a:spcPts val="0"/>
              </a:spcBef>
              <a:spcAft>
                <a:spcPts val="0"/>
              </a:spcAft>
              <a:buSzPts val="3500"/>
              <a:buNone/>
              <a:defRPr/>
            </a:lvl3pPr>
            <a:lvl4pPr lvl="3" rtl="0">
              <a:spcBef>
                <a:spcPts val="0"/>
              </a:spcBef>
              <a:spcAft>
                <a:spcPts val="0"/>
              </a:spcAft>
              <a:buSzPts val="3500"/>
              <a:buNone/>
              <a:defRPr/>
            </a:lvl4pPr>
            <a:lvl5pPr lvl="4" rtl="0">
              <a:spcBef>
                <a:spcPts val="0"/>
              </a:spcBef>
              <a:spcAft>
                <a:spcPts val="0"/>
              </a:spcAft>
              <a:buSzPts val="3500"/>
              <a:buNone/>
              <a:defRPr/>
            </a:lvl5pPr>
            <a:lvl6pPr lvl="5" rtl="0">
              <a:spcBef>
                <a:spcPts val="0"/>
              </a:spcBef>
              <a:spcAft>
                <a:spcPts val="0"/>
              </a:spcAft>
              <a:buSzPts val="3500"/>
              <a:buNone/>
              <a:defRPr/>
            </a:lvl6pPr>
            <a:lvl7pPr lvl="6" rtl="0">
              <a:spcBef>
                <a:spcPts val="0"/>
              </a:spcBef>
              <a:spcAft>
                <a:spcPts val="0"/>
              </a:spcAft>
              <a:buSzPts val="3500"/>
              <a:buNone/>
              <a:defRPr/>
            </a:lvl7pPr>
            <a:lvl8pPr lvl="7" rtl="0">
              <a:spcBef>
                <a:spcPts val="0"/>
              </a:spcBef>
              <a:spcAft>
                <a:spcPts val="0"/>
              </a:spcAft>
              <a:buSzPts val="3500"/>
              <a:buNone/>
              <a:defRPr/>
            </a:lvl8pPr>
            <a:lvl9pPr lvl="8" rtl="0">
              <a:spcBef>
                <a:spcPts val="0"/>
              </a:spcBef>
              <a:spcAft>
                <a:spcPts val="0"/>
              </a:spcAft>
              <a:buSzPts val="3500"/>
              <a:buNone/>
              <a:defRPr/>
            </a:lvl9pPr>
          </a:lstStyle>
          <a:p>
            <a:endParaRPr/>
          </a:p>
        </p:txBody>
      </p:sp>
      <p:sp>
        <p:nvSpPr>
          <p:cNvPr id="493" name="Google Shape;493;p32"/>
          <p:cNvSpPr txBox="1">
            <a:spLocks noGrp="1"/>
          </p:cNvSpPr>
          <p:nvPr>
            <p:ph type="subTitle" idx="1"/>
          </p:nvPr>
        </p:nvSpPr>
        <p:spPr>
          <a:xfrm>
            <a:off x="8969029" y="3865135"/>
            <a:ext cx="4389333" cy="1386667"/>
          </a:xfrm>
          <a:prstGeom prst="rect">
            <a:avLst/>
          </a:prstGeom>
        </p:spPr>
        <p:txBody>
          <a:bodyPr spcFirstLastPara="1" wrap="square" lIns="91425" tIns="91425" rIns="91425" bIns="91425" anchor="t" anchorCtr="0">
            <a:noAutofit/>
          </a:bodyPr>
          <a:lstStyle>
            <a:lvl1pPr lvl="0" rtl="0">
              <a:lnSpc>
                <a:spcPct val="100000"/>
              </a:lnSpc>
              <a:spcBef>
                <a:spcPts val="0"/>
              </a:spcBef>
              <a:spcAft>
                <a:spcPts val="0"/>
              </a:spcAft>
              <a:buSzPts val="1400"/>
              <a:buNone/>
              <a:defRPr sz="3111"/>
            </a:lvl1pPr>
            <a:lvl2pPr lvl="1" algn="ctr" rtl="0">
              <a:lnSpc>
                <a:spcPct val="100000"/>
              </a:lnSpc>
              <a:spcBef>
                <a:spcPts val="0"/>
              </a:spcBef>
              <a:spcAft>
                <a:spcPts val="0"/>
              </a:spcAft>
              <a:buSzPts val="1400"/>
              <a:buNone/>
              <a:defRPr/>
            </a:lvl2pPr>
            <a:lvl3pPr lvl="2" algn="ctr" rtl="0">
              <a:lnSpc>
                <a:spcPct val="100000"/>
              </a:lnSpc>
              <a:spcBef>
                <a:spcPts val="3556"/>
              </a:spcBef>
              <a:spcAft>
                <a:spcPts val="0"/>
              </a:spcAft>
              <a:buSzPts val="1400"/>
              <a:buNone/>
              <a:defRPr/>
            </a:lvl3pPr>
            <a:lvl4pPr lvl="3" algn="ctr" rtl="0">
              <a:lnSpc>
                <a:spcPct val="100000"/>
              </a:lnSpc>
              <a:spcBef>
                <a:spcPts val="3556"/>
              </a:spcBef>
              <a:spcAft>
                <a:spcPts val="0"/>
              </a:spcAft>
              <a:buSzPts val="1400"/>
              <a:buNone/>
              <a:defRPr/>
            </a:lvl4pPr>
            <a:lvl5pPr lvl="4" algn="ctr" rtl="0">
              <a:lnSpc>
                <a:spcPct val="100000"/>
              </a:lnSpc>
              <a:spcBef>
                <a:spcPts val="3556"/>
              </a:spcBef>
              <a:spcAft>
                <a:spcPts val="0"/>
              </a:spcAft>
              <a:buSzPts val="1400"/>
              <a:buNone/>
              <a:defRPr/>
            </a:lvl5pPr>
            <a:lvl6pPr lvl="5" algn="ctr" rtl="0">
              <a:lnSpc>
                <a:spcPct val="100000"/>
              </a:lnSpc>
              <a:spcBef>
                <a:spcPts val="3556"/>
              </a:spcBef>
              <a:spcAft>
                <a:spcPts val="0"/>
              </a:spcAft>
              <a:buSzPts val="1400"/>
              <a:buNone/>
              <a:defRPr/>
            </a:lvl6pPr>
            <a:lvl7pPr lvl="6" algn="ctr" rtl="0">
              <a:lnSpc>
                <a:spcPct val="100000"/>
              </a:lnSpc>
              <a:spcBef>
                <a:spcPts val="3556"/>
              </a:spcBef>
              <a:spcAft>
                <a:spcPts val="0"/>
              </a:spcAft>
              <a:buSzPts val="1400"/>
              <a:buNone/>
              <a:defRPr/>
            </a:lvl7pPr>
            <a:lvl8pPr lvl="7" algn="ctr" rtl="0">
              <a:lnSpc>
                <a:spcPct val="100000"/>
              </a:lnSpc>
              <a:spcBef>
                <a:spcPts val="3556"/>
              </a:spcBef>
              <a:spcAft>
                <a:spcPts val="0"/>
              </a:spcAft>
              <a:buSzPts val="1400"/>
              <a:buNone/>
              <a:defRPr/>
            </a:lvl8pPr>
            <a:lvl9pPr lvl="8" algn="ctr" rtl="0">
              <a:lnSpc>
                <a:spcPct val="100000"/>
              </a:lnSpc>
              <a:spcBef>
                <a:spcPts val="3556"/>
              </a:spcBef>
              <a:spcAft>
                <a:spcPts val="3556"/>
              </a:spcAft>
              <a:buSzPts val="1400"/>
              <a:buNone/>
              <a:defRPr/>
            </a:lvl9pPr>
          </a:lstStyle>
          <a:p>
            <a:endParaRPr/>
          </a:p>
        </p:txBody>
      </p:sp>
      <p:sp>
        <p:nvSpPr>
          <p:cNvPr id="494" name="Google Shape;494;p32"/>
          <p:cNvSpPr txBox="1">
            <a:spLocks noGrp="1"/>
          </p:cNvSpPr>
          <p:nvPr>
            <p:ph type="subTitle" idx="2"/>
          </p:nvPr>
        </p:nvSpPr>
        <p:spPr>
          <a:xfrm>
            <a:off x="8969025" y="6079940"/>
            <a:ext cx="4389333" cy="1386667"/>
          </a:xfrm>
          <a:prstGeom prst="rect">
            <a:avLst/>
          </a:prstGeom>
        </p:spPr>
        <p:txBody>
          <a:bodyPr spcFirstLastPara="1" wrap="square" lIns="91425" tIns="91425" rIns="91425" bIns="91425" anchor="t" anchorCtr="0">
            <a:noAutofit/>
          </a:bodyPr>
          <a:lstStyle>
            <a:lvl1pPr lvl="0" rtl="0">
              <a:lnSpc>
                <a:spcPct val="100000"/>
              </a:lnSpc>
              <a:spcBef>
                <a:spcPts val="0"/>
              </a:spcBef>
              <a:spcAft>
                <a:spcPts val="0"/>
              </a:spcAft>
              <a:buSzPts val="1400"/>
              <a:buNone/>
              <a:defRPr sz="3111"/>
            </a:lvl1pPr>
            <a:lvl2pPr lvl="1" algn="ctr" rtl="0">
              <a:lnSpc>
                <a:spcPct val="100000"/>
              </a:lnSpc>
              <a:spcBef>
                <a:spcPts val="0"/>
              </a:spcBef>
              <a:spcAft>
                <a:spcPts val="0"/>
              </a:spcAft>
              <a:buSzPts val="1400"/>
              <a:buNone/>
              <a:defRPr/>
            </a:lvl2pPr>
            <a:lvl3pPr lvl="2" algn="ctr" rtl="0">
              <a:lnSpc>
                <a:spcPct val="100000"/>
              </a:lnSpc>
              <a:spcBef>
                <a:spcPts val="3556"/>
              </a:spcBef>
              <a:spcAft>
                <a:spcPts val="0"/>
              </a:spcAft>
              <a:buSzPts val="1400"/>
              <a:buNone/>
              <a:defRPr/>
            </a:lvl3pPr>
            <a:lvl4pPr lvl="3" algn="ctr" rtl="0">
              <a:lnSpc>
                <a:spcPct val="100000"/>
              </a:lnSpc>
              <a:spcBef>
                <a:spcPts val="3556"/>
              </a:spcBef>
              <a:spcAft>
                <a:spcPts val="0"/>
              </a:spcAft>
              <a:buSzPts val="1400"/>
              <a:buNone/>
              <a:defRPr/>
            </a:lvl4pPr>
            <a:lvl5pPr lvl="4" algn="ctr" rtl="0">
              <a:lnSpc>
                <a:spcPct val="100000"/>
              </a:lnSpc>
              <a:spcBef>
                <a:spcPts val="3556"/>
              </a:spcBef>
              <a:spcAft>
                <a:spcPts val="0"/>
              </a:spcAft>
              <a:buSzPts val="1400"/>
              <a:buNone/>
              <a:defRPr/>
            </a:lvl5pPr>
            <a:lvl6pPr lvl="5" algn="ctr" rtl="0">
              <a:lnSpc>
                <a:spcPct val="100000"/>
              </a:lnSpc>
              <a:spcBef>
                <a:spcPts val="3556"/>
              </a:spcBef>
              <a:spcAft>
                <a:spcPts val="0"/>
              </a:spcAft>
              <a:buSzPts val="1400"/>
              <a:buNone/>
              <a:defRPr/>
            </a:lvl6pPr>
            <a:lvl7pPr lvl="6" algn="ctr" rtl="0">
              <a:lnSpc>
                <a:spcPct val="100000"/>
              </a:lnSpc>
              <a:spcBef>
                <a:spcPts val="3556"/>
              </a:spcBef>
              <a:spcAft>
                <a:spcPts val="0"/>
              </a:spcAft>
              <a:buSzPts val="1400"/>
              <a:buNone/>
              <a:defRPr/>
            </a:lvl7pPr>
            <a:lvl8pPr lvl="7" algn="ctr" rtl="0">
              <a:lnSpc>
                <a:spcPct val="100000"/>
              </a:lnSpc>
              <a:spcBef>
                <a:spcPts val="3556"/>
              </a:spcBef>
              <a:spcAft>
                <a:spcPts val="0"/>
              </a:spcAft>
              <a:buSzPts val="1400"/>
              <a:buNone/>
              <a:defRPr/>
            </a:lvl8pPr>
            <a:lvl9pPr lvl="8" algn="ctr" rtl="0">
              <a:lnSpc>
                <a:spcPct val="100000"/>
              </a:lnSpc>
              <a:spcBef>
                <a:spcPts val="3556"/>
              </a:spcBef>
              <a:spcAft>
                <a:spcPts val="3556"/>
              </a:spcAft>
              <a:buSzPts val="1400"/>
              <a:buNone/>
              <a:defRPr/>
            </a:lvl9pPr>
          </a:lstStyle>
          <a:p>
            <a:endParaRPr/>
          </a:p>
        </p:txBody>
      </p:sp>
      <p:sp>
        <p:nvSpPr>
          <p:cNvPr id="495" name="Google Shape;495;p32"/>
          <p:cNvSpPr txBox="1">
            <a:spLocks noGrp="1"/>
          </p:cNvSpPr>
          <p:nvPr>
            <p:ph type="subTitle" idx="3"/>
          </p:nvPr>
        </p:nvSpPr>
        <p:spPr>
          <a:xfrm>
            <a:off x="8969029" y="8299884"/>
            <a:ext cx="4389333" cy="1386667"/>
          </a:xfrm>
          <a:prstGeom prst="rect">
            <a:avLst/>
          </a:prstGeom>
        </p:spPr>
        <p:txBody>
          <a:bodyPr spcFirstLastPara="1" wrap="square" lIns="91425" tIns="91425" rIns="91425" bIns="91425" anchor="t" anchorCtr="0">
            <a:noAutofit/>
          </a:bodyPr>
          <a:lstStyle>
            <a:lvl1pPr lvl="0" rtl="0">
              <a:lnSpc>
                <a:spcPct val="100000"/>
              </a:lnSpc>
              <a:spcBef>
                <a:spcPts val="0"/>
              </a:spcBef>
              <a:spcAft>
                <a:spcPts val="0"/>
              </a:spcAft>
              <a:buSzPts val="1400"/>
              <a:buNone/>
              <a:defRPr sz="3111"/>
            </a:lvl1pPr>
            <a:lvl2pPr lvl="1" algn="ctr" rtl="0">
              <a:lnSpc>
                <a:spcPct val="100000"/>
              </a:lnSpc>
              <a:spcBef>
                <a:spcPts val="0"/>
              </a:spcBef>
              <a:spcAft>
                <a:spcPts val="0"/>
              </a:spcAft>
              <a:buSzPts val="1400"/>
              <a:buNone/>
              <a:defRPr/>
            </a:lvl2pPr>
            <a:lvl3pPr lvl="2" algn="ctr" rtl="0">
              <a:lnSpc>
                <a:spcPct val="100000"/>
              </a:lnSpc>
              <a:spcBef>
                <a:spcPts val="3556"/>
              </a:spcBef>
              <a:spcAft>
                <a:spcPts val="0"/>
              </a:spcAft>
              <a:buSzPts val="1400"/>
              <a:buNone/>
              <a:defRPr/>
            </a:lvl3pPr>
            <a:lvl4pPr lvl="3" algn="ctr" rtl="0">
              <a:lnSpc>
                <a:spcPct val="100000"/>
              </a:lnSpc>
              <a:spcBef>
                <a:spcPts val="3556"/>
              </a:spcBef>
              <a:spcAft>
                <a:spcPts val="0"/>
              </a:spcAft>
              <a:buSzPts val="1400"/>
              <a:buNone/>
              <a:defRPr/>
            </a:lvl4pPr>
            <a:lvl5pPr lvl="4" algn="ctr" rtl="0">
              <a:lnSpc>
                <a:spcPct val="100000"/>
              </a:lnSpc>
              <a:spcBef>
                <a:spcPts val="3556"/>
              </a:spcBef>
              <a:spcAft>
                <a:spcPts val="0"/>
              </a:spcAft>
              <a:buSzPts val="1400"/>
              <a:buNone/>
              <a:defRPr/>
            </a:lvl5pPr>
            <a:lvl6pPr lvl="5" algn="ctr" rtl="0">
              <a:lnSpc>
                <a:spcPct val="100000"/>
              </a:lnSpc>
              <a:spcBef>
                <a:spcPts val="3556"/>
              </a:spcBef>
              <a:spcAft>
                <a:spcPts val="0"/>
              </a:spcAft>
              <a:buSzPts val="1400"/>
              <a:buNone/>
              <a:defRPr/>
            </a:lvl6pPr>
            <a:lvl7pPr lvl="6" algn="ctr" rtl="0">
              <a:lnSpc>
                <a:spcPct val="100000"/>
              </a:lnSpc>
              <a:spcBef>
                <a:spcPts val="3556"/>
              </a:spcBef>
              <a:spcAft>
                <a:spcPts val="0"/>
              </a:spcAft>
              <a:buSzPts val="1400"/>
              <a:buNone/>
              <a:defRPr/>
            </a:lvl7pPr>
            <a:lvl8pPr lvl="7" algn="ctr" rtl="0">
              <a:lnSpc>
                <a:spcPct val="100000"/>
              </a:lnSpc>
              <a:spcBef>
                <a:spcPts val="3556"/>
              </a:spcBef>
              <a:spcAft>
                <a:spcPts val="0"/>
              </a:spcAft>
              <a:buSzPts val="1400"/>
              <a:buNone/>
              <a:defRPr/>
            </a:lvl8pPr>
            <a:lvl9pPr lvl="8" algn="ctr" rtl="0">
              <a:lnSpc>
                <a:spcPct val="100000"/>
              </a:lnSpc>
              <a:spcBef>
                <a:spcPts val="3556"/>
              </a:spcBef>
              <a:spcAft>
                <a:spcPts val="3556"/>
              </a:spcAft>
              <a:buSzPts val="1400"/>
              <a:buNone/>
              <a:defRPr/>
            </a:lvl9pPr>
          </a:lstStyle>
          <a:p>
            <a:endParaRPr/>
          </a:p>
        </p:txBody>
      </p:sp>
      <p:sp>
        <p:nvSpPr>
          <p:cNvPr id="496" name="Google Shape;496;p32"/>
          <p:cNvSpPr txBox="1">
            <a:spLocks noGrp="1"/>
          </p:cNvSpPr>
          <p:nvPr>
            <p:ph type="subTitle" idx="4"/>
          </p:nvPr>
        </p:nvSpPr>
        <p:spPr>
          <a:xfrm>
            <a:off x="13977136" y="6082509"/>
            <a:ext cx="4389333" cy="1386667"/>
          </a:xfrm>
          <a:prstGeom prst="rect">
            <a:avLst/>
          </a:prstGeom>
        </p:spPr>
        <p:txBody>
          <a:bodyPr spcFirstLastPara="1" wrap="square" lIns="91425" tIns="91425" rIns="91425" bIns="91425" anchor="t" anchorCtr="0">
            <a:noAutofit/>
          </a:bodyPr>
          <a:lstStyle>
            <a:lvl1pPr lvl="0" rtl="0">
              <a:lnSpc>
                <a:spcPct val="100000"/>
              </a:lnSpc>
              <a:spcBef>
                <a:spcPts val="0"/>
              </a:spcBef>
              <a:spcAft>
                <a:spcPts val="0"/>
              </a:spcAft>
              <a:buSzPts val="1400"/>
              <a:buNone/>
              <a:defRPr sz="3111"/>
            </a:lvl1pPr>
            <a:lvl2pPr lvl="1" algn="ctr" rtl="0">
              <a:lnSpc>
                <a:spcPct val="100000"/>
              </a:lnSpc>
              <a:spcBef>
                <a:spcPts val="0"/>
              </a:spcBef>
              <a:spcAft>
                <a:spcPts val="0"/>
              </a:spcAft>
              <a:buSzPts val="1400"/>
              <a:buNone/>
              <a:defRPr/>
            </a:lvl2pPr>
            <a:lvl3pPr lvl="2" algn="ctr" rtl="0">
              <a:lnSpc>
                <a:spcPct val="100000"/>
              </a:lnSpc>
              <a:spcBef>
                <a:spcPts val="3556"/>
              </a:spcBef>
              <a:spcAft>
                <a:spcPts val="0"/>
              </a:spcAft>
              <a:buSzPts val="1400"/>
              <a:buNone/>
              <a:defRPr/>
            </a:lvl3pPr>
            <a:lvl4pPr lvl="3" algn="ctr" rtl="0">
              <a:lnSpc>
                <a:spcPct val="100000"/>
              </a:lnSpc>
              <a:spcBef>
                <a:spcPts val="3556"/>
              </a:spcBef>
              <a:spcAft>
                <a:spcPts val="0"/>
              </a:spcAft>
              <a:buSzPts val="1400"/>
              <a:buNone/>
              <a:defRPr/>
            </a:lvl4pPr>
            <a:lvl5pPr lvl="4" algn="ctr" rtl="0">
              <a:lnSpc>
                <a:spcPct val="100000"/>
              </a:lnSpc>
              <a:spcBef>
                <a:spcPts val="3556"/>
              </a:spcBef>
              <a:spcAft>
                <a:spcPts val="0"/>
              </a:spcAft>
              <a:buSzPts val="1400"/>
              <a:buNone/>
              <a:defRPr/>
            </a:lvl5pPr>
            <a:lvl6pPr lvl="5" algn="ctr" rtl="0">
              <a:lnSpc>
                <a:spcPct val="100000"/>
              </a:lnSpc>
              <a:spcBef>
                <a:spcPts val="3556"/>
              </a:spcBef>
              <a:spcAft>
                <a:spcPts val="0"/>
              </a:spcAft>
              <a:buSzPts val="1400"/>
              <a:buNone/>
              <a:defRPr/>
            </a:lvl6pPr>
            <a:lvl7pPr lvl="6" algn="ctr" rtl="0">
              <a:lnSpc>
                <a:spcPct val="100000"/>
              </a:lnSpc>
              <a:spcBef>
                <a:spcPts val="3556"/>
              </a:spcBef>
              <a:spcAft>
                <a:spcPts val="0"/>
              </a:spcAft>
              <a:buSzPts val="1400"/>
              <a:buNone/>
              <a:defRPr/>
            </a:lvl7pPr>
            <a:lvl8pPr lvl="7" algn="ctr" rtl="0">
              <a:lnSpc>
                <a:spcPct val="100000"/>
              </a:lnSpc>
              <a:spcBef>
                <a:spcPts val="3556"/>
              </a:spcBef>
              <a:spcAft>
                <a:spcPts val="0"/>
              </a:spcAft>
              <a:buSzPts val="1400"/>
              <a:buNone/>
              <a:defRPr/>
            </a:lvl8pPr>
            <a:lvl9pPr lvl="8" algn="ctr" rtl="0">
              <a:lnSpc>
                <a:spcPct val="100000"/>
              </a:lnSpc>
              <a:spcBef>
                <a:spcPts val="3556"/>
              </a:spcBef>
              <a:spcAft>
                <a:spcPts val="3556"/>
              </a:spcAft>
              <a:buSzPts val="1400"/>
              <a:buNone/>
              <a:defRPr/>
            </a:lvl9pPr>
          </a:lstStyle>
          <a:p>
            <a:endParaRPr/>
          </a:p>
        </p:txBody>
      </p:sp>
      <p:sp>
        <p:nvSpPr>
          <p:cNvPr id="497" name="Google Shape;497;p32"/>
          <p:cNvSpPr txBox="1">
            <a:spLocks noGrp="1"/>
          </p:cNvSpPr>
          <p:nvPr>
            <p:ph type="subTitle" idx="5"/>
          </p:nvPr>
        </p:nvSpPr>
        <p:spPr>
          <a:xfrm>
            <a:off x="13977131" y="3865135"/>
            <a:ext cx="4389333" cy="1386667"/>
          </a:xfrm>
          <a:prstGeom prst="rect">
            <a:avLst/>
          </a:prstGeom>
        </p:spPr>
        <p:txBody>
          <a:bodyPr spcFirstLastPara="1" wrap="square" lIns="91425" tIns="91425" rIns="91425" bIns="91425" anchor="t" anchorCtr="0">
            <a:noAutofit/>
          </a:bodyPr>
          <a:lstStyle>
            <a:lvl1pPr lvl="0" rtl="0">
              <a:lnSpc>
                <a:spcPct val="100000"/>
              </a:lnSpc>
              <a:spcBef>
                <a:spcPts val="0"/>
              </a:spcBef>
              <a:spcAft>
                <a:spcPts val="0"/>
              </a:spcAft>
              <a:buSzPts val="1400"/>
              <a:buNone/>
              <a:defRPr sz="3111"/>
            </a:lvl1pPr>
            <a:lvl2pPr lvl="1" algn="ctr" rtl="0">
              <a:lnSpc>
                <a:spcPct val="100000"/>
              </a:lnSpc>
              <a:spcBef>
                <a:spcPts val="0"/>
              </a:spcBef>
              <a:spcAft>
                <a:spcPts val="0"/>
              </a:spcAft>
              <a:buSzPts val="1400"/>
              <a:buNone/>
              <a:defRPr/>
            </a:lvl2pPr>
            <a:lvl3pPr lvl="2" algn="ctr" rtl="0">
              <a:lnSpc>
                <a:spcPct val="100000"/>
              </a:lnSpc>
              <a:spcBef>
                <a:spcPts val="3556"/>
              </a:spcBef>
              <a:spcAft>
                <a:spcPts val="0"/>
              </a:spcAft>
              <a:buSzPts val="1400"/>
              <a:buNone/>
              <a:defRPr/>
            </a:lvl3pPr>
            <a:lvl4pPr lvl="3" algn="ctr" rtl="0">
              <a:lnSpc>
                <a:spcPct val="100000"/>
              </a:lnSpc>
              <a:spcBef>
                <a:spcPts val="3556"/>
              </a:spcBef>
              <a:spcAft>
                <a:spcPts val="0"/>
              </a:spcAft>
              <a:buSzPts val="1400"/>
              <a:buNone/>
              <a:defRPr/>
            </a:lvl4pPr>
            <a:lvl5pPr lvl="4" algn="ctr" rtl="0">
              <a:lnSpc>
                <a:spcPct val="100000"/>
              </a:lnSpc>
              <a:spcBef>
                <a:spcPts val="3556"/>
              </a:spcBef>
              <a:spcAft>
                <a:spcPts val="0"/>
              </a:spcAft>
              <a:buSzPts val="1400"/>
              <a:buNone/>
              <a:defRPr/>
            </a:lvl5pPr>
            <a:lvl6pPr lvl="5" algn="ctr" rtl="0">
              <a:lnSpc>
                <a:spcPct val="100000"/>
              </a:lnSpc>
              <a:spcBef>
                <a:spcPts val="3556"/>
              </a:spcBef>
              <a:spcAft>
                <a:spcPts val="0"/>
              </a:spcAft>
              <a:buSzPts val="1400"/>
              <a:buNone/>
              <a:defRPr/>
            </a:lvl6pPr>
            <a:lvl7pPr lvl="6" algn="ctr" rtl="0">
              <a:lnSpc>
                <a:spcPct val="100000"/>
              </a:lnSpc>
              <a:spcBef>
                <a:spcPts val="3556"/>
              </a:spcBef>
              <a:spcAft>
                <a:spcPts val="0"/>
              </a:spcAft>
              <a:buSzPts val="1400"/>
              <a:buNone/>
              <a:defRPr/>
            </a:lvl7pPr>
            <a:lvl8pPr lvl="7" algn="ctr" rtl="0">
              <a:lnSpc>
                <a:spcPct val="100000"/>
              </a:lnSpc>
              <a:spcBef>
                <a:spcPts val="3556"/>
              </a:spcBef>
              <a:spcAft>
                <a:spcPts val="0"/>
              </a:spcAft>
              <a:buSzPts val="1400"/>
              <a:buNone/>
              <a:defRPr/>
            </a:lvl8pPr>
            <a:lvl9pPr lvl="8" algn="ctr" rtl="0">
              <a:lnSpc>
                <a:spcPct val="100000"/>
              </a:lnSpc>
              <a:spcBef>
                <a:spcPts val="3556"/>
              </a:spcBef>
              <a:spcAft>
                <a:spcPts val="3556"/>
              </a:spcAft>
              <a:buSzPts val="1400"/>
              <a:buNone/>
              <a:defRPr/>
            </a:lvl9pPr>
          </a:lstStyle>
          <a:p>
            <a:endParaRPr/>
          </a:p>
        </p:txBody>
      </p:sp>
      <p:sp>
        <p:nvSpPr>
          <p:cNvPr id="498" name="Google Shape;498;p32"/>
          <p:cNvSpPr txBox="1">
            <a:spLocks noGrp="1"/>
          </p:cNvSpPr>
          <p:nvPr>
            <p:ph type="subTitle" idx="6"/>
          </p:nvPr>
        </p:nvSpPr>
        <p:spPr>
          <a:xfrm>
            <a:off x="13977131" y="8299884"/>
            <a:ext cx="4389333" cy="1386667"/>
          </a:xfrm>
          <a:prstGeom prst="rect">
            <a:avLst/>
          </a:prstGeom>
        </p:spPr>
        <p:txBody>
          <a:bodyPr spcFirstLastPara="1" wrap="square" lIns="91425" tIns="91425" rIns="91425" bIns="91425" anchor="t" anchorCtr="0">
            <a:noAutofit/>
          </a:bodyPr>
          <a:lstStyle>
            <a:lvl1pPr lvl="0" rtl="0">
              <a:lnSpc>
                <a:spcPct val="100000"/>
              </a:lnSpc>
              <a:spcBef>
                <a:spcPts val="0"/>
              </a:spcBef>
              <a:spcAft>
                <a:spcPts val="0"/>
              </a:spcAft>
              <a:buSzPts val="1400"/>
              <a:buNone/>
              <a:defRPr sz="3111"/>
            </a:lvl1pPr>
            <a:lvl2pPr lvl="1" algn="ctr" rtl="0">
              <a:lnSpc>
                <a:spcPct val="100000"/>
              </a:lnSpc>
              <a:spcBef>
                <a:spcPts val="0"/>
              </a:spcBef>
              <a:spcAft>
                <a:spcPts val="0"/>
              </a:spcAft>
              <a:buSzPts val="1400"/>
              <a:buNone/>
              <a:defRPr/>
            </a:lvl2pPr>
            <a:lvl3pPr lvl="2" algn="ctr" rtl="0">
              <a:lnSpc>
                <a:spcPct val="100000"/>
              </a:lnSpc>
              <a:spcBef>
                <a:spcPts val="3556"/>
              </a:spcBef>
              <a:spcAft>
                <a:spcPts val="0"/>
              </a:spcAft>
              <a:buSzPts val="1400"/>
              <a:buNone/>
              <a:defRPr/>
            </a:lvl3pPr>
            <a:lvl4pPr lvl="3" algn="ctr" rtl="0">
              <a:lnSpc>
                <a:spcPct val="100000"/>
              </a:lnSpc>
              <a:spcBef>
                <a:spcPts val="3556"/>
              </a:spcBef>
              <a:spcAft>
                <a:spcPts val="0"/>
              </a:spcAft>
              <a:buSzPts val="1400"/>
              <a:buNone/>
              <a:defRPr/>
            </a:lvl4pPr>
            <a:lvl5pPr lvl="4" algn="ctr" rtl="0">
              <a:lnSpc>
                <a:spcPct val="100000"/>
              </a:lnSpc>
              <a:spcBef>
                <a:spcPts val="3556"/>
              </a:spcBef>
              <a:spcAft>
                <a:spcPts val="0"/>
              </a:spcAft>
              <a:buSzPts val="1400"/>
              <a:buNone/>
              <a:defRPr/>
            </a:lvl5pPr>
            <a:lvl6pPr lvl="5" algn="ctr" rtl="0">
              <a:lnSpc>
                <a:spcPct val="100000"/>
              </a:lnSpc>
              <a:spcBef>
                <a:spcPts val="3556"/>
              </a:spcBef>
              <a:spcAft>
                <a:spcPts val="0"/>
              </a:spcAft>
              <a:buSzPts val="1400"/>
              <a:buNone/>
              <a:defRPr/>
            </a:lvl6pPr>
            <a:lvl7pPr lvl="6" algn="ctr" rtl="0">
              <a:lnSpc>
                <a:spcPct val="100000"/>
              </a:lnSpc>
              <a:spcBef>
                <a:spcPts val="3556"/>
              </a:spcBef>
              <a:spcAft>
                <a:spcPts val="0"/>
              </a:spcAft>
              <a:buSzPts val="1400"/>
              <a:buNone/>
              <a:defRPr/>
            </a:lvl7pPr>
            <a:lvl8pPr lvl="7" algn="ctr" rtl="0">
              <a:lnSpc>
                <a:spcPct val="100000"/>
              </a:lnSpc>
              <a:spcBef>
                <a:spcPts val="3556"/>
              </a:spcBef>
              <a:spcAft>
                <a:spcPts val="0"/>
              </a:spcAft>
              <a:buSzPts val="1400"/>
              <a:buNone/>
              <a:defRPr/>
            </a:lvl8pPr>
            <a:lvl9pPr lvl="8" algn="ctr" rtl="0">
              <a:lnSpc>
                <a:spcPct val="100000"/>
              </a:lnSpc>
              <a:spcBef>
                <a:spcPts val="3556"/>
              </a:spcBef>
              <a:spcAft>
                <a:spcPts val="3556"/>
              </a:spcAft>
              <a:buSzPts val="1400"/>
              <a:buNone/>
              <a:defRPr/>
            </a:lvl9pPr>
          </a:lstStyle>
          <a:p>
            <a:endParaRPr/>
          </a:p>
        </p:txBody>
      </p:sp>
      <p:sp>
        <p:nvSpPr>
          <p:cNvPr id="499" name="Google Shape;499;p32"/>
          <p:cNvSpPr txBox="1">
            <a:spLocks noGrp="1"/>
          </p:cNvSpPr>
          <p:nvPr>
            <p:ph type="subTitle" idx="7"/>
          </p:nvPr>
        </p:nvSpPr>
        <p:spPr>
          <a:xfrm>
            <a:off x="8965707" y="3284056"/>
            <a:ext cx="4396000" cy="838000"/>
          </a:xfrm>
          <a:prstGeom prst="rect">
            <a:avLst/>
          </a:prstGeom>
        </p:spPr>
        <p:txBody>
          <a:bodyPr spcFirstLastPara="1" wrap="square" lIns="91425" tIns="91425" rIns="91425" bIns="91425" anchor="b" anchorCtr="0">
            <a:noAutofit/>
          </a:bodyPr>
          <a:lstStyle>
            <a:lvl1pPr lvl="0" rtl="0">
              <a:lnSpc>
                <a:spcPct val="100000"/>
              </a:lnSpc>
              <a:spcBef>
                <a:spcPts val="0"/>
              </a:spcBef>
              <a:spcAft>
                <a:spcPts val="0"/>
              </a:spcAft>
              <a:buSzPts val="2400"/>
              <a:buFont typeface="Orelega One"/>
              <a:buNone/>
              <a:defRPr sz="4889">
                <a:solidFill>
                  <a:schemeClr val="dk1"/>
                </a:solidFill>
                <a:latin typeface="Orelega One"/>
                <a:ea typeface="Orelega One"/>
                <a:cs typeface="Orelega One"/>
                <a:sym typeface="Orelega One"/>
              </a:defRPr>
            </a:lvl1pPr>
            <a:lvl2pPr lvl="1"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2pPr>
            <a:lvl3pPr lvl="2"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3pPr>
            <a:lvl4pPr lvl="3"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4pPr>
            <a:lvl5pPr lvl="4"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5pPr>
            <a:lvl6pPr lvl="5"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6pPr>
            <a:lvl7pPr lvl="6"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7pPr>
            <a:lvl8pPr lvl="7"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8pPr>
            <a:lvl9pPr lvl="8"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9pPr>
          </a:lstStyle>
          <a:p>
            <a:endParaRPr/>
          </a:p>
        </p:txBody>
      </p:sp>
      <p:sp>
        <p:nvSpPr>
          <p:cNvPr id="500" name="Google Shape;500;p32"/>
          <p:cNvSpPr txBox="1">
            <a:spLocks noGrp="1"/>
          </p:cNvSpPr>
          <p:nvPr>
            <p:ph type="subTitle" idx="8"/>
          </p:nvPr>
        </p:nvSpPr>
        <p:spPr>
          <a:xfrm>
            <a:off x="8965696" y="5498862"/>
            <a:ext cx="4396000" cy="838000"/>
          </a:xfrm>
          <a:prstGeom prst="rect">
            <a:avLst/>
          </a:prstGeom>
        </p:spPr>
        <p:txBody>
          <a:bodyPr spcFirstLastPara="1" wrap="square" lIns="91425" tIns="91425" rIns="91425" bIns="91425" anchor="b" anchorCtr="0">
            <a:noAutofit/>
          </a:bodyPr>
          <a:lstStyle>
            <a:lvl1pPr lvl="0" rtl="0">
              <a:lnSpc>
                <a:spcPct val="100000"/>
              </a:lnSpc>
              <a:spcBef>
                <a:spcPts val="0"/>
              </a:spcBef>
              <a:spcAft>
                <a:spcPts val="0"/>
              </a:spcAft>
              <a:buSzPts val="2400"/>
              <a:buFont typeface="Orelega One"/>
              <a:buNone/>
              <a:defRPr sz="4889">
                <a:solidFill>
                  <a:schemeClr val="dk1"/>
                </a:solidFill>
                <a:latin typeface="Orelega One"/>
                <a:ea typeface="Orelega One"/>
                <a:cs typeface="Orelega One"/>
                <a:sym typeface="Orelega One"/>
              </a:defRPr>
            </a:lvl1pPr>
            <a:lvl2pPr lvl="1"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2pPr>
            <a:lvl3pPr lvl="2"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3pPr>
            <a:lvl4pPr lvl="3"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4pPr>
            <a:lvl5pPr lvl="4"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5pPr>
            <a:lvl6pPr lvl="5"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6pPr>
            <a:lvl7pPr lvl="6"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7pPr>
            <a:lvl8pPr lvl="7"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8pPr>
            <a:lvl9pPr lvl="8"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9pPr>
          </a:lstStyle>
          <a:p>
            <a:endParaRPr/>
          </a:p>
        </p:txBody>
      </p:sp>
      <p:sp>
        <p:nvSpPr>
          <p:cNvPr id="501" name="Google Shape;501;p32"/>
          <p:cNvSpPr txBox="1">
            <a:spLocks noGrp="1"/>
          </p:cNvSpPr>
          <p:nvPr>
            <p:ph type="subTitle" idx="9"/>
          </p:nvPr>
        </p:nvSpPr>
        <p:spPr>
          <a:xfrm>
            <a:off x="13973793" y="3284056"/>
            <a:ext cx="4396000" cy="838000"/>
          </a:xfrm>
          <a:prstGeom prst="rect">
            <a:avLst/>
          </a:prstGeom>
        </p:spPr>
        <p:txBody>
          <a:bodyPr spcFirstLastPara="1" wrap="square" lIns="91425" tIns="91425" rIns="91425" bIns="91425" anchor="b" anchorCtr="0">
            <a:noAutofit/>
          </a:bodyPr>
          <a:lstStyle>
            <a:lvl1pPr lvl="0" rtl="0">
              <a:lnSpc>
                <a:spcPct val="100000"/>
              </a:lnSpc>
              <a:spcBef>
                <a:spcPts val="0"/>
              </a:spcBef>
              <a:spcAft>
                <a:spcPts val="0"/>
              </a:spcAft>
              <a:buSzPts val="2400"/>
              <a:buFont typeface="Orelega One"/>
              <a:buNone/>
              <a:defRPr sz="4889">
                <a:solidFill>
                  <a:schemeClr val="dk1"/>
                </a:solidFill>
                <a:latin typeface="Orelega One"/>
                <a:ea typeface="Orelega One"/>
                <a:cs typeface="Orelega One"/>
                <a:sym typeface="Orelega One"/>
              </a:defRPr>
            </a:lvl1pPr>
            <a:lvl2pPr lvl="1"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2pPr>
            <a:lvl3pPr lvl="2"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3pPr>
            <a:lvl4pPr lvl="3"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4pPr>
            <a:lvl5pPr lvl="4"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5pPr>
            <a:lvl6pPr lvl="5"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6pPr>
            <a:lvl7pPr lvl="6"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7pPr>
            <a:lvl8pPr lvl="7"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8pPr>
            <a:lvl9pPr lvl="8"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9pPr>
          </a:lstStyle>
          <a:p>
            <a:endParaRPr/>
          </a:p>
        </p:txBody>
      </p:sp>
      <p:sp>
        <p:nvSpPr>
          <p:cNvPr id="502" name="Google Shape;502;p32"/>
          <p:cNvSpPr txBox="1">
            <a:spLocks noGrp="1"/>
          </p:cNvSpPr>
          <p:nvPr>
            <p:ph type="subTitle" idx="13"/>
          </p:nvPr>
        </p:nvSpPr>
        <p:spPr>
          <a:xfrm>
            <a:off x="8965707" y="7716278"/>
            <a:ext cx="4396000" cy="838000"/>
          </a:xfrm>
          <a:prstGeom prst="rect">
            <a:avLst/>
          </a:prstGeom>
        </p:spPr>
        <p:txBody>
          <a:bodyPr spcFirstLastPara="1" wrap="square" lIns="91425" tIns="91425" rIns="91425" bIns="91425" anchor="b" anchorCtr="0">
            <a:noAutofit/>
          </a:bodyPr>
          <a:lstStyle>
            <a:lvl1pPr lvl="0" rtl="0">
              <a:lnSpc>
                <a:spcPct val="100000"/>
              </a:lnSpc>
              <a:spcBef>
                <a:spcPts val="0"/>
              </a:spcBef>
              <a:spcAft>
                <a:spcPts val="0"/>
              </a:spcAft>
              <a:buSzPts val="2400"/>
              <a:buFont typeface="Orelega One"/>
              <a:buNone/>
              <a:defRPr sz="4889">
                <a:solidFill>
                  <a:schemeClr val="dk1"/>
                </a:solidFill>
                <a:latin typeface="Orelega One"/>
                <a:ea typeface="Orelega One"/>
                <a:cs typeface="Orelega One"/>
                <a:sym typeface="Orelega One"/>
              </a:defRPr>
            </a:lvl1pPr>
            <a:lvl2pPr lvl="1"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2pPr>
            <a:lvl3pPr lvl="2"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3pPr>
            <a:lvl4pPr lvl="3"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4pPr>
            <a:lvl5pPr lvl="4"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5pPr>
            <a:lvl6pPr lvl="5"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6pPr>
            <a:lvl7pPr lvl="6"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7pPr>
            <a:lvl8pPr lvl="7"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8pPr>
            <a:lvl9pPr lvl="8"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9pPr>
          </a:lstStyle>
          <a:p>
            <a:endParaRPr/>
          </a:p>
        </p:txBody>
      </p:sp>
      <p:sp>
        <p:nvSpPr>
          <p:cNvPr id="503" name="Google Shape;503;p32"/>
          <p:cNvSpPr txBox="1">
            <a:spLocks noGrp="1"/>
          </p:cNvSpPr>
          <p:nvPr>
            <p:ph type="subTitle" idx="14"/>
          </p:nvPr>
        </p:nvSpPr>
        <p:spPr>
          <a:xfrm>
            <a:off x="13973807" y="5498889"/>
            <a:ext cx="4396000" cy="838000"/>
          </a:xfrm>
          <a:prstGeom prst="rect">
            <a:avLst/>
          </a:prstGeom>
        </p:spPr>
        <p:txBody>
          <a:bodyPr spcFirstLastPara="1" wrap="square" lIns="91425" tIns="91425" rIns="91425" bIns="91425" anchor="b" anchorCtr="0">
            <a:noAutofit/>
          </a:bodyPr>
          <a:lstStyle>
            <a:lvl1pPr lvl="0" rtl="0">
              <a:lnSpc>
                <a:spcPct val="100000"/>
              </a:lnSpc>
              <a:spcBef>
                <a:spcPts val="0"/>
              </a:spcBef>
              <a:spcAft>
                <a:spcPts val="0"/>
              </a:spcAft>
              <a:buSzPts val="2400"/>
              <a:buFont typeface="Orelega One"/>
              <a:buNone/>
              <a:defRPr sz="4889">
                <a:solidFill>
                  <a:schemeClr val="dk1"/>
                </a:solidFill>
                <a:latin typeface="Orelega One"/>
                <a:ea typeface="Orelega One"/>
                <a:cs typeface="Orelega One"/>
                <a:sym typeface="Orelega One"/>
              </a:defRPr>
            </a:lvl1pPr>
            <a:lvl2pPr lvl="1"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2pPr>
            <a:lvl3pPr lvl="2"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3pPr>
            <a:lvl4pPr lvl="3"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4pPr>
            <a:lvl5pPr lvl="4"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5pPr>
            <a:lvl6pPr lvl="5"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6pPr>
            <a:lvl7pPr lvl="6"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7pPr>
            <a:lvl8pPr lvl="7"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8pPr>
            <a:lvl9pPr lvl="8"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9pPr>
          </a:lstStyle>
          <a:p>
            <a:endParaRPr/>
          </a:p>
        </p:txBody>
      </p:sp>
      <p:sp>
        <p:nvSpPr>
          <p:cNvPr id="504" name="Google Shape;504;p32"/>
          <p:cNvSpPr txBox="1">
            <a:spLocks noGrp="1"/>
          </p:cNvSpPr>
          <p:nvPr>
            <p:ph type="subTitle" idx="15"/>
          </p:nvPr>
        </p:nvSpPr>
        <p:spPr>
          <a:xfrm>
            <a:off x="13973793" y="7716278"/>
            <a:ext cx="4396000" cy="838000"/>
          </a:xfrm>
          <a:prstGeom prst="rect">
            <a:avLst/>
          </a:prstGeom>
        </p:spPr>
        <p:txBody>
          <a:bodyPr spcFirstLastPara="1" wrap="square" lIns="91425" tIns="91425" rIns="91425" bIns="91425" anchor="b" anchorCtr="0">
            <a:noAutofit/>
          </a:bodyPr>
          <a:lstStyle>
            <a:lvl1pPr lvl="0" rtl="0">
              <a:lnSpc>
                <a:spcPct val="100000"/>
              </a:lnSpc>
              <a:spcBef>
                <a:spcPts val="0"/>
              </a:spcBef>
              <a:spcAft>
                <a:spcPts val="0"/>
              </a:spcAft>
              <a:buSzPts val="2400"/>
              <a:buFont typeface="Orelega One"/>
              <a:buNone/>
              <a:defRPr sz="4889">
                <a:solidFill>
                  <a:schemeClr val="dk1"/>
                </a:solidFill>
                <a:latin typeface="Orelega One"/>
                <a:ea typeface="Orelega One"/>
                <a:cs typeface="Orelega One"/>
                <a:sym typeface="Orelega One"/>
              </a:defRPr>
            </a:lvl1pPr>
            <a:lvl2pPr lvl="1"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2pPr>
            <a:lvl3pPr lvl="2"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3pPr>
            <a:lvl4pPr lvl="3"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4pPr>
            <a:lvl5pPr lvl="4"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5pPr>
            <a:lvl6pPr lvl="5"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6pPr>
            <a:lvl7pPr lvl="6"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7pPr>
            <a:lvl8pPr lvl="7"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8pPr>
            <a:lvl9pPr lvl="8"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9pPr>
          </a:lstStyle>
          <a:p>
            <a:endParaRPr/>
          </a:p>
        </p:txBody>
      </p:sp>
      <p:grpSp>
        <p:nvGrpSpPr>
          <p:cNvPr id="505" name="Google Shape;505;p32"/>
          <p:cNvGrpSpPr/>
          <p:nvPr/>
        </p:nvGrpSpPr>
        <p:grpSpPr>
          <a:xfrm>
            <a:off x="622779" y="7466624"/>
            <a:ext cx="19101807" cy="3741920"/>
            <a:chOff x="280250" y="3359981"/>
            <a:chExt cx="8595813" cy="1683864"/>
          </a:xfrm>
        </p:grpSpPr>
        <p:sp>
          <p:nvSpPr>
            <p:cNvPr id="506" name="Google Shape;506;p32"/>
            <p:cNvSpPr/>
            <p:nvPr/>
          </p:nvSpPr>
          <p:spPr>
            <a:xfrm flipH="1">
              <a:off x="8531029" y="3359981"/>
              <a:ext cx="345034" cy="1683864"/>
            </a:xfrm>
            <a:custGeom>
              <a:avLst/>
              <a:gdLst/>
              <a:ahLst/>
              <a:cxnLst/>
              <a:rect l="l" t="t" r="r" b="b"/>
              <a:pathLst>
                <a:path w="16256" h="79334" extrusionOk="0">
                  <a:moveTo>
                    <a:pt x="7457" y="1"/>
                  </a:moveTo>
                  <a:lnTo>
                    <a:pt x="7179" y="93"/>
                  </a:lnTo>
                  <a:lnTo>
                    <a:pt x="6901" y="186"/>
                  </a:lnTo>
                  <a:lnTo>
                    <a:pt x="6762" y="371"/>
                  </a:lnTo>
                  <a:lnTo>
                    <a:pt x="6669" y="510"/>
                  </a:lnTo>
                  <a:lnTo>
                    <a:pt x="6669" y="649"/>
                  </a:lnTo>
                  <a:lnTo>
                    <a:pt x="6391" y="2455"/>
                  </a:lnTo>
                  <a:lnTo>
                    <a:pt x="6160" y="4261"/>
                  </a:lnTo>
                  <a:lnTo>
                    <a:pt x="5975" y="6114"/>
                  </a:lnTo>
                  <a:lnTo>
                    <a:pt x="5882" y="7966"/>
                  </a:lnTo>
                  <a:lnTo>
                    <a:pt x="5836" y="10560"/>
                  </a:lnTo>
                  <a:lnTo>
                    <a:pt x="5882" y="13153"/>
                  </a:lnTo>
                  <a:lnTo>
                    <a:pt x="5975" y="15747"/>
                  </a:lnTo>
                  <a:lnTo>
                    <a:pt x="6113" y="18340"/>
                  </a:lnTo>
                  <a:lnTo>
                    <a:pt x="6484" y="23620"/>
                  </a:lnTo>
                  <a:lnTo>
                    <a:pt x="6762" y="28946"/>
                  </a:lnTo>
                  <a:lnTo>
                    <a:pt x="6901" y="31586"/>
                  </a:lnTo>
                  <a:lnTo>
                    <a:pt x="6993" y="34226"/>
                  </a:lnTo>
                  <a:lnTo>
                    <a:pt x="7040" y="36912"/>
                  </a:lnTo>
                  <a:lnTo>
                    <a:pt x="7086" y="39551"/>
                  </a:lnTo>
                  <a:lnTo>
                    <a:pt x="7040" y="41635"/>
                  </a:lnTo>
                  <a:lnTo>
                    <a:pt x="6993" y="43673"/>
                  </a:lnTo>
                  <a:lnTo>
                    <a:pt x="6854" y="45757"/>
                  </a:lnTo>
                  <a:lnTo>
                    <a:pt x="6716" y="47795"/>
                  </a:lnTo>
                  <a:lnTo>
                    <a:pt x="6391" y="51917"/>
                  </a:lnTo>
                  <a:lnTo>
                    <a:pt x="6067" y="56039"/>
                  </a:lnTo>
                  <a:lnTo>
                    <a:pt x="5743" y="55807"/>
                  </a:lnTo>
                  <a:lnTo>
                    <a:pt x="5465" y="55529"/>
                  </a:lnTo>
                  <a:lnTo>
                    <a:pt x="5187" y="55251"/>
                  </a:lnTo>
                  <a:lnTo>
                    <a:pt x="4956" y="54927"/>
                  </a:lnTo>
                  <a:lnTo>
                    <a:pt x="4539" y="54232"/>
                  </a:lnTo>
                  <a:lnTo>
                    <a:pt x="4307" y="53723"/>
                  </a:lnTo>
                  <a:lnTo>
                    <a:pt x="4215" y="53353"/>
                  </a:lnTo>
                  <a:lnTo>
                    <a:pt x="4122" y="52982"/>
                  </a:lnTo>
                  <a:lnTo>
                    <a:pt x="4076" y="52241"/>
                  </a:lnTo>
                  <a:lnTo>
                    <a:pt x="4029" y="51454"/>
                  </a:lnTo>
                  <a:lnTo>
                    <a:pt x="4029" y="50713"/>
                  </a:lnTo>
                  <a:lnTo>
                    <a:pt x="3983" y="48073"/>
                  </a:lnTo>
                  <a:lnTo>
                    <a:pt x="4029" y="45479"/>
                  </a:lnTo>
                  <a:lnTo>
                    <a:pt x="4076" y="43117"/>
                  </a:lnTo>
                  <a:lnTo>
                    <a:pt x="4122" y="41960"/>
                  </a:lnTo>
                  <a:lnTo>
                    <a:pt x="4076" y="40802"/>
                  </a:lnTo>
                  <a:lnTo>
                    <a:pt x="4076" y="39644"/>
                  </a:lnTo>
                  <a:lnTo>
                    <a:pt x="3937" y="38486"/>
                  </a:lnTo>
                  <a:lnTo>
                    <a:pt x="3798" y="37328"/>
                  </a:lnTo>
                  <a:lnTo>
                    <a:pt x="3566" y="36171"/>
                  </a:lnTo>
                  <a:lnTo>
                    <a:pt x="3474" y="35939"/>
                  </a:lnTo>
                  <a:lnTo>
                    <a:pt x="3288" y="35754"/>
                  </a:lnTo>
                  <a:lnTo>
                    <a:pt x="3103" y="35569"/>
                  </a:lnTo>
                  <a:lnTo>
                    <a:pt x="2825" y="35476"/>
                  </a:lnTo>
                  <a:lnTo>
                    <a:pt x="2547" y="35383"/>
                  </a:lnTo>
                  <a:lnTo>
                    <a:pt x="2223" y="35337"/>
                  </a:lnTo>
                  <a:lnTo>
                    <a:pt x="1899" y="35291"/>
                  </a:lnTo>
                  <a:lnTo>
                    <a:pt x="1575" y="35291"/>
                  </a:lnTo>
                  <a:lnTo>
                    <a:pt x="1251" y="35337"/>
                  </a:lnTo>
                  <a:lnTo>
                    <a:pt x="926" y="35430"/>
                  </a:lnTo>
                  <a:lnTo>
                    <a:pt x="649" y="35522"/>
                  </a:lnTo>
                  <a:lnTo>
                    <a:pt x="371" y="35661"/>
                  </a:lnTo>
                  <a:lnTo>
                    <a:pt x="185" y="35800"/>
                  </a:lnTo>
                  <a:lnTo>
                    <a:pt x="46" y="36032"/>
                  </a:lnTo>
                  <a:lnTo>
                    <a:pt x="0" y="36217"/>
                  </a:lnTo>
                  <a:lnTo>
                    <a:pt x="0" y="36495"/>
                  </a:lnTo>
                  <a:lnTo>
                    <a:pt x="139" y="37467"/>
                  </a:lnTo>
                  <a:lnTo>
                    <a:pt x="278" y="38440"/>
                  </a:lnTo>
                  <a:lnTo>
                    <a:pt x="510" y="40385"/>
                  </a:lnTo>
                  <a:lnTo>
                    <a:pt x="649" y="42330"/>
                  </a:lnTo>
                  <a:lnTo>
                    <a:pt x="741" y="44275"/>
                  </a:lnTo>
                  <a:lnTo>
                    <a:pt x="880" y="48212"/>
                  </a:lnTo>
                  <a:lnTo>
                    <a:pt x="1019" y="50157"/>
                  </a:lnTo>
                  <a:lnTo>
                    <a:pt x="1204" y="52148"/>
                  </a:lnTo>
                  <a:lnTo>
                    <a:pt x="1390" y="53353"/>
                  </a:lnTo>
                  <a:lnTo>
                    <a:pt x="1528" y="53908"/>
                  </a:lnTo>
                  <a:lnTo>
                    <a:pt x="1667" y="54510"/>
                  </a:lnTo>
                  <a:lnTo>
                    <a:pt x="1853" y="55020"/>
                  </a:lnTo>
                  <a:lnTo>
                    <a:pt x="2038" y="55529"/>
                  </a:lnTo>
                  <a:lnTo>
                    <a:pt x="2269" y="56039"/>
                  </a:lnTo>
                  <a:lnTo>
                    <a:pt x="2547" y="56502"/>
                  </a:lnTo>
                  <a:lnTo>
                    <a:pt x="2872" y="56919"/>
                  </a:lnTo>
                  <a:lnTo>
                    <a:pt x="3196" y="57289"/>
                  </a:lnTo>
                  <a:lnTo>
                    <a:pt x="3566" y="57660"/>
                  </a:lnTo>
                  <a:lnTo>
                    <a:pt x="3937" y="57937"/>
                  </a:lnTo>
                  <a:lnTo>
                    <a:pt x="4400" y="58215"/>
                  </a:lnTo>
                  <a:lnTo>
                    <a:pt x="4863" y="58447"/>
                  </a:lnTo>
                  <a:lnTo>
                    <a:pt x="5372" y="58632"/>
                  </a:lnTo>
                  <a:lnTo>
                    <a:pt x="5882" y="58771"/>
                  </a:lnTo>
                  <a:lnTo>
                    <a:pt x="5836" y="59790"/>
                  </a:lnTo>
                  <a:lnTo>
                    <a:pt x="5743" y="62244"/>
                  </a:lnTo>
                  <a:lnTo>
                    <a:pt x="5604" y="64653"/>
                  </a:lnTo>
                  <a:lnTo>
                    <a:pt x="5558" y="67061"/>
                  </a:lnTo>
                  <a:lnTo>
                    <a:pt x="5558" y="68265"/>
                  </a:lnTo>
                  <a:lnTo>
                    <a:pt x="5604" y="69469"/>
                  </a:lnTo>
                  <a:lnTo>
                    <a:pt x="5650" y="71692"/>
                  </a:lnTo>
                  <a:lnTo>
                    <a:pt x="5650" y="72804"/>
                  </a:lnTo>
                  <a:lnTo>
                    <a:pt x="5650" y="73915"/>
                  </a:lnTo>
                  <a:lnTo>
                    <a:pt x="5558" y="74471"/>
                  </a:lnTo>
                  <a:lnTo>
                    <a:pt x="5511" y="74980"/>
                  </a:lnTo>
                  <a:lnTo>
                    <a:pt x="5372" y="76046"/>
                  </a:lnTo>
                  <a:lnTo>
                    <a:pt x="5326" y="76555"/>
                  </a:lnTo>
                  <a:lnTo>
                    <a:pt x="5326" y="77064"/>
                  </a:lnTo>
                  <a:lnTo>
                    <a:pt x="5465" y="77574"/>
                  </a:lnTo>
                  <a:lnTo>
                    <a:pt x="5650" y="78130"/>
                  </a:lnTo>
                  <a:lnTo>
                    <a:pt x="5789" y="78361"/>
                  </a:lnTo>
                  <a:lnTo>
                    <a:pt x="5975" y="78593"/>
                  </a:lnTo>
                  <a:lnTo>
                    <a:pt x="6160" y="78778"/>
                  </a:lnTo>
                  <a:lnTo>
                    <a:pt x="6438" y="78963"/>
                  </a:lnTo>
                  <a:lnTo>
                    <a:pt x="6669" y="79102"/>
                  </a:lnTo>
                  <a:lnTo>
                    <a:pt x="6947" y="79195"/>
                  </a:lnTo>
                  <a:lnTo>
                    <a:pt x="7271" y="79287"/>
                  </a:lnTo>
                  <a:lnTo>
                    <a:pt x="7549" y="79334"/>
                  </a:lnTo>
                  <a:lnTo>
                    <a:pt x="8198" y="79334"/>
                  </a:lnTo>
                  <a:lnTo>
                    <a:pt x="8800" y="79287"/>
                  </a:lnTo>
                  <a:lnTo>
                    <a:pt x="9402" y="79102"/>
                  </a:lnTo>
                  <a:lnTo>
                    <a:pt x="9633" y="78963"/>
                  </a:lnTo>
                  <a:lnTo>
                    <a:pt x="9865" y="78824"/>
                  </a:lnTo>
                  <a:lnTo>
                    <a:pt x="10328" y="78500"/>
                  </a:lnTo>
                  <a:lnTo>
                    <a:pt x="10698" y="78130"/>
                  </a:lnTo>
                  <a:lnTo>
                    <a:pt x="11069" y="77713"/>
                  </a:lnTo>
                  <a:lnTo>
                    <a:pt x="11347" y="77296"/>
                  </a:lnTo>
                  <a:lnTo>
                    <a:pt x="11578" y="76833"/>
                  </a:lnTo>
                  <a:lnTo>
                    <a:pt x="11764" y="76370"/>
                  </a:lnTo>
                  <a:lnTo>
                    <a:pt x="11949" y="75860"/>
                  </a:lnTo>
                  <a:lnTo>
                    <a:pt x="12041" y="75305"/>
                  </a:lnTo>
                  <a:lnTo>
                    <a:pt x="12134" y="74749"/>
                  </a:lnTo>
                  <a:lnTo>
                    <a:pt x="12180" y="74193"/>
                  </a:lnTo>
                  <a:lnTo>
                    <a:pt x="12180" y="73637"/>
                  </a:lnTo>
                  <a:lnTo>
                    <a:pt x="12180" y="73035"/>
                  </a:lnTo>
                  <a:lnTo>
                    <a:pt x="12041" y="71831"/>
                  </a:lnTo>
                  <a:lnTo>
                    <a:pt x="11856" y="70581"/>
                  </a:lnTo>
                  <a:lnTo>
                    <a:pt x="11625" y="69330"/>
                  </a:lnTo>
                  <a:lnTo>
                    <a:pt x="11347" y="68034"/>
                  </a:lnTo>
                  <a:lnTo>
                    <a:pt x="10745" y="65579"/>
                  </a:lnTo>
                  <a:lnTo>
                    <a:pt x="10467" y="64421"/>
                  </a:lnTo>
                  <a:lnTo>
                    <a:pt x="10235" y="63310"/>
                  </a:lnTo>
                  <a:lnTo>
                    <a:pt x="10050" y="62244"/>
                  </a:lnTo>
                  <a:lnTo>
                    <a:pt x="10004" y="61318"/>
                  </a:lnTo>
                  <a:lnTo>
                    <a:pt x="9957" y="58678"/>
                  </a:lnTo>
                  <a:lnTo>
                    <a:pt x="10004" y="55992"/>
                  </a:lnTo>
                  <a:lnTo>
                    <a:pt x="10143" y="53353"/>
                  </a:lnTo>
                  <a:lnTo>
                    <a:pt x="10282" y="50713"/>
                  </a:lnTo>
                  <a:lnTo>
                    <a:pt x="10559" y="45387"/>
                  </a:lnTo>
                  <a:lnTo>
                    <a:pt x="10652" y="42701"/>
                  </a:lnTo>
                  <a:lnTo>
                    <a:pt x="10698" y="40061"/>
                  </a:lnTo>
                  <a:lnTo>
                    <a:pt x="10698" y="37375"/>
                  </a:lnTo>
                  <a:lnTo>
                    <a:pt x="10652" y="34642"/>
                  </a:lnTo>
                  <a:lnTo>
                    <a:pt x="11115" y="34689"/>
                  </a:lnTo>
                  <a:lnTo>
                    <a:pt x="11578" y="34689"/>
                  </a:lnTo>
                  <a:lnTo>
                    <a:pt x="11995" y="34642"/>
                  </a:lnTo>
                  <a:lnTo>
                    <a:pt x="12412" y="34596"/>
                  </a:lnTo>
                  <a:lnTo>
                    <a:pt x="12829" y="34503"/>
                  </a:lnTo>
                  <a:lnTo>
                    <a:pt x="13199" y="34364"/>
                  </a:lnTo>
                  <a:lnTo>
                    <a:pt x="13570" y="34179"/>
                  </a:lnTo>
                  <a:lnTo>
                    <a:pt x="13894" y="33994"/>
                  </a:lnTo>
                  <a:lnTo>
                    <a:pt x="14218" y="33762"/>
                  </a:lnTo>
                  <a:lnTo>
                    <a:pt x="14496" y="33485"/>
                  </a:lnTo>
                  <a:lnTo>
                    <a:pt x="14774" y="33207"/>
                  </a:lnTo>
                  <a:lnTo>
                    <a:pt x="15006" y="32882"/>
                  </a:lnTo>
                  <a:lnTo>
                    <a:pt x="15237" y="32512"/>
                  </a:lnTo>
                  <a:lnTo>
                    <a:pt x="15422" y="32095"/>
                  </a:lnTo>
                  <a:lnTo>
                    <a:pt x="15561" y="31678"/>
                  </a:lnTo>
                  <a:lnTo>
                    <a:pt x="15654" y="31169"/>
                  </a:lnTo>
                  <a:lnTo>
                    <a:pt x="15885" y="30150"/>
                  </a:lnTo>
                  <a:lnTo>
                    <a:pt x="16071" y="29039"/>
                  </a:lnTo>
                  <a:lnTo>
                    <a:pt x="16163" y="27881"/>
                  </a:lnTo>
                  <a:lnTo>
                    <a:pt x="16256" y="26677"/>
                  </a:lnTo>
                  <a:lnTo>
                    <a:pt x="16210" y="26075"/>
                  </a:lnTo>
                  <a:lnTo>
                    <a:pt x="16163" y="25519"/>
                  </a:lnTo>
                  <a:lnTo>
                    <a:pt x="16117" y="24917"/>
                  </a:lnTo>
                  <a:lnTo>
                    <a:pt x="16024" y="24361"/>
                  </a:lnTo>
                  <a:lnTo>
                    <a:pt x="15839" y="23852"/>
                  </a:lnTo>
                  <a:lnTo>
                    <a:pt x="15654" y="23342"/>
                  </a:lnTo>
                  <a:lnTo>
                    <a:pt x="15422" y="22879"/>
                  </a:lnTo>
                  <a:lnTo>
                    <a:pt x="15144" y="22462"/>
                  </a:lnTo>
                  <a:lnTo>
                    <a:pt x="15052" y="22416"/>
                  </a:lnTo>
                  <a:lnTo>
                    <a:pt x="15006" y="22416"/>
                  </a:lnTo>
                  <a:lnTo>
                    <a:pt x="14867" y="22462"/>
                  </a:lnTo>
                  <a:lnTo>
                    <a:pt x="14403" y="22972"/>
                  </a:lnTo>
                  <a:lnTo>
                    <a:pt x="14033" y="23527"/>
                  </a:lnTo>
                  <a:lnTo>
                    <a:pt x="13709" y="24083"/>
                  </a:lnTo>
                  <a:lnTo>
                    <a:pt x="13477" y="24685"/>
                  </a:lnTo>
                  <a:lnTo>
                    <a:pt x="13292" y="25334"/>
                  </a:lnTo>
                  <a:lnTo>
                    <a:pt x="13107" y="25982"/>
                  </a:lnTo>
                  <a:lnTo>
                    <a:pt x="12921" y="27325"/>
                  </a:lnTo>
                  <a:lnTo>
                    <a:pt x="12829" y="27973"/>
                  </a:lnTo>
                  <a:lnTo>
                    <a:pt x="12782" y="28714"/>
                  </a:lnTo>
                  <a:lnTo>
                    <a:pt x="12736" y="29455"/>
                  </a:lnTo>
                  <a:lnTo>
                    <a:pt x="12597" y="30150"/>
                  </a:lnTo>
                  <a:lnTo>
                    <a:pt x="12505" y="30474"/>
                  </a:lnTo>
                  <a:lnTo>
                    <a:pt x="12366" y="30798"/>
                  </a:lnTo>
                  <a:lnTo>
                    <a:pt x="12227" y="31076"/>
                  </a:lnTo>
                  <a:lnTo>
                    <a:pt x="12041" y="31308"/>
                  </a:lnTo>
                  <a:lnTo>
                    <a:pt x="11810" y="31493"/>
                  </a:lnTo>
                  <a:lnTo>
                    <a:pt x="11532" y="31632"/>
                  </a:lnTo>
                  <a:lnTo>
                    <a:pt x="11208" y="31725"/>
                  </a:lnTo>
                  <a:lnTo>
                    <a:pt x="10837" y="31771"/>
                  </a:lnTo>
                  <a:lnTo>
                    <a:pt x="10606" y="31771"/>
                  </a:lnTo>
                  <a:lnTo>
                    <a:pt x="10374" y="25287"/>
                  </a:lnTo>
                  <a:lnTo>
                    <a:pt x="10189" y="18850"/>
                  </a:lnTo>
                  <a:lnTo>
                    <a:pt x="10096" y="16117"/>
                  </a:lnTo>
                  <a:lnTo>
                    <a:pt x="10004" y="13431"/>
                  </a:lnTo>
                  <a:lnTo>
                    <a:pt x="9865" y="10699"/>
                  </a:lnTo>
                  <a:lnTo>
                    <a:pt x="9680" y="7966"/>
                  </a:lnTo>
                  <a:lnTo>
                    <a:pt x="9633" y="6994"/>
                  </a:lnTo>
                  <a:lnTo>
                    <a:pt x="9633" y="5975"/>
                  </a:lnTo>
                  <a:lnTo>
                    <a:pt x="9633" y="4956"/>
                  </a:lnTo>
                  <a:lnTo>
                    <a:pt x="9633" y="3937"/>
                  </a:lnTo>
                  <a:lnTo>
                    <a:pt x="9494" y="2965"/>
                  </a:lnTo>
                  <a:lnTo>
                    <a:pt x="9448" y="2455"/>
                  </a:lnTo>
                  <a:lnTo>
                    <a:pt x="9309" y="1992"/>
                  </a:lnTo>
                  <a:lnTo>
                    <a:pt x="9170" y="1575"/>
                  </a:lnTo>
                  <a:lnTo>
                    <a:pt x="8985" y="1112"/>
                  </a:lnTo>
                  <a:lnTo>
                    <a:pt x="8753" y="695"/>
                  </a:lnTo>
                  <a:lnTo>
                    <a:pt x="8475" y="325"/>
                  </a:lnTo>
                  <a:lnTo>
                    <a:pt x="8244" y="140"/>
                  </a:lnTo>
                  <a:lnTo>
                    <a:pt x="8012" y="47"/>
                  </a:lnTo>
                  <a:lnTo>
                    <a:pt x="7734" y="1"/>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507" name="Google Shape;507;p32"/>
            <p:cNvSpPr/>
            <p:nvPr/>
          </p:nvSpPr>
          <p:spPr>
            <a:xfrm>
              <a:off x="280250" y="3710988"/>
              <a:ext cx="291800" cy="981850"/>
            </a:xfrm>
            <a:custGeom>
              <a:avLst/>
              <a:gdLst/>
              <a:ahLst/>
              <a:cxnLst/>
              <a:rect l="l" t="t" r="r" b="b"/>
              <a:pathLst>
                <a:path w="11672" h="39274" extrusionOk="0">
                  <a:moveTo>
                    <a:pt x="6253" y="1"/>
                  </a:moveTo>
                  <a:lnTo>
                    <a:pt x="6068" y="47"/>
                  </a:lnTo>
                  <a:lnTo>
                    <a:pt x="5929" y="140"/>
                  </a:lnTo>
                  <a:lnTo>
                    <a:pt x="5558" y="603"/>
                  </a:lnTo>
                  <a:lnTo>
                    <a:pt x="5327" y="1112"/>
                  </a:lnTo>
                  <a:lnTo>
                    <a:pt x="5141" y="1622"/>
                  </a:lnTo>
                  <a:lnTo>
                    <a:pt x="5002" y="2177"/>
                  </a:lnTo>
                  <a:lnTo>
                    <a:pt x="4910" y="2733"/>
                  </a:lnTo>
                  <a:lnTo>
                    <a:pt x="4863" y="3289"/>
                  </a:lnTo>
                  <a:lnTo>
                    <a:pt x="4817" y="4447"/>
                  </a:lnTo>
                  <a:lnTo>
                    <a:pt x="4771" y="6855"/>
                  </a:lnTo>
                  <a:lnTo>
                    <a:pt x="4725" y="9263"/>
                  </a:lnTo>
                  <a:lnTo>
                    <a:pt x="4771" y="11903"/>
                  </a:lnTo>
                  <a:lnTo>
                    <a:pt x="4817" y="14543"/>
                  </a:lnTo>
                  <a:lnTo>
                    <a:pt x="4586" y="14172"/>
                  </a:lnTo>
                  <a:lnTo>
                    <a:pt x="4447" y="13755"/>
                  </a:lnTo>
                  <a:lnTo>
                    <a:pt x="4308" y="13339"/>
                  </a:lnTo>
                  <a:lnTo>
                    <a:pt x="4215" y="12922"/>
                  </a:lnTo>
                  <a:lnTo>
                    <a:pt x="4169" y="12459"/>
                  </a:lnTo>
                  <a:lnTo>
                    <a:pt x="4076" y="11533"/>
                  </a:lnTo>
                  <a:lnTo>
                    <a:pt x="4030" y="10699"/>
                  </a:lnTo>
                  <a:lnTo>
                    <a:pt x="4076" y="10189"/>
                  </a:lnTo>
                  <a:lnTo>
                    <a:pt x="4076" y="9680"/>
                  </a:lnTo>
                  <a:lnTo>
                    <a:pt x="4030" y="8661"/>
                  </a:lnTo>
                  <a:lnTo>
                    <a:pt x="3798" y="6670"/>
                  </a:lnTo>
                  <a:lnTo>
                    <a:pt x="3752" y="5605"/>
                  </a:lnTo>
                  <a:lnTo>
                    <a:pt x="3659" y="4586"/>
                  </a:lnTo>
                  <a:lnTo>
                    <a:pt x="3613" y="4076"/>
                  </a:lnTo>
                  <a:lnTo>
                    <a:pt x="3520" y="3567"/>
                  </a:lnTo>
                  <a:lnTo>
                    <a:pt x="3381" y="3057"/>
                  </a:lnTo>
                  <a:lnTo>
                    <a:pt x="3150" y="2594"/>
                  </a:lnTo>
                  <a:lnTo>
                    <a:pt x="3104" y="2502"/>
                  </a:lnTo>
                  <a:lnTo>
                    <a:pt x="3011" y="2409"/>
                  </a:lnTo>
                  <a:lnTo>
                    <a:pt x="2826" y="2363"/>
                  </a:lnTo>
                  <a:lnTo>
                    <a:pt x="2594" y="2455"/>
                  </a:lnTo>
                  <a:lnTo>
                    <a:pt x="2548" y="2502"/>
                  </a:lnTo>
                  <a:lnTo>
                    <a:pt x="2455" y="2594"/>
                  </a:lnTo>
                  <a:lnTo>
                    <a:pt x="2224" y="3104"/>
                  </a:lnTo>
                  <a:lnTo>
                    <a:pt x="2038" y="3613"/>
                  </a:lnTo>
                  <a:lnTo>
                    <a:pt x="1946" y="4169"/>
                  </a:lnTo>
                  <a:lnTo>
                    <a:pt x="1853" y="4725"/>
                  </a:lnTo>
                  <a:lnTo>
                    <a:pt x="1853" y="5280"/>
                  </a:lnTo>
                  <a:lnTo>
                    <a:pt x="1853" y="5836"/>
                  </a:lnTo>
                  <a:lnTo>
                    <a:pt x="1899" y="6994"/>
                  </a:lnTo>
                  <a:lnTo>
                    <a:pt x="1992" y="8105"/>
                  </a:lnTo>
                  <a:lnTo>
                    <a:pt x="2131" y="9171"/>
                  </a:lnTo>
                  <a:lnTo>
                    <a:pt x="2177" y="10421"/>
                  </a:lnTo>
                  <a:lnTo>
                    <a:pt x="2270" y="11625"/>
                  </a:lnTo>
                  <a:lnTo>
                    <a:pt x="2455" y="12737"/>
                  </a:lnTo>
                  <a:lnTo>
                    <a:pt x="2548" y="13292"/>
                  </a:lnTo>
                  <a:lnTo>
                    <a:pt x="2687" y="13802"/>
                  </a:lnTo>
                  <a:lnTo>
                    <a:pt x="2872" y="14265"/>
                  </a:lnTo>
                  <a:lnTo>
                    <a:pt x="3057" y="14682"/>
                  </a:lnTo>
                  <a:lnTo>
                    <a:pt x="3289" y="15052"/>
                  </a:lnTo>
                  <a:lnTo>
                    <a:pt x="3567" y="15376"/>
                  </a:lnTo>
                  <a:lnTo>
                    <a:pt x="3845" y="15654"/>
                  </a:lnTo>
                  <a:lnTo>
                    <a:pt x="4169" y="15886"/>
                  </a:lnTo>
                  <a:lnTo>
                    <a:pt x="4493" y="16025"/>
                  </a:lnTo>
                  <a:lnTo>
                    <a:pt x="4863" y="16071"/>
                  </a:lnTo>
                  <a:lnTo>
                    <a:pt x="5002" y="18850"/>
                  </a:lnTo>
                  <a:lnTo>
                    <a:pt x="5049" y="19545"/>
                  </a:lnTo>
                  <a:lnTo>
                    <a:pt x="4910" y="19591"/>
                  </a:lnTo>
                  <a:lnTo>
                    <a:pt x="4586" y="19730"/>
                  </a:lnTo>
                  <a:lnTo>
                    <a:pt x="4261" y="19730"/>
                  </a:lnTo>
                  <a:lnTo>
                    <a:pt x="3984" y="19683"/>
                  </a:lnTo>
                  <a:lnTo>
                    <a:pt x="3752" y="19545"/>
                  </a:lnTo>
                  <a:lnTo>
                    <a:pt x="3520" y="19359"/>
                  </a:lnTo>
                  <a:lnTo>
                    <a:pt x="3289" y="19128"/>
                  </a:lnTo>
                  <a:lnTo>
                    <a:pt x="3104" y="18804"/>
                  </a:lnTo>
                  <a:lnTo>
                    <a:pt x="2965" y="18479"/>
                  </a:lnTo>
                  <a:lnTo>
                    <a:pt x="2687" y="17692"/>
                  </a:lnTo>
                  <a:lnTo>
                    <a:pt x="2455" y="16812"/>
                  </a:lnTo>
                  <a:lnTo>
                    <a:pt x="2316" y="15886"/>
                  </a:lnTo>
                  <a:lnTo>
                    <a:pt x="2224" y="15052"/>
                  </a:lnTo>
                  <a:lnTo>
                    <a:pt x="2224" y="14033"/>
                  </a:lnTo>
                  <a:lnTo>
                    <a:pt x="2177" y="13061"/>
                  </a:lnTo>
                  <a:lnTo>
                    <a:pt x="1992" y="11069"/>
                  </a:lnTo>
                  <a:lnTo>
                    <a:pt x="1899" y="9958"/>
                  </a:lnTo>
                  <a:lnTo>
                    <a:pt x="1807" y="9402"/>
                  </a:lnTo>
                  <a:lnTo>
                    <a:pt x="1714" y="8893"/>
                  </a:lnTo>
                  <a:lnTo>
                    <a:pt x="1529" y="8383"/>
                  </a:lnTo>
                  <a:lnTo>
                    <a:pt x="1344" y="7874"/>
                  </a:lnTo>
                  <a:lnTo>
                    <a:pt x="1066" y="7364"/>
                  </a:lnTo>
                  <a:lnTo>
                    <a:pt x="742" y="6901"/>
                  </a:lnTo>
                  <a:lnTo>
                    <a:pt x="649" y="6809"/>
                  </a:lnTo>
                  <a:lnTo>
                    <a:pt x="556" y="6762"/>
                  </a:lnTo>
                  <a:lnTo>
                    <a:pt x="417" y="6762"/>
                  </a:lnTo>
                  <a:lnTo>
                    <a:pt x="279" y="6809"/>
                  </a:lnTo>
                  <a:lnTo>
                    <a:pt x="186" y="6855"/>
                  </a:lnTo>
                  <a:lnTo>
                    <a:pt x="93" y="6948"/>
                  </a:lnTo>
                  <a:lnTo>
                    <a:pt x="47" y="7087"/>
                  </a:lnTo>
                  <a:lnTo>
                    <a:pt x="1" y="7179"/>
                  </a:lnTo>
                  <a:lnTo>
                    <a:pt x="47" y="8430"/>
                  </a:lnTo>
                  <a:lnTo>
                    <a:pt x="140" y="9634"/>
                  </a:lnTo>
                  <a:lnTo>
                    <a:pt x="232" y="10838"/>
                  </a:lnTo>
                  <a:lnTo>
                    <a:pt x="325" y="12088"/>
                  </a:lnTo>
                  <a:lnTo>
                    <a:pt x="371" y="13153"/>
                  </a:lnTo>
                  <a:lnTo>
                    <a:pt x="464" y="14265"/>
                  </a:lnTo>
                  <a:lnTo>
                    <a:pt x="510" y="15284"/>
                  </a:lnTo>
                  <a:lnTo>
                    <a:pt x="603" y="16256"/>
                  </a:lnTo>
                  <a:lnTo>
                    <a:pt x="742" y="17275"/>
                  </a:lnTo>
                  <a:lnTo>
                    <a:pt x="834" y="17738"/>
                  </a:lnTo>
                  <a:lnTo>
                    <a:pt x="973" y="18201"/>
                  </a:lnTo>
                  <a:lnTo>
                    <a:pt x="1066" y="18572"/>
                  </a:lnTo>
                  <a:lnTo>
                    <a:pt x="1205" y="18896"/>
                  </a:lnTo>
                  <a:lnTo>
                    <a:pt x="1575" y="19498"/>
                  </a:lnTo>
                  <a:lnTo>
                    <a:pt x="2038" y="20054"/>
                  </a:lnTo>
                  <a:lnTo>
                    <a:pt x="2270" y="20332"/>
                  </a:lnTo>
                  <a:lnTo>
                    <a:pt x="2548" y="20563"/>
                  </a:lnTo>
                  <a:lnTo>
                    <a:pt x="2826" y="20749"/>
                  </a:lnTo>
                  <a:lnTo>
                    <a:pt x="3104" y="20934"/>
                  </a:lnTo>
                  <a:lnTo>
                    <a:pt x="3428" y="21073"/>
                  </a:lnTo>
                  <a:lnTo>
                    <a:pt x="3752" y="21165"/>
                  </a:lnTo>
                  <a:lnTo>
                    <a:pt x="4076" y="21258"/>
                  </a:lnTo>
                  <a:lnTo>
                    <a:pt x="4771" y="21258"/>
                  </a:lnTo>
                  <a:lnTo>
                    <a:pt x="5095" y="21212"/>
                  </a:lnTo>
                  <a:lnTo>
                    <a:pt x="5141" y="23388"/>
                  </a:lnTo>
                  <a:lnTo>
                    <a:pt x="5141" y="25519"/>
                  </a:lnTo>
                  <a:lnTo>
                    <a:pt x="5188" y="29872"/>
                  </a:lnTo>
                  <a:lnTo>
                    <a:pt x="5188" y="32049"/>
                  </a:lnTo>
                  <a:lnTo>
                    <a:pt x="5234" y="34179"/>
                  </a:lnTo>
                  <a:lnTo>
                    <a:pt x="5327" y="36356"/>
                  </a:lnTo>
                  <a:lnTo>
                    <a:pt x="5466" y="38533"/>
                  </a:lnTo>
                  <a:lnTo>
                    <a:pt x="5512" y="38672"/>
                  </a:lnTo>
                  <a:lnTo>
                    <a:pt x="5558" y="38857"/>
                  </a:lnTo>
                  <a:lnTo>
                    <a:pt x="5697" y="38949"/>
                  </a:lnTo>
                  <a:lnTo>
                    <a:pt x="5836" y="39088"/>
                  </a:lnTo>
                  <a:lnTo>
                    <a:pt x="6021" y="39135"/>
                  </a:lnTo>
                  <a:lnTo>
                    <a:pt x="6207" y="39227"/>
                  </a:lnTo>
                  <a:lnTo>
                    <a:pt x="6577" y="39274"/>
                  </a:lnTo>
                  <a:lnTo>
                    <a:pt x="6994" y="39227"/>
                  </a:lnTo>
                  <a:lnTo>
                    <a:pt x="7179" y="39135"/>
                  </a:lnTo>
                  <a:lnTo>
                    <a:pt x="7318" y="39088"/>
                  </a:lnTo>
                  <a:lnTo>
                    <a:pt x="7457" y="38949"/>
                  </a:lnTo>
                  <a:lnTo>
                    <a:pt x="7596" y="38857"/>
                  </a:lnTo>
                  <a:lnTo>
                    <a:pt x="7642" y="38718"/>
                  </a:lnTo>
                  <a:lnTo>
                    <a:pt x="7689" y="38533"/>
                  </a:lnTo>
                  <a:lnTo>
                    <a:pt x="7689" y="36587"/>
                  </a:lnTo>
                  <a:lnTo>
                    <a:pt x="7596" y="34642"/>
                  </a:lnTo>
                  <a:lnTo>
                    <a:pt x="7411" y="30798"/>
                  </a:lnTo>
                  <a:lnTo>
                    <a:pt x="7179" y="26955"/>
                  </a:lnTo>
                  <a:lnTo>
                    <a:pt x="6948" y="23111"/>
                  </a:lnTo>
                  <a:lnTo>
                    <a:pt x="6948" y="23111"/>
                  </a:lnTo>
                  <a:lnTo>
                    <a:pt x="7225" y="23157"/>
                  </a:lnTo>
                  <a:lnTo>
                    <a:pt x="7828" y="23157"/>
                  </a:lnTo>
                  <a:lnTo>
                    <a:pt x="8152" y="23111"/>
                  </a:lnTo>
                  <a:lnTo>
                    <a:pt x="8430" y="23018"/>
                  </a:lnTo>
                  <a:lnTo>
                    <a:pt x="8707" y="22879"/>
                  </a:lnTo>
                  <a:lnTo>
                    <a:pt x="9217" y="22555"/>
                  </a:lnTo>
                  <a:lnTo>
                    <a:pt x="9726" y="22184"/>
                  </a:lnTo>
                  <a:lnTo>
                    <a:pt x="10143" y="21721"/>
                  </a:lnTo>
                  <a:lnTo>
                    <a:pt x="10514" y="21165"/>
                  </a:lnTo>
                  <a:lnTo>
                    <a:pt x="10792" y="20656"/>
                  </a:lnTo>
                  <a:lnTo>
                    <a:pt x="11116" y="19730"/>
                  </a:lnTo>
                  <a:lnTo>
                    <a:pt x="11394" y="18757"/>
                  </a:lnTo>
                  <a:lnTo>
                    <a:pt x="11579" y="17785"/>
                  </a:lnTo>
                  <a:lnTo>
                    <a:pt x="11671" y="16766"/>
                  </a:lnTo>
                  <a:lnTo>
                    <a:pt x="11671" y="15747"/>
                  </a:lnTo>
                  <a:lnTo>
                    <a:pt x="11625" y="15237"/>
                  </a:lnTo>
                  <a:lnTo>
                    <a:pt x="11533" y="14728"/>
                  </a:lnTo>
                  <a:lnTo>
                    <a:pt x="11440" y="14265"/>
                  </a:lnTo>
                  <a:lnTo>
                    <a:pt x="11301" y="13755"/>
                  </a:lnTo>
                  <a:lnTo>
                    <a:pt x="11162" y="13339"/>
                  </a:lnTo>
                  <a:lnTo>
                    <a:pt x="10977" y="12876"/>
                  </a:lnTo>
                  <a:lnTo>
                    <a:pt x="10884" y="12783"/>
                  </a:lnTo>
                  <a:lnTo>
                    <a:pt x="10792" y="12690"/>
                  </a:lnTo>
                  <a:lnTo>
                    <a:pt x="10653" y="12644"/>
                  </a:lnTo>
                  <a:lnTo>
                    <a:pt x="10560" y="12690"/>
                  </a:lnTo>
                  <a:lnTo>
                    <a:pt x="10421" y="12690"/>
                  </a:lnTo>
                  <a:lnTo>
                    <a:pt x="10328" y="12783"/>
                  </a:lnTo>
                  <a:lnTo>
                    <a:pt x="10236" y="12876"/>
                  </a:lnTo>
                  <a:lnTo>
                    <a:pt x="10189" y="12968"/>
                  </a:lnTo>
                  <a:lnTo>
                    <a:pt x="10004" y="13524"/>
                  </a:lnTo>
                  <a:lnTo>
                    <a:pt x="9912" y="14033"/>
                  </a:lnTo>
                  <a:lnTo>
                    <a:pt x="9726" y="15099"/>
                  </a:lnTo>
                  <a:lnTo>
                    <a:pt x="9448" y="17229"/>
                  </a:lnTo>
                  <a:lnTo>
                    <a:pt x="9263" y="18433"/>
                  </a:lnTo>
                  <a:lnTo>
                    <a:pt x="9078" y="19128"/>
                  </a:lnTo>
                  <a:lnTo>
                    <a:pt x="8846" y="19822"/>
                  </a:lnTo>
                  <a:lnTo>
                    <a:pt x="8707" y="20054"/>
                  </a:lnTo>
                  <a:lnTo>
                    <a:pt x="8569" y="20286"/>
                  </a:lnTo>
                  <a:lnTo>
                    <a:pt x="8383" y="20471"/>
                  </a:lnTo>
                  <a:lnTo>
                    <a:pt x="8198" y="20610"/>
                  </a:lnTo>
                  <a:lnTo>
                    <a:pt x="7920" y="20702"/>
                  </a:lnTo>
                  <a:lnTo>
                    <a:pt x="7689" y="20749"/>
                  </a:lnTo>
                  <a:lnTo>
                    <a:pt x="7364" y="20749"/>
                  </a:lnTo>
                  <a:lnTo>
                    <a:pt x="6994" y="20702"/>
                  </a:lnTo>
                  <a:lnTo>
                    <a:pt x="6855" y="20656"/>
                  </a:lnTo>
                  <a:lnTo>
                    <a:pt x="6809" y="18850"/>
                  </a:lnTo>
                  <a:lnTo>
                    <a:pt x="6809" y="17877"/>
                  </a:lnTo>
                  <a:lnTo>
                    <a:pt x="7225" y="17831"/>
                  </a:lnTo>
                  <a:lnTo>
                    <a:pt x="7550" y="17738"/>
                  </a:lnTo>
                  <a:lnTo>
                    <a:pt x="7874" y="17599"/>
                  </a:lnTo>
                  <a:lnTo>
                    <a:pt x="8105" y="17414"/>
                  </a:lnTo>
                  <a:lnTo>
                    <a:pt x="8337" y="17229"/>
                  </a:lnTo>
                  <a:lnTo>
                    <a:pt x="8476" y="17044"/>
                  </a:lnTo>
                  <a:lnTo>
                    <a:pt x="8615" y="16812"/>
                  </a:lnTo>
                  <a:lnTo>
                    <a:pt x="8754" y="16534"/>
                  </a:lnTo>
                  <a:lnTo>
                    <a:pt x="8893" y="16349"/>
                  </a:lnTo>
                  <a:lnTo>
                    <a:pt x="9032" y="16117"/>
                  </a:lnTo>
                  <a:lnTo>
                    <a:pt x="9217" y="15562"/>
                  </a:lnTo>
                  <a:lnTo>
                    <a:pt x="9356" y="15006"/>
                  </a:lnTo>
                  <a:lnTo>
                    <a:pt x="9402" y="14404"/>
                  </a:lnTo>
                  <a:lnTo>
                    <a:pt x="9448" y="13061"/>
                  </a:lnTo>
                  <a:lnTo>
                    <a:pt x="9819" y="11394"/>
                  </a:lnTo>
                  <a:lnTo>
                    <a:pt x="9912" y="10560"/>
                  </a:lnTo>
                  <a:lnTo>
                    <a:pt x="10004" y="9726"/>
                  </a:lnTo>
                  <a:lnTo>
                    <a:pt x="10004" y="8893"/>
                  </a:lnTo>
                  <a:lnTo>
                    <a:pt x="9912" y="8059"/>
                  </a:lnTo>
                  <a:lnTo>
                    <a:pt x="9819" y="7642"/>
                  </a:lnTo>
                  <a:lnTo>
                    <a:pt x="9726" y="7225"/>
                  </a:lnTo>
                  <a:lnTo>
                    <a:pt x="9541" y="6809"/>
                  </a:lnTo>
                  <a:lnTo>
                    <a:pt x="9356" y="6392"/>
                  </a:lnTo>
                  <a:lnTo>
                    <a:pt x="9263" y="6299"/>
                  </a:lnTo>
                  <a:lnTo>
                    <a:pt x="9171" y="6207"/>
                  </a:lnTo>
                  <a:lnTo>
                    <a:pt x="8939" y="6207"/>
                  </a:lnTo>
                  <a:lnTo>
                    <a:pt x="8846" y="6253"/>
                  </a:lnTo>
                  <a:lnTo>
                    <a:pt x="8707" y="6299"/>
                  </a:lnTo>
                  <a:lnTo>
                    <a:pt x="8661" y="6392"/>
                  </a:lnTo>
                  <a:lnTo>
                    <a:pt x="8569" y="6531"/>
                  </a:lnTo>
                  <a:lnTo>
                    <a:pt x="8383" y="7179"/>
                  </a:lnTo>
                  <a:lnTo>
                    <a:pt x="8198" y="7920"/>
                  </a:lnTo>
                  <a:lnTo>
                    <a:pt x="8059" y="8661"/>
                  </a:lnTo>
                  <a:lnTo>
                    <a:pt x="7966" y="9448"/>
                  </a:lnTo>
                  <a:lnTo>
                    <a:pt x="7828" y="10977"/>
                  </a:lnTo>
                  <a:lnTo>
                    <a:pt x="7735" y="12459"/>
                  </a:lnTo>
                  <a:lnTo>
                    <a:pt x="7689" y="13014"/>
                  </a:lnTo>
                  <a:lnTo>
                    <a:pt x="7735" y="13570"/>
                  </a:lnTo>
                  <a:lnTo>
                    <a:pt x="7735" y="14126"/>
                  </a:lnTo>
                  <a:lnTo>
                    <a:pt x="7735" y="14404"/>
                  </a:lnTo>
                  <a:lnTo>
                    <a:pt x="7689" y="14682"/>
                  </a:lnTo>
                  <a:lnTo>
                    <a:pt x="7550" y="15099"/>
                  </a:lnTo>
                  <a:lnTo>
                    <a:pt x="7318" y="15423"/>
                  </a:lnTo>
                  <a:lnTo>
                    <a:pt x="7087" y="15654"/>
                  </a:lnTo>
                  <a:lnTo>
                    <a:pt x="6809" y="15886"/>
                  </a:lnTo>
                  <a:lnTo>
                    <a:pt x="6809" y="12551"/>
                  </a:lnTo>
                  <a:lnTo>
                    <a:pt x="6855" y="9263"/>
                  </a:lnTo>
                  <a:lnTo>
                    <a:pt x="6948" y="6670"/>
                  </a:lnTo>
                  <a:lnTo>
                    <a:pt x="7087" y="4076"/>
                  </a:lnTo>
                  <a:lnTo>
                    <a:pt x="7133" y="3057"/>
                  </a:lnTo>
                  <a:lnTo>
                    <a:pt x="7179" y="2548"/>
                  </a:lnTo>
                  <a:lnTo>
                    <a:pt x="7133" y="2038"/>
                  </a:lnTo>
                  <a:lnTo>
                    <a:pt x="7087" y="1529"/>
                  </a:lnTo>
                  <a:lnTo>
                    <a:pt x="6994" y="1066"/>
                  </a:lnTo>
                  <a:lnTo>
                    <a:pt x="6809" y="603"/>
                  </a:lnTo>
                  <a:lnTo>
                    <a:pt x="6531" y="140"/>
                  </a:lnTo>
                  <a:lnTo>
                    <a:pt x="6438" y="47"/>
                  </a:lnTo>
                  <a:lnTo>
                    <a:pt x="6253" y="1"/>
                  </a:lnTo>
                  <a:close/>
                </a:path>
              </a:pathLst>
            </a:custGeom>
            <a:solidFill>
              <a:schemeClr val="l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grpSp>
        <p:nvGrpSpPr>
          <p:cNvPr id="508" name="Google Shape;508;p32"/>
          <p:cNvGrpSpPr/>
          <p:nvPr/>
        </p:nvGrpSpPr>
        <p:grpSpPr>
          <a:xfrm>
            <a:off x="0" y="9933805"/>
            <a:ext cx="20319813" cy="1496367"/>
            <a:chOff x="0" y="4134602"/>
            <a:chExt cx="9143916" cy="937442"/>
          </a:xfrm>
        </p:grpSpPr>
        <p:sp>
          <p:nvSpPr>
            <p:cNvPr id="509" name="Google Shape;509;p32"/>
            <p:cNvSpPr/>
            <p:nvPr/>
          </p:nvSpPr>
          <p:spPr>
            <a:xfrm>
              <a:off x="0" y="4134602"/>
              <a:ext cx="9143916" cy="937442"/>
            </a:xfrm>
            <a:custGeom>
              <a:avLst/>
              <a:gdLst/>
              <a:ahLst/>
              <a:cxnLst/>
              <a:rect l="l" t="t" r="r" b="b"/>
              <a:pathLst>
                <a:path w="285057" h="22555" extrusionOk="0">
                  <a:moveTo>
                    <a:pt x="1" y="0"/>
                  </a:moveTo>
                  <a:lnTo>
                    <a:pt x="1" y="22554"/>
                  </a:lnTo>
                  <a:lnTo>
                    <a:pt x="285056" y="22554"/>
                  </a:lnTo>
                  <a:lnTo>
                    <a:pt x="285056" y="16904"/>
                  </a:lnTo>
                  <a:lnTo>
                    <a:pt x="281860" y="16673"/>
                  </a:lnTo>
                  <a:lnTo>
                    <a:pt x="273246" y="16117"/>
                  </a:lnTo>
                  <a:lnTo>
                    <a:pt x="267365" y="15654"/>
                  </a:lnTo>
                  <a:lnTo>
                    <a:pt x="260695" y="15144"/>
                  </a:lnTo>
                  <a:lnTo>
                    <a:pt x="253424" y="14496"/>
                  </a:lnTo>
                  <a:lnTo>
                    <a:pt x="245736" y="13801"/>
                  </a:lnTo>
                  <a:lnTo>
                    <a:pt x="237771" y="12968"/>
                  </a:lnTo>
                  <a:lnTo>
                    <a:pt x="229759" y="12088"/>
                  </a:lnTo>
                  <a:lnTo>
                    <a:pt x="225822" y="11625"/>
                  </a:lnTo>
                  <a:lnTo>
                    <a:pt x="221885" y="11115"/>
                  </a:lnTo>
                  <a:lnTo>
                    <a:pt x="218088" y="10606"/>
                  </a:lnTo>
                  <a:lnTo>
                    <a:pt x="214336" y="10050"/>
                  </a:lnTo>
                  <a:lnTo>
                    <a:pt x="210770" y="9494"/>
                  </a:lnTo>
                  <a:lnTo>
                    <a:pt x="207297" y="8892"/>
                  </a:lnTo>
                  <a:lnTo>
                    <a:pt x="204009" y="8290"/>
                  </a:lnTo>
                  <a:lnTo>
                    <a:pt x="200952" y="7688"/>
                  </a:lnTo>
                  <a:lnTo>
                    <a:pt x="198081" y="7040"/>
                  </a:lnTo>
                  <a:lnTo>
                    <a:pt x="195441" y="6391"/>
                  </a:lnTo>
                  <a:lnTo>
                    <a:pt x="193079" y="5697"/>
                  </a:lnTo>
                  <a:lnTo>
                    <a:pt x="192014" y="5326"/>
                  </a:lnTo>
                  <a:lnTo>
                    <a:pt x="190995" y="5002"/>
                  </a:lnTo>
                  <a:lnTo>
                    <a:pt x="190022" y="4632"/>
                  </a:lnTo>
                  <a:lnTo>
                    <a:pt x="189096" y="4354"/>
                  </a:lnTo>
                  <a:lnTo>
                    <a:pt x="188123" y="4030"/>
                  </a:lnTo>
                  <a:lnTo>
                    <a:pt x="187151" y="3798"/>
                  </a:lnTo>
                  <a:lnTo>
                    <a:pt x="186132" y="3566"/>
                  </a:lnTo>
                  <a:lnTo>
                    <a:pt x="185159" y="3381"/>
                  </a:lnTo>
                  <a:lnTo>
                    <a:pt x="183214" y="3057"/>
                  </a:lnTo>
                  <a:lnTo>
                    <a:pt x="181223" y="2872"/>
                  </a:lnTo>
                  <a:lnTo>
                    <a:pt x="179231" y="2733"/>
                  </a:lnTo>
                  <a:lnTo>
                    <a:pt x="177193" y="2733"/>
                  </a:lnTo>
                  <a:lnTo>
                    <a:pt x="175156" y="2779"/>
                  </a:lnTo>
                  <a:lnTo>
                    <a:pt x="173118" y="2918"/>
                  </a:lnTo>
                  <a:lnTo>
                    <a:pt x="171034" y="3103"/>
                  </a:lnTo>
                  <a:lnTo>
                    <a:pt x="168996" y="3381"/>
                  </a:lnTo>
                  <a:lnTo>
                    <a:pt x="166866" y="3705"/>
                  </a:lnTo>
                  <a:lnTo>
                    <a:pt x="164735" y="4076"/>
                  </a:lnTo>
                  <a:lnTo>
                    <a:pt x="162605" y="4493"/>
                  </a:lnTo>
                  <a:lnTo>
                    <a:pt x="160475" y="4956"/>
                  </a:lnTo>
                  <a:lnTo>
                    <a:pt x="158298" y="5465"/>
                  </a:lnTo>
                  <a:lnTo>
                    <a:pt x="153852" y="6484"/>
                  </a:lnTo>
                  <a:lnTo>
                    <a:pt x="149359" y="7596"/>
                  </a:lnTo>
                  <a:lnTo>
                    <a:pt x="144775" y="8707"/>
                  </a:lnTo>
                  <a:lnTo>
                    <a:pt x="140097" y="9772"/>
                  </a:lnTo>
                  <a:lnTo>
                    <a:pt x="137735" y="10282"/>
                  </a:lnTo>
                  <a:lnTo>
                    <a:pt x="135327" y="10745"/>
                  </a:lnTo>
                  <a:lnTo>
                    <a:pt x="132918" y="11162"/>
                  </a:lnTo>
                  <a:lnTo>
                    <a:pt x="130464" y="11532"/>
                  </a:lnTo>
                  <a:lnTo>
                    <a:pt x="127963" y="11903"/>
                  </a:lnTo>
                  <a:lnTo>
                    <a:pt x="125462" y="12180"/>
                  </a:lnTo>
                  <a:lnTo>
                    <a:pt x="122961" y="12366"/>
                  </a:lnTo>
                  <a:lnTo>
                    <a:pt x="120414" y="12505"/>
                  </a:lnTo>
                  <a:lnTo>
                    <a:pt x="117635" y="12597"/>
                  </a:lnTo>
                  <a:lnTo>
                    <a:pt x="114532" y="12597"/>
                  </a:lnTo>
                  <a:lnTo>
                    <a:pt x="111105" y="12505"/>
                  </a:lnTo>
                  <a:lnTo>
                    <a:pt x="107354" y="12319"/>
                  </a:lnTo>
                  <a:lnTo>
                    <a:pt x="103371" y="12088"/>
                  </a:lnTo>
                  <a:lnTo>
                    <a:pt x="99110" y="11810"/>
                  </a:lnTo>
                  <a:lnTo>
                    <a:pt x="94664" y="11486"/>
                  </a:lnTo>
                  <a:lnTo>
                    <a:pt x="90033" y="11069"/>
                  </a:lnTo>
                  <a:lnTo>
                    <a:pt x="85263" y="10606"/>
                  </a:lnTo>
                  <a:lnTo>
                    <a:pt x="80353" y="10143"/>
                  </a:lnTo>
                  <a:lnTo>
                    <a:pt x="70257" y="9078"/>
                  </a:lnTo>
                  <a:lnTo>
                    <a:pt x="60068" y="7920"/>
                  </a:lnTo>
                  <a:lnTo>
                    <a:pt x="49926" y="6716"/>
                  </a:lnTo>
                  <a:lnTo>
                    <a:pt x="40108" y="5465"/>
                  </a:lnTo>
                  <a:lnTo>
                    <a:pt x="30891" y="4261"/>
                  </a:lnTo>
                  <a:lnTo>
                    <a:pt x="22416" y="3150"/>
                  </a:lnTo>
                  <a:lnTo>
                    <a:pt x="14960" y="2131"/>
                  </a:lnTo>
                  <a:lnTo>
                    <a:pt x="4076" y="602"/>
                  </a:lnTo>
                  <a:lnTo>
                    <a:pt x="1" y="0"/>
                  </a:lnTo>
                  <a:close/>
                </a:path>
              </a:pathLst>
            </a:custGeom>
            <a:solidFill>
              <a:schemeClr val="l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510" name="Google Shape;510;p32"/>
            <p:cNvSpPr/>
            <p:nvPr/>
          </p:nvSpPr>
          <p:spPr>
            <a:xfrm>
              <a:off x="0" y="4569614"/>
              <a:ext cx="9143916" cy="502399"/>
            </a:xfrm>
            <a:custGeom>
              <a:avLst/>
              <a:gdLst/>
              <a:ahLst/>
              <a:cxnLst/>
              <a:rect l="l" t="t" r="r" b="b"/>
              <a:pathLst>
                <a:path w="285057" h="13941" extrusionOk="0">
                  <a:moveTo>
                    <a:pt x="238141" y="0"/>
                  </a:moveTo>
                  <a:lnTo>
                    <a:pt x="234529" y="47"/>
                  </a:lnTo>
                  <a:lnTo>
                    <a:pt x="230777" y="186"/>
                  </a:lnTo>
                  <a:lnTo>
                    <a:pt x="226933" y="325"/>
                  </a:lnTo>
                  <a:lnTo>
                    <a:pt x="222997" y="602"/>
                  </a:lnTo>
                  <a:lnTo>
                    <a:pt x="218921" y="927"/>
                  </a:lnTo>
                  <a:lnTo>
                    <a:pt x="214799" y="1343"/>
                  </a:lnTo>
                  <a:lnTo>
                    <a:pt x="210585" y="1853"/>
                  </a:lnTo>
                  <a:lnTo>
                    <a:pt x="206278" y="2455"/>
                  </a:lnTo>
                  <a:lnTo>
                    <a:pt x="204009" y="2733"/>
                  </a:lnTo>
                  <a:lnTo>
                    <a:pt x="201647" y="3057"/>
                  </a:lnTo>
                  <a:lnTo>
                    <a:pt x="199053" y="3289"/>
                  </a:lnTo>
                  <a:lnTo>
                    <a:pt x="196367" y="3566"/>
                  </a:lnTo>
                  <a:lnTo>
                    <a:pt x="193542" y="3798"/>
                  </a:lnTo>
                  <a:lnTo>
                    <a:pt x="190578" y="4030"/>
                  </a:lnTo>
                  <a:lnTo>
                    <a:pt x="184279" y="4400"/>
                  </a:lnTo>
                  <a:lnTo>
                    <a:pt x="177518" y="4724"/>
                  </a:lnTo>
                  <a:lnTo>
                    <a:pt x="170386" y="5002"/>
                  </a:lnTo>
                  <a:lnTo>
                    <a:pt x="162883" y="5187"/>
                  </a:lnTo>
                  <a:lnTo>
                    <a:pt x="155056" y="5326"/>
                  </a:lnTo>
                  <a:lnTo>
                    <a:pt x="146998" y="5465"/>
                  </a:lnTo>
                  <a:lnTo>
                    <a:pt x="138708" y="5512"/>
                  </a:lnTo>
                  <a:lnTo>
                    <a:pt x="130232" y="5512"/>
                  </a:lnTo>
                  <a:lnTo>
                    <a:pt x="121711" y="5465"/>
                  </a:lnTo>
                  <a:lnTo>
                    <a:pt x="113050" y="5419"/>
                  </a:lnTo>
                  <a:lnTo>
                    <a:pt x="104436" y="5280"/>
                  </a:lnTo>
                  <a:lnTo>
                    <a:pt x="95776" y="5187"/>
                  </a:lnTo>
                  <a:lnTo>
                    <a:pt x="87254" y="5002"/>
                  </a:lnTo>
                  <a:lnTo>
                    <a:pt x="70581" y="4632"/>
                  </a:lnTo>
                  <a:lnTo>
                    <a:pt x="54789" y="4215"/>
                  </a:lnTo>
                  <a:lnTo>
                    <a:pt x="40293" y="3752"/>
                  </a:lnTo>
                  <a:lnTo>
                    <a:pt x="27418" y="3242"/>
                  </a:lnTo>
                  <a:lnTo>
                    <a:pt x="16534" y="2825"/>
                  </a:lnTo>
                  <a:lnTo>
                    <a:pt x="8105" y="2409"/>
                  </a:lnTo>
                  <a:lnTo>
                    <a:pt x="2455" y="2131"/>
                  </a:lnTo>
                  <a:lnTo>
                    <a:pt x="834" y="1992"/>
                  </a:lnTo>
                  <a:lnTo>
                    <a:pt x="1" y="1946"/>
                  </a:lnTo>
                  <a:lnTo>
                    <a:pt x="1" y="13940"/>
                  </a:lnTo>
                  <a:lnTo>
                    <a:pt x="285056" y="13940"/>
                  </a:lnTo>
                  <a:lnTo>
                    <a:pt x="285056" y="5512"/>
                  </a:lnTo>
                  <a:lnTo>
                    <a:pt x="283574" y="5095"/>
                  </a:lnTo>
                  <a:lnTo>
                    <a:pt x="281768" y="4632"/>
                  </a:lnTo>
                  <a:lnTo>
                    <a:pt x="279267" y="4076"/>
                  </a:lnTo>
                  <a:lnTo>
                    <a:pt x="276118" y="3428"/>
                  </a:lnTo>
                  <a:lnTo>
                    <a:pt x="272366" y="2733"/>
                  </a:lnTo>
                  <a:lnTo>
                    <a:pt x="270236" y="2362"/>
                  </a:lnTo>
                  <a:lnTo>
                    <a:pt x="268013" y="2038"/>
                  </a:lnTo>
                  <a:lnTo>
                    <a:pt x="265605" y="1714"/>
                  </a:lnTo>
                  <a:lnTo>
                    <a:pt x="263057" y="1390"/>
                  </a:lnTo>
                  <a:lnTo>
                    <a:pt x="260371" y="1112"/>
                  </a:lnTo>
                  <a:lnTo>
                    <a:pt x="257593" y="834"/>
                  </a:lnTo>
                  <a:lnTo>
                    <a:pt x="254629" y="602"/>
                  </a:lnTo>
                  <a:lnTo>
                    <a:pt x="251572" y="371"/>
                  </a:lnTo>
                  <a:lnTo>
                    <a:pt x="248423" y="232"/>
                  </a:lnTo>
                  <a:lnTo>
                    <a:pt x="245088" y="93"/>
                  </a:lnTo>
                  <a:lnTo>
                    <a:pt x="241661" y="47"/>
                  </a:lnTo>
                  <a:lnTo>
                    <a:pt x="238141" y="0"/>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Tree>
    <p:extLst>
      <p:ext uri="{BB962C8B-B14F-4D97-AF65-F5344CB8AC3E}">
        <p14:creationId xmlns:p14="http://schemas.microsoft.com/office/powerpoint/2010/main" val="3932793947"/>
      </p:ext>
    </p:extLst>
  </p:cSld>
  <p:clrMapOvr>
    <a:masterClrMapping/>
  </p:clrMapOvr>
</p:sldLayout>
</file>

<file path=ppt/slideLayouts/slideLayout115.xml><?xml version="1.0" encoding="utf-8"?>
<p:sldLayout xmlns:a="http://schemas.openxmlformats.org/drawingml/2006/main" xmlns:r="http://schemas.openxmlformats.org/officeDocument/2006/relationships" xmlns:p="http://schemas.openxmlformats.org/presentationml/2006/main" matchingName="Numbers and text">
  <p:cSld name="Numbers and text">
    <p:spTree>
      <p:nvGrpSpPr>
        <p:cNvPr id="1" name="Shape 511"/>
        <p:cNvGrpSpPr/>
        <p:nvPr/>
      </p:nvGrpSpPr>
      <p:grpSpPr>
        <a:xfrm>
          <a:off x="0" y="0"/>
          <a:ext cx="0" cy="0"/>
          <a:chOff x="0" y="0"/>
          <a:chExt cx="0" cy="0"/>
        </a:xfrm>
      </p:grpSpPr>
      <p:pic>
        <p:nvPicPr>
          <p:cNvPr id="512" name="Google Shape;512;p33"/>
          <p:cNvPicPr preferRelativeResize="0"/>
          <p:nvPr/>
        </p:nvPicPr>
        <p:blipFill rotWithShape="1">
          <a:blip r:embed="rId2">
            <a:alphaModFix amt="58999"/>
          </a:blip>
          <a:srcRect/>
          <a:stretch/>
        </p:blipFill>
        <p:spPr>
          <a:xfrm>
            <a:off x="0" y="0"/>
            <a:ext cx="20320000" cy="11430000"/>
          </a:xfrm>
          <a:prstGeom prst="rect">
            <a:avLst/>
          </a:prstGeom>
          <a:noFill/>
          <a:ln>
            <a:noFill/>
          </a:ln>
        </p:spPr>
      </p:pic>
      <p:grpSp>
        <p:nvGrpSpPr>
          <p:cNvPr id="513" name="Google Shape;513;p33"/>
          <p:cNvGrpSpPr/>
          <p:nvPr/>
        </p:nvGrpSpPr>
        <p:grpSpPr>
          <a:xfrm>
            <a:off x="921445" y="681333"/>
            <a:ext cx="18477111" cy="481333"/>
            <a:chOff x="414650" y="306600"/>
            <a:chExt cx="8314700" cy="216600"/>
          </a:xfrm>
        </p:grpSpPr>
        <p:grpSp>
          <p:nvGrpSpPr>
            <p:cNvPr id="514" name="Google Shape;514;p33"/>
            <p:cNvGrpSpPr/>
            <p:nvPr/>
          </p:nvGrpSpPr>
          <p:grpSpPr>
            <a:xfrm>
              <a:off x="713281" y="389286"/>
              <a:ext cx="7717437" cy="51251"/>
              <a:chOff x="450050" y="465475"/>
              <a:chExt cx="8367600" cy="51241"/>
            </a:xfrm>
          </p:grpSpPr>
          <p:cxnSp>
            <p:nvCxnSpPr>
              <p:cNvPr id="515" name="Google Shape;515;p33"/>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516" name="Google Shape;516;p33"/>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517" name="Google Shape;517;p33"/>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518" name="Google Shape;518;p33"/>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519" name="Google Shape;519;p33"/>
          <p:cNvSpPr txBox="1">
            <a:spLocks noGrp="1"/>
          </p:cNvSpPr>
          <p:nvPr>
            <p:ph type="title" hasCustomPrompt="1"/>
          </p:nvPr>
        </p:nvSpPr>
        <p:spPr>
          <a:xfrm>
            <a:off x="4941334" y="1693227"/>
            <a:ext cx="10437333" cy="1708667"/>
          </a:xfrm>
          <a:prstGeom prst="rect">
            <a:avLst/>
          </a:prstGeom>
          <a:noFill/>
        </p:spPr>
        <p:txBody>
          <a:bodyPr spcFirstLastPara="1" wrap="square" lIns="91425" tIns="91425" rIns="91425" bIns="91425" anchor="b" anchorCtr="0">
            <a:noAutofit/>
          </a:bodyPr>
          <a:lstStyle>
            <a:lvl1pPr lvl="0" algn="ctr" rtl="0">
              <a:spcBef>
                <a:spcPts val="0"/>
              </a:spcBef>
              <a:spcAft>
                <a:spcPts val="0"/>
              </a:spcAft>
              <a:buSzPts val="6000"/>
              <a:buNone/>
              <a:defRPr sz="10000"/>
            </a:lvl1pPr>
            <a:lvl2pPr lvl="1" algn="ctr" rtl="0">
              <a:spcBef>
                <a:spcPts val="0"/>
              </a:spcBef>
              <a:spcAft>
                <a:spcPts val="0"/>
              </a:spcAft>
              <a:buSzPts val="6000"/>
              <a:buNone/>
              <a:defRPr sz="13333"/>
            </a:lvl2pPr>
            <a:lvl3pPr lvl="2" algn="ctr" rtl="0">
              <a:spcBef>
                <a:spcPts val="0"/>
              </a:spcBef>
              <a:spcAft>
                <a:spcPts val="0"/>
              </a:spcAft>
              <a:buSzPts val="6000"/>
              <a:buNone/>
              <a:defRPr sz="13333"/>
            </a:lvl3pPr>
            <a:lvl4pPr lvl="3" algn="ctr" rtl="0">
              <a:spcBef>
                <a:spcPts val="0"/>
              </a:spcBef>
              <a:spcAft>
                <a:spcPts val="0"/>
              </a:spcAft>
              <a:buSzPts val="6000"/>
              <a:buNone/>
              <a:defRPr sz="13333"/>
            </a:lvl4pPr>
            <a:lvl5pPr lvl="4" algn="ctr" rtl="0">
              <a:spcBef>
                <a:spcPts val="0"/>
              </a:spcBef>
              <a:spcAft>
                <a:spcPts val="0"/>
              </a:spcAft>
              <a:buSzPts val="6000"/>
              <a:buNone/>
              <a:defRPr sz="13333"/>
            </a:lvl5pPr>
            <a:lvl6pPr lvl="5" algn="ctr" rtl="0">
              <a:spcBef>
                <a:spcPts val="0"/>
              </a:spcBef>
              <a:spcAft>
                <a:spcPts val="0"/>
              </a:spcAft>
              <a:buSzPts val="6000"/>
              <a:buNone/>
              <a:defRPr sz="13333"/>
            </a:lvl6pPr>
            <a:lvl7pPr lvl="6" algn="ctr" rtl="0">
              <a:spcBef>
                <a:spcPts val="0"/>
              </a:spcBef>
              <a:spcAft>
                <a:spcPts val="0"/>
              </a:spcAft>
              <a:buSzPts val="6000"/>
              <a:buNone/>
              <a:defRPr sz="13333"/>
            </a:lvl7pPr>
            <a:lvl8pPr lvl="7" algn="ctr" rtl="0">
              <a:spcBef>
                <a:spcPts val="0"/>
              </a:spcBef>
              <a:spcAft>
                <a:spcPts val="0"/>
              </a:spcAft>
              <a:buSzPts val="6000"/>
              <a:buNone/>
              <a:defRPr sz="13333"/>
            </a:lvl8pPr>
            <a:lvl9pPr lvl="8" algn="ctr" rtl="0">
              <a:spcBef>
                <a:spcPts val="0"/>
              </a:spcBef>
              <a:spcAft>
                <a:spcPts val="0"/>
              </a:spcAft>
              <a:buSzPts val="6000"/>
              <a:buNone/>
              <a:defRPr sz="13333"/>
            </a:lvl9pPr>
          </a:lstStyle>
          <a:p>
            <a:r>
              <a:t>xx%</a:t>
            </a:r>
          </a:p>
        </p:txBody>
      </p:sp>
      <p:sp>
        <p:nvSpPr>
          <p:cNvPr id="520" name="Google Shape;520;p33"/>
          <p:cNvSpPr txBox="1">
            <a:spLocks noGrp="1"/>
          </p:cNvSpPr>
          <p:nvPr>
            <p:ph type="subTitle" idx="1"/>
          </p:nvPr>
        </p:nvSpPr>
        <p:spPr>
          <a:xfrm>
            <a:off x="4941334" y="3200800"/>
            <a:ext cx="10437333" cy="828000"/>
          </a:xfrm>
          <a:prstGeom prst="rect">
            <a:avLst/>
          </a:prstGeom>
        </p:spPr>
        <p:txBody>
          <a:bodyPr spcFirstLastPara="1" wrap="square" lIns="91425" tIns="91425" rIns="91425" bIns="91425" anchor="t" anchorCtr="0">
            <a:noAutofit/>
          </a:bodyPr>
          <a:lstStyle>
            <a:lvl1pPr lvl="0" algn="ctr" rtl="0">
              <a:lnSpc>
                <a:spcPct val="100000"/>
              </a:lnSpc>
              <a:spcBef>
                <a:spcPts val="0"/>
              </a:spcBef>
              <a:spcAft>
                <a:spcPts val="0"/>
              </a:spcAft>
              <a:buClr>
                <a:schemeClr val="dk1"/>
              </a:buClr>
              <a:buSzPts val="2400"/>
              <a:buNone/>
              <a:defRPr sz="3556">
                <a:solidFill>
                  <a:schemeClr val="dk1"/>
                </a:solidFill>
              </a:defRPr>
            </a:lvl1pPr>
            <a:lvl2pPr lvl="1" algn="ctr" rtl="0">
              <a:lnSpc>
                <a:spcPct val="100000"/>
              </a:lnSpc>
              <a:spcBef>
                <a:spcPts val="0"/>
              </a:spcBef>
              <a:spcAft>
                <a:spcPts val="0"/>
              </a:spcAft>
              <a:buClr>
                <a:schemeClr val="dk1"/>
              </a:buClr>
              <a:buSzPts val="2100"/>
              <a:buNone/>
              <a:defRPr sz="4667">
                <a:solidFill>
                  <a:schemeClr val="dk1"/>
                </a:solidFill>
              </a:defRPr>
            </a:lvl2pPr>
            <a:lvl3pPr lvl="2" algn="ctr" rtl="0">
              <a:lnSpc>
                <a:spcPct val="100000"/>
              </a:lnSpc>
              <a:spcBef>
                <a:spcPts val="0"/>
              </a:spcBef>
              <a:spcAft>
                <a:spcPts val="0"/>
              </a:spcAft>
              <a:buClr>
                <a:schemeClr val="dk1"/>
              </a:buClr>
              <a:buSzPts val="2100"/>
              <a:buNone/>
              <a:defRPr sz="4667">
                <a:solidFill>
                  <a:schemeClr val="dk1"/>
                </a:solidFill>
              </a:defRPr>
            </a:lvl3pPr>
            <a:lvl4pPr lvl="3" algn="ctr" rtl="0">
              <a:lnSpc>
                <a:spcPct val="100000"/>
              </a:lnSpc>
              <a:spcBef>
                <a:spcPts val="0"/>
              </a:spcBef>
              <a:spcAft>
                <a:spcPts val="0"/>
              </a:spcAft>
              <a:buClr>
                <a:schemeClr val="dk1"/>
              </a:buClr>
              <a:buSzPts val="2100"/>
              <a:buNone/>
              <a:defRPr sz="4667">
                <a:solidFill>
                  <a:schemeClr val="dk1"/>
                </a:solidFill>
              </a:defRPr>
            </a:lvl4pPr>
            <a:lvl5pPr lvl="4" algn="ctr" rtl="0">
              <a:lnSpc>
                <a:spcPct val="100000"/>
              </a:lnSpc>
              <a:spcBef>
                <a:spcPts val="0"/>
              </a:spcBef>
              <a:spcAft>
                <a:spcPts val="0"/>
              </a:spcAft>
              <a:buClr>
                <a:schemeClr val="dk1"/>
              </a:buClr>
              <a:buSzPts val="2100"/>
              <a:buNone/>
              <a:defRPr sz="4667">
                <a:solidFill>
                  <a:schemeClr val="dk1"/>
                </a:solidFill>
              </a:defRPr>
            </a:lvl5pPr>
            <a:lvl6pPr lvl="5" algn="ctr" rtl="0">
              <a:lnSpc>
                <a:spcPct val="100000"/>
              </a:lnSpc>
              <a:spcBef>
                <a:spcPts val="0"/>
              </a:spcBef>
              <a:spcAft>
                <a:spcPts val="0"/>
              </a:spcAft>
              <a:buClr>
                <a:schemeClr val="dk1"/>
              </a:buClr>
              <a:buSzPts val="2100"/>
              <a:buNone/>
              <a:defRPr sz="4667">
                <a:solidFill>
                  <a:schemeClr val="dk1"/>
                </a:solidFill>
              </a:defRPr>
            </a:lvl6pPr>
            <a:lvl7pPr lvl="6" algn="ctr" rtl="0">
              <a:lnSpc>
                <a:spcPct val="100000"/>
              </a:lnSpc>
              <a:spcBef>
                <a:spcPts val="0"/>
              </a:spcBef>
              <a:spcAft>
                <a:spcPts val="0"/>
              </a:spcAft>
              <a:buClr>
                <a:schemeClr val="dk1"/>
              </a:buClr>
              <a:buSzPts val="2100"/>
              <a:buNone/>
              <a:defRPr sz="4667">
                <a:solidFill>
                  <a:schemeClr val="dk1"/>
                </a:solidFill>
              </a:defRPr>
            </a:lvl7pPr>
            <a:lvl8pPr lvl="7" algn="ctr" rtl="0">
              <a:lnSpc>
                <a:spcPct val="100000"/>
              </a:lnSpc>
              <a:spcBef>
                <a:spcPts val="0"/>
              </a:spcBef>
              <a:spcAft>
                <a:spcPts val="0"/>
              </a:spcAft>
              <a:buClr>
                <a:schemeClr val="dk1"/>
              </a:buClr>
              <a:buSzPts val="2100"/>
              <a:buNone/>
              <a:defRPr sz="4667">
                <a:solidFill>
                  <a:schemeClr val="dk1"/>
                </a:solidFill>
              </a:defRPr>
            </a:lvl8pPr>
            <a:lvl9pPr lvl="8" algn="ctr" rtl="0">
              <a:lnSpc>
                <a:spcPct val="100000"/>
              </a:lnSpc>
              <a:spcBef>
                <a:spcPts val="0"/>
              </a:spcBef>
              <a:spcAft>
                <a:spcPts val="0"/>
              </a:spcAft>
              <a:buClr>
                <a:schemeClr val="dk1"/>
              </a:buClr>
              <a:buSzPts val="2100"/>
              <a:buNone/>
              <a:defRPr sz="4667">
                <a:solidFill>
                  <a:schemeClr val="dk1"/>
                </a:solidFill>
              </a:defRPr>
            </a:lvl9pPr>
          </a:lstStyle>
          <a:p>
            <a:endParaRPr/>
          </a:p>
        </p:txBody>
      </p:sp>
      <p:sp>
        <p:nvSpPr>
          <p:cNvPr id="521" name="Google Shape;521;p33"/>
          <p:cNvSpPr txBox="1">
            <a:spLocks noGrp="1"/>
          </p:cNvSpPr>
          <p:nvPr>
            <p:ph type="title" idx="2" hasCustomPrompt="1"/>
          </p:nvPr>
        </p:nvSpPr>
        <p:spPr>
          <a:xfrm>
            <a:off x="4941334" y="4372164"/>
            <a:ext cx="10437333" cy="1708667"/>
          </a:xfrm>
          <a:prstGeom prst="rect">
            <a:avLst/>
          </a:prstGeom>
          <a:noFill/>
        </p:spPr>
        <p:txBody>
          <a:bodyPr spcFirstLastPara="1" wrap="square" lIns="91425" tIns="91425" rIns="91425" bIns="91425" anchor="b" anchorCtr="0">
            <a:noAutofit/>
          </a:bodyPr>
          <a:lstStyle>
            <a:lvl1pPr lvl="0" algn="ctr" rtl="0">
              <a:spcBef>
                <a:spcPts val="0"/>
              </a:spcBef>
              <a:spcAft>
                <a:spcPts val="0"/>
              </a:spcAft>
              <a:buSzPts val="6000"/>
              <a:buNone/>
              <a:defRPr sz="10000">
                <a:solidFill>
                  <a:schemeClr val="dk2"/>
                </a:solidFill>
              </a:defRPr>
            </a:lvl1pPr>
            <a:lvl2pPr lvl="1" algn="ctr" rtl="0">
              <a:spcBef>
                <a:spcPts val="0"/>
              </a:spcBef>
              <a:spcAft>
                <a:spcPts val="0"/>
              </a:spcAft>
              <a:buSzPts val="6000"/>
              <a:buNone/>
              <a:defRPr sz="13333"/>
            </a:lvl2pPr>
            <a:lvl3pPr lvl="2" algn="ctr" rtl="0">
              <a:spcBef>
                <a:spcPts val="0"/>
              </a:spcBef>
              <a:spcAft>
                <a:spcPts val="0"/>
              </a:spcAft>
              <a:buSzPts val="6000"/>
              <a:buNone/>
              <a:defRPr sz="13333"/>
            </a:lvl3pPr>
            <a:lvl4pPr lvl="3" algn="ctr" rtl="0">
              <a:spcBef>
                <a:spcPts val="0"/>
              </a:spcBef>
              <a:spcAft>
                <a:spcPts val="0"/>
              </a:spcAft>
              <a:buSzPts val="6000"/>
              <a:buNone/>
              <a:defRPr sz="13333"/>
            </a:lvl4pPr>
            <a:lvl5pPr lvl="4" algn="ctr" rtl="0">
              <a:spcBef>
                <a:spcPts val="0"/>
              </a:spcBef>
              <a:spcAft>
                <a:spcPts val="0"/>
              </a:spcAft>
              <a:buSzPts val="6000"/>
              <a:buNone/>
              <a:defRPr sz="13333"/>
            </a:lvl5pPr>
            <a:lvl6pPr lvl="5" algn="ctr" rtl="0">
              <a:spcBef>
                <a:spcPts val="0"/>
              </a:spcBef>
              <a:spcAft>
                <a:spcPts val="0"/>
              </a:spcAft>
              <a:buSzPts val="6000"/>
              <a:buNone/>
              <a:defRPr sz="13333"/>
            </a:lvl6pPr>
            <a:lvl7pPr lvl="6" algn="ctr" rtl="0">
              <a:spcBef>
                <a:spcPts val="0"/>
              </a:spcBef>
              <a:spcAft>
                <a:spcPts val="0"/>
              </a:spcAft>
              <a:buSzPts val="6000"/>
              <a:buNone/>
              <a:defRPr sz="13333"/>
            </a:lvl7pPr>
            <a:lvl8pPr lvl="7" algn="ctr" rtl="0">
              <a:spcBef>
                <a:spcPts val="0"/>
              </a:spcBef>
              <a:spcAft>
                <a:spcPts val="0"/>
              </a:spcAft>
              <a:buSzPts val="6000"/>
              <a:buNone/>
              <a:defRPr sz="13333"/>
            </a:lvl8pPr>
            <a:lvl9pPr lvl="8" algn="ctr" rtl="0">
              <a:spcBef>
                <a:spcPts val="0"/>
              </a:spcBef>
              <a:spcAft>
                <a:spcPts val="0"/>
              </a:spcAft>
              <a:buSzPts val="6000"/>
              <a:buNone/>
              <a:defRPr sz="13333"/>
            </a:lvl9pPr>
          </a:lstStyle>
          <a:p>
            <a:r>
              <a:t>xx%</a:t>
            </a:r>
          </a:p>
        </p:txBody>
      </p:sp>
      <p:sp>
        <p:nvSpPr>
          <p:cNvPr id="522" name="Google Shape;522;p33"/>
          <p:cNvSpPr txBox="1">
            <a:spLocks noGrp="1"/>
          </p:cNvSpPr>
          <p:nvPr>
            <p:ph type="subTitle" idx="3"/>
          </p:nvPr>
        </p:nvSpPr>
        <p:spPr>
          <a:xfrm>
            <a:off x="4941334" y="5875751"/>
            <a:ext cx="10437333" cy="828000"/>
          </a:xfrm>
          <a:prstGeom prst="rect">
            <a:avLst/>
          </a:prstGeom>
        </p:spPr>
        <p:txBody>
          <a:bodyPr spcFirstLastPara="1" wrap="square" lIns="91425" tIns="91425" rIns="91425" bIns="91425" anchor="t" anchorCtr="0">
            <a:noAutofit/>
          </a:bodyPr>
          <a:lstStyle>
            <a:lvl1pPr lvl="0" algn="ctr" rtl="0">
              <a:lnSpc>
                <a:spcPct val="100000"/>
              </a:lnSpc>
              <a:spcBef>
                <a:spcPts val="0"/>
              </a:spcBef>
              <a:spcAft>
                <a:spcPts val="0"/>
              </a:spcAft>
              <a:buClr>
                <a:schemeClr val="dk1"/>
              </a:buClr>
              <a:buSzPts val="2400"/>
              <a:buNone/>
              <a:defRPr sz="3556">
                <a:solidFill>
                  <a:schemeClr val="dk1"/>
                </a:solidFill>
              </a:defRPr>
            </a:lvl1pPr>
            <a:lvl2pPr lvl="1" algn="ctr" rtl="0">
              <a:lnSpc>
                <a:spcPct val="100000"/>
              </a:lnSpc>
              <a:spcBef>
                <a:spcPts val="0"/>
              </a:spcBef>
              <a:spcAft>
                <a:spcPts val="0"/>
              </a:spcAft>
              <a:buClr>
                <a:schemeClr val="dk1"/>
              </a:buClr>
              <a:buSzPts val="2100"/>
              <a:buNone/>
              <a:defRPr sz="4667">
                <a:solidFill>
                  <a:schemeClr val="dk1"/>
                </a:solidFill>
              </a:defRPr>
            </a:lvl2pPr>
            <a:lvl3pPr lvl="2" algn="ctr" rtl="0">
              <a:lnSpc>
                <a:spcPct val="100000"/>
              </a:lnSpc>
              <a:spcBef>
                <a:spcPts val="0"/>
              </a:spcBef>
              <a:spcAft>
                <a:spcPts val="0"/>
              </a:spcAft>
              <a:buClr>
                <a:schemeClr val="dk1"/>
              </a:buClr>
              <a:buSzPts val="2100"/>
              <a:buNone/>
              <a:defRPr sz="4667">
                <a:solidFill>
                  <a:schemeClr val="dk1"/>
                </a:solidFill>
              </a:defRPr>
            </a:lvl3pPr>
            <a:lvl4pPr lvl="3" algn="ctr" rtl="0">
              <a:lnSpc>
                <a:spcPct val="100000"/>
              </a:lnSpc>
              <a:spcBef>
                <a:spcPts val="0"/>
              </a:spcBef>
              <a:spcAft>
                <a:spcPts val="0"/>
              </a:spcAft>
              <a:buClr>
                <a:schemeClr val="dk1"/>
              </a:buClr>
              <a:buSzPts val="2100"/>
              <a:buNone/>
              <a:defRPr sz="4667">
                <a:solidFill>
                  <a:schemeClr val="dk1"/>
                </a:solidFill>
              </a:defRPr>
            </a:lvl4pPr>
            <a:lvl5pPr lvl="4" algn="ctr" rtl="0">
              <a:lnSpc>
                <a:spcPct val="100000"/>
              </a:lnSpc>
              <a:spcBef>
                <a:spcPts val="0"/>
              </a:spcBef>
              <a:spcAft>
                <a:spcPts val="0"/>
              </a:spcAft>
              <a:buClr>
                <a:schemeClr val="dk1"/>
              </a:buClr>
              <a:buSzPts val="2100"/>
              <a:buNone/>
              <a:defRPr sz="4667">
                <a:solidFill>
                  <a:schemeClr val="dk1"/>
                </a:solidFill>
              </a:defRPr>
            </a:lvl5pPr>
            <a:lvl6pPr lvl="5" algn="ctr" rtl="0">
              <a:lnSpc>
                <a:spcPct val="100000"/>
              </a:lnSpc>
              <a:spcBef>
                <a:spcPts val="0"/>
              </a:spcBef>
              <a:spcAft>
                <a:spcPts val="0"/>
              </a:spcAft>
              <a:buClr>
                <a:schemeClr val="dk1"/>
              </a:buClr>
              <a:buSzPts val="2100"/>
              <a:buNone/>
              <a:defRPr sz="4667">
                <a:solidFill>
                  <a:schemeClr val="dk1"/>
                </a:solidFill>
              </a:defRPr>
            </a:lvl6pPr>
            <a:lvl7pPr lvl="6" algn="ctr" rtl="0">
              <a:lnSpc>
                <a:spcPct val="100000"/>
              </a:lnSpc>
              <a:spcBef>
                <a:spcPts val="0"/>
              </a:spcBef>
              <a:spcAft>
                <a:spcPts val="0"/>
              </a:spcAft>
              <a:buClr>
                <a:schemeClr val="dk1"/>
              </a:buClr>
              <a:buSzPts val="2100"/>
              <a:buNone/>
              <a:defRPr sz="4667">
                <a:solidFill>
                  <a:schemeClr val="dk1"/>
                </a:solidFill>
              </a:defRPr>
            </a:lvl7pPr>
            <a:lvl8pPr lvl="7" algn="ctr" rtl="0">
              <a:lnSpc>
                <a:spcPct val="100000"/>
              </a:lnSpc>
              <a:spcBef>
                <a:spcPts val="0"/>
              </a:spcBef>
              <a:spcAft>
                <a:spcPts val="0"/>
              </a:spcAft>
              <a:buClr>
                <a:schemeClr val="dk1"/>
              </a:buClr>
              <a:buSzPts val="2100"/>
              <a:buNone/>
              <a:defRPr sz="4667">
                <a:solidFill>
                  <a:schemeClr val="dk1"/>
                </a:solidFill>
              </a:defRPr>
            </a:lvl8pPr>
            <a:lvl9pPr lvl="8" algn="ctr" rtl="0">
              <a:lnSpc>
                <a:spcPct val="100000"/>
              </a:lnSpc>
              <a:spcBef>
                <a:spcPts val="0"/>
              </a:spcBef>
              <a:spcAft>
                <a:spcPts val="0"/>
              </a:spcAft>
              <a:buClr>
                <a:schemeClr val="dk1"/>
              </a:buClr>
              <a:buSzPts val="2100"/>
              <a:buNone/>
              <a:defRPr sz="4667">
                <a:solidFill>
                  <a:schemeClr val="dk1"/>
                </a:solidFill>
              </a:defRPr>
            </a:lvl9pPr>
          </a:lstStyle>
          <a:p>
            <a:endParaRPr/>
          </a:p>
        </p:txBody>
      </p:sp>
      <p:sp>
        <p:nvSpPr>
          <p:cNvPr id="523" name="Google Shape;523;p33"/>
          <p:cNvSpPr txBox="1">
            <a:spLocks noGrp="1"/>
          </p:cNvSpPr>
          <p:nvPr>
            <p:ph type="title" idx="4" hasCustomPrompt="1"/>
          </p:nvPr>
        </p:nvSpPr>
        <p:spPr>
          <a:xfrm>
            <a:off x="4941334" y="7051104"/>
            <a:ext cx="10437333" cy="1708667"/>
          </a:xfrm>
          <a:prstGeom prst="rect">
            <a:avLst/>
          </a:prstGeom>
          <a:noFill/>
        </p:spPr>
        <p:txBody>
          <a:bodyPr spcFirstLastPara="1" wrap="square" lIns="91425" tIns="91425" rIns="91425" bIns="91425" anchor="b" anchorCtr="0">
            <a:noAutofit/>
          </a:bodyPr>
          <a:lstStyle>
            <a:lvl1pPr lvl="0" algn="ctr" rtl="0">
              <a:spcBef>
                <a:spcPts val="0"/>
              </a:spcBef>
              <a:spcAft>
                <a:spcPts val="0"/>
              </a:spcAft>
              <a:buSzPts val="6000"/>
              <a:buNone/>
              <a:defRPr sz="10000"/>
            </a:lvl1pPr>
            <a:lvl2pPr lvl="1" algn="ctr" rtl="0">
              <a:spcBef>
                <a:spcPts val="0"/>
              </a:spcBef>
              <a:spcAft>
                <a:spcPts val="0"/>
              </a:spcAft>
              <a:buSzPts val="6000"/>
              <a:buNone/>
              <a:defRPr sz="13333"/>
            </a:lvl2pPr>
            <a:lvl3pPr lvl="2" algn="ctr" rtl="0">
              <a:spcBef>
                <a:spcPts val="0"/>
              </a:spcBef>
              <a:spcAft>
                <a:spcPts val="0"/>
              </a:spcAft>
              <a:buSzPts val="6000"/>
              <a:buNone/>
              <a:defRPr sz="13333"/>
            </a:lvl3pPr>
            <a:lvl4pPr lvl="3" algn="ctr" rtl="0">
              <a:spcBef>
                <a:spcPts val="0"/>
              </a:spcBef>
              <a:spcAft>
                <a:spcPts val="0"/>
              </a:spcAft>
              <a:buSzPts val="6000"/>
              <a:buNone/>
              <a:defRPr sz="13333"/>
            </a:lvl4pPr>
            <a:lvl5pPr lvl="4" algn="ctr" rtl="0">
              <a:spcBef>
                <a:spcPts val="0"/>
              </a:spcBef>
              <a:spcAft>
                <a:spcPts val="0"/>
              </a:spcAft>
              <a:buSzPts val="6000"/>
              <a:buNone/>
              <a:defRPr sz="13333"/>
            </a:lvl5pPr>
            <a:lvl6pPr lvl="5" algn="ctr" rtl="0">
              <a:spcBef>
                <a:spcPts val="0"/>
              </a:spcBef>
              <a:spcAft>
                <a:spcPts val="0"/>
              </a:spcAft>
              <a:buSzPts val="6000"/>
              <a:buNone/>
              <a:defRPr sz="13333"/>
            </a:lvl6pPr>
            <a:lvl7pPr lvl="6" algn="ctr" rtl="0">
              <a:spcBef>
                <a:spcPts val="0"/>
              </a:spcBef>
              <a:spcAft>
                <a:spcPts val="0"/>
              </a:spcAft>
              <a:buSzPts val="6000"/>
              <a:buNone/>
              <a:defRPr sz="13333"/>
            </a:lvl7pPr>
            <a:lvl8pPr lvl="7" algn="ctr" rtl="0">
              <a:spcBef>
                <a:spcPts val="0"/>
              </a:spcBef>
              <a:spcAft>
                <a:spcPts val="0"/>
              </a:spcAft>
              <a:buSzPts val="6000"/>
              <a:buNone/>
              <a:defRPr sz="13333"/>
            </a:lvl8pPr>
            <a:lvl9pPr lvl="8" algn="ctr" rtl="0">
              <a:spcBef>
                <a:spcPts val="0"/>
              </a:spcBef>
              <a:spcAft>
                <a:spcPts val="0"/>
              </a:spcAft>
              <a:buSzPts val="6000"/>
              <a:buNone/>
              <a:defRPr sz="13333"/>
            </a:lvl9pPr>
          </a:lstStyle>
          <a:p>
            <a:r>
              <a:t>xx%</a:t>
            </a:r>
          </a:p>
        </p:txBody>
      </p:sp>
      <p:sp>
        <p:nvSpPr>
          <p:cNvPr id="524" name="Google Shape;524;p33"/>
          <p:cNvSpPr txBox="1">
            <a:spLocks noGrp="1"/>
          </p:cNvSpPr>
          <p:nvPr>
            <p:ph type="subTitle" idx="5"/>
          </p:nvPr>
        </p:nvSpPr>
        <p:spPr>
          <a:xfrm>
            <a:off x="4941334" y="8556478"/>
            <a:ext cx="10437333" cy="828000"/>
          </a:xfrm>
          <a:prstGeom prst="rect">
            <a:avLst/>
          </a:prstGeom>
        </p:spPr>
        <p:txBody>
          <a:bodyPr spcFirstLastPara="1" wrap="square" lIns="91425" tIns="91425" rIns="91425" bIns="91425" anchor="t" anchorCtr="0">
            <a:noAutofit/>
          </a:bodyPr>
          <a:lstStyle>
            <a:lvl1pPr lvl="0" algn="ctr" rtl="0">
              <a:lnSpc>
                <a:spcPct val="100000"/>
              </a:lnSpc>
              <a:spcBef>
                <a:spcPts val="0"/>
              </a:spcBef>
              <a:spcAft>
                <a:spcPts val="0"/>
              </a:spcAft>
              <a:buClr>
                <a:schemeClr val="dk1"/>
              </a:buClr>
              <a:buSzPts val="2400"/>
              <a:buNone/>
              <a:defRPr sz="3556">
                <a:solidFill>
                  <a:schemeClr val="dk1"/>
                </a:solidFill>
              </a:defRPr>
            </a:lvl1pPr>
            <a:lvl2pPr lvl="1" algn="ctr" rtl="0">
              <a:lnSpc>
                <a:spcPct val="100000"/>
              </a:lnSpc>
              <a:spcBef>
                <a:spcPts val="0"/>
              </a:spcBef>
              <a:spcAft>
                <a:spcPts val="0"/>
              </a:spcAft>
              <a:buClr>
                <a:schemeClr val="dk1"/>
              </a:buClr>
              <a:buSzPts val="2100"/>
              <a:buNone/>
              <a:defRPr sz="4667">
                <a:solidFill>
                  <a:schemeClr val="dk1"/>
                </a:solidFill>
              </a:defRPr>
            </a:lvl2pPr>
            <a:lvl3pPr lvl="2" algn="ctr" rtl="0">
              <a:lnSpc>
                <a:spcPct val="100000"/>
              </a:lnSpc>
              <a:spcBef>
                <a:spcPts val="0"/>
              </a:spcBef>
              <a:spcAft>
                <a:spcPts val="0"/>
              </a:spcAft>
              <a:buClr>
                <a:schemeClr val="dk1"/>
              </a:buClr>
              <a:buSzPts val="2100"/>
              <a:buNone/>
              <a:defRPr sz="4667">
                <a:solidFill>
                  <a:schemeClr val="dk1"/>
                </a:solidFill>
              </a:defRPr>
            </a:lvl3pPr>
            <a:lvl4pPr lvl="3" algn="ctr" rtl="0">
              <a:lnSpc>
                <a:spcPct val="100000"/>
              </a:lnSpc>
              <a:spcBef>
                <a:spcPts val="0"/>
              </a:spcBef>
              <a:spcAft>
                <a:spcPts val="0"/>
              </a:spcAft>
              <a:buClr>
                <a:schemeClr val="dk1"/>
              </a:buClr>
              <a:buSzPts val="2100"/>
              <a:buNone/>
              <a:defRPr sz="4667">
                <a:solidFill>
                  <a:schemeClr val="dk1"/>
                </a:solidFill>
              </a:defRPr>
            </a:lvl4pPr>
            <a:lvl5pPr lvl="4" algn="ctr" rtl="0">
              <a:lnSpc>
                <a:spcPct val="100000"/>
              </a:lnSpc>
              <a:spcBef>
                <a:spcPts val="0"/>
              </a:spcBef>
              <a:spcAft>
                <a:spcPts val="0"/>
              </a:spcAft>
              <a:buClr>
                <a:schemeClr val="dk1"/>
              </a:buClr>
              <a:buSzPts val="2100"/>
              <a:buNone/>
              <a:defRPr sz="4667">
                <a:solidFill>
                  <a:schemeClr val="dk1"/>
                </a:solidFill>
              </a:defRPr>
            </a:lvl5pPr>
            <a:lvl6pPr lvl="5" algn="ctr" rtl="0">
              <a:lnSpc>
                <a:spcPct val="100000"/>
              </a:lnSpc>
              <a:spcBef>
                <a:spcPts val="0"/>
              </a:spcBef>
              <a:spcAft>
                <a:spcPts val="0"/>
              </a:spcAft>
              <a:buClr>
                <a:schemeClr val="dk1"/>
              </a:buClr>
              <a:buSzPts val="2100"/>
              <a:buNone/>
              <a:defRPr sz="4667">
                <a:solidFill>
                  <a:schemeClr val="dk1"/>
                </a:solidFill>
              </a:defRPr>
            </a:lvl6pPr>
            <a:lvl7pPr lvl="6" algn="ctr" rtl="0">
              <a:lnSpc>
                <a:spcPct val="100000"/>
              </a:lnSpc>
              <a:spcBef>
                <a:spcPts val="0"/>
              </a:spcBef>
              <a:spcAft>
                <a:spcPts val="0"/>
              </a:spcAft>
              <a:buClr>
                <a:schemeClr val="dk1"/>
              </a:buClr>
              <a:buSzPts val="2100"/>
              <a:buNone/>
              <a:defRPr sz="4667">
                <a:solidFill>
                  <a:schemeClr val="dk1"/>
                </a:solidFill>
              </a:defRPr>
            </a:lvl7pPr>
            <a:lvl8pPr lvl="7" algn="ctr" rtl="0">
              <a:lnSpc>
                <a:spcPct val="100000"/>
              </a:lnSpc>
              <a:spcBef>
                <a:spcPts val="0"/>
              </a:spcBef>
              <a:spcAft>
                <a:spcPts val="0"/>
              </a:spcAft>
              <a:buClr>
                <a:schemeClr val="dk1"/>
              </a:buClr>
              <a:buSzPts val="2100"/>
              <a:buNone/>
              <a:defRPr sz="4667">
                <a:solidFill>
                  <a:schemeClr val="dk1"/>
                </a:solidFill>
              </a:defRPr>
            </a:lvl8pPr>
            <a:lvl9pPr lvl="8" algn="ctr" rtl="0">
              <a:lnSpc>
                <a:spcPct val="100000"/>
              </a:lnSpc>
              <a:spcBef>
                <a:spcPts val="0"/>
              </a:spcBef>
              <a:spcAft>
                <a:spcPts val="0"/>
              </a:spcAft>
              <a:buClr>
                <a:schemeClr val="dk1"/>
              </a:buClr>
              <a:buSzPts val="2100"/>
              <a:buNone/>
              <a:defRPr sz="4667">
                <a:solidFill>
                  <a:schemeClr val="dk1"/>
                </a:solidFill>
              </a:defRPr>
            </a:lvl9pPr>
          </a:lstStyle>
          <a:p>
            <a:endParaRPr/>
          </a:p>
        </p:txBody>
      </p:sp>
      <p:sp>
        <p:nvSpPr>
          <p:cNvPr id="525" name="Google Shape;525;p33"/>
          <p:cNvSpPr/>
          <p:nvPr/>
        </p:nvSpPr>
        <p:spPr>
          <a:xfrm>
            <a:off x="665111" y="8202611"/>
            <a:ext cx="648444" cy="2181889"/>
          </a:xfrm>
          <a:custGeom>
            <a:avLst/>
            <a:gdLst/>
            <a:ahLst/>
            <a:cxnLst/>
            <a:rect l="l" t="t" r="r" b="b"/>
            <a:pathLst>
              <a:path w="11672" h="39274" extrusionOk="0">
                <a:moveTo>
                  <a:pt x="6253" y="1"/>
                </a:moveTo>
                <a:lnTo>
                  <a:pt x="6068" y="47"/>
                </a:lnTo>
                <a:lnTo>
                  <a:pt x="5929" y="140"/>
                </a:lnTo>
                <a:lnTo>
                  <a:pt x="5558" y="603"/>
                </a:lnTo>
                <a:lnTo>
                  <a:pt x="5327" y="1112"/>
                </a:lnTo>
                <a:lnTo>
                  <a:pt x="5141" y="1622"/>
                </a:lnTo>
                <a:lnTo>
                  <a:pt x="5002" y="2177"/>
                </a:lnTo>
                <a:lnTo>
                  <a:pt x="4910" y="2733"/>
                </a:lnTo>
                <a:lnTo>
                  <a:pt x="4863" y="3289"/>
                </a:lnTo>
                <a:lnTo>
                  <a:pt x="4817" y="4447"/>
                </a:lnTo>
                <a:lnTo>
                  <a:pt x="4771" y="6855"/>
                </a:lnTo>
                <a:lnTo>
                  <a:pt x="4725" y="9263"/>
                </a:lnTo>
                <a:lnTo>
                  <a:pt x="4771" y="11903"/>
                </a:lnTo>
                <a:lnTo>
                  <a:pt x="4817" y="14543"/>
                </a:lnTo>
                <a:lnTo>
                  <a:pt x="4586" y="14172"/>
                </a:lnTo>
                <a:lnTo>
                  <a:pt x="4447" y="13755"/>
                </a:lnTo>
                <a:lnTo>
                  <a:pt x="4308" y="13339"/>
                </a:lnTo>
                <a:lnTo>
                  <a:pt x="4215" y="12922"/>
                </a:lnTo>
                <a:lnTo>
                  <a:pt x="4169" y="12459"/>
                </a:lnTo>
                <a:lnTo>
                  <a:pt x="4076" y="11533"/>
                </a:lnTo>
                <a:lnTo>
                  <a:pt x="4030" y="10699"/>
                </a:lnTo>
                <a:lnTo>
                  <a:pt x="4076" y="10189"/>
                </a:lnTo>
                <a:lnTo>
                  <a:pt x="4076" y="9680"/>
                </a:lnTo>
                <a:lnTo>
                  <a:pt x="4030" y="8661"/>
                </a:lnTo>
                <a:lnTo>
                  <a:pt x="3798" y="6670"/>
                </a:lnTo>
                <a:lnTo>
                  <a:pt x="3752" y="5605"/>
                </a:lnTo>
                <a:lnTo>
                  <a:pt x="3659" y="4586"/>
                </a:lnTo>
                <a:lnTo>
                  <a:pt x="3613" y="4076"/>
                </a:lnTo>
                <a:lnTo>
                  <a:pt x="3520" y="3567"/>
                </a:lnTo>
                <a:lnTo>
                  <a:pt x="3381" y="3057"/>
                </a:lnTo>
                <a:lnTo>
                  <a:pt x="3150" y="2594"/>
                </a:lnTo>
                <a:lnTo>
                  <a:pt x="3104" y="2502"/>
                </a:lnTo>
                <a:lnTo>
                  <a:pt x="3011" y="2409"/>
                </a:lnTo>
                <a:lnTo>
                  <a:pt x="2826" y="2363"/>
                </a:lnTo>
                <a:lnTo>
                  <a:pt x="2594" y="2455"/>
                </a:lnTo>
                <a:lnTo>
                  <a:pt x="2548" y="2502"/>
                </a:lnTo>
                <a:lnTo>
                  <a:pt x="2455" y="2594"/>
                </a:lnTo>
                <a:lnTo>
                  <a:pt x="2224" y="3104"/>
                </a:lnTo>
                <a:lnTo>
                  <a:pt x="2038" y="3613"/>
                </a:lnTo>
                <a:lnTo>
                  <a:pt x="1946" y="4169"/>
                </a:lnTo>
                <a:lnTo>
                  <a:pt x="1853" y="4725"/>
                </a:lnTo>
                <a:lnTo>
                  <a:pt x="1853" y="5280"/>
                </a:lnTo>
                <a:lnTo>
                  <a:pt x="1853" y="5836"/>
                </a:lnTo>
                <a:lnTo>
                  <a:pt x="1899" y="6994"/>
                </a:lnTo>
                <a:lnTo>
                  <a:pt x="1992" y="8105"/>
                </a:lnTo>
                <a:lnTo>
                  <a:pt x="2131" y="9171"/>
                </a:lnTo>
                <a:lnTo>
                  <a:pt x="2177" y="10421"/>
                </a:lnTo>
                <a:lnTo>
                  <a:pt x="2270" y="11625"/>
                </a:lnTo>
                <a:lnTo>
                  <a:pt x="2455" y="12737"/>
                </a:lnTo>
                <a:lnTo>
                  <a:pt x="2548" y="13292"/>
                </a:lnTo>
                <a:lnTo>
                  <a:pt x="2687" y="13802"/>
                </a:lnTo>
                <a:lnTo>
                  <a:pt x="2872" y="14265"/>
                </a:lnTo>
                <a:lnTo>
                  <a:pt x="3057" y="14682"/>
                </a:lnTo>
                <a:lnTo>
                  <a:pt x="3289" y="15052"/>
                </a:lnTo>
                <a:lnTo>
                  <a:pt x="3567" y="15376"/>
                </a:lnTo>
                <a:lnTo>
                  <a:pt x="3845" y="15654"/>
                </a:lnTo>
                <a:lnTo>
                  <a:pt x="4169" y="15886"/>
                </a:lnTo>
                <a:lnTo>
                  <a:pt x="4493" y="16025"/>
                </a:lnTo>
                <a:lnTo>
                  <a:pt x="4863" y="16071"/>
                </a:lnTo>
                <a:lnTo>
                  <a:pt x="5002" y="18850"/>
                </a:lnTo>
                <a:lnTo>
                  <a:pt x="5049" y="19545"/>
                </a:lnTo>
                <a:lnTo>
                  <a:pt x="4910" y="19591"/>
                </a:lnTo>
                <a:lnTo>
                  <a:pt x="4586" y="19730"/>
                </a:lnTo>
                <a:lnTo>
                  <a:pt x="4261" y="19730"/>
                </a:lnTo>
                <a:lnTo>
                  <a:pt x="3984" y="19683"/>
                </a:lnTo>
                <a:lnTo>
                  <a:pt x="3752" y="19545"/>
                </a:lnTo>
                <a:lnTo>
                  <a:pt x="3520" y="19359"/>
                </a:lnTo>
                <a:lnTo>
                  <a:pt x="3289" y="19128"/>
                </a:lnTo>
                <a:lnTo>
                  <a:pt x="3104" y="18804"/>
                </a:lnTo>
                <a:lnTo>
                  <a:pt x="2965" y="18479"/>
                </a:lnTo>
                <a:lnTo>
                  <a:pt x="2687" y="17692"/>
                </a:lnTo>
                <a:lnTo>
                  <a:pt x="2455" y="16812"/>
                </a:lnTo>
                <a:lnTo>
                  <a:pt x="2316" y="15886"/>
                </a:lnTo>
                <a:lnTo>
                  <a:pt x="2224" y="15052"/>
                </a:lnTo>
                <a:lnTo>
                  <a:pt x="2224" y="14033"/>
                </a:lnTo>
                <a:lnTo>
                  <a:pt x="2177" y="13061"/>
                </a:lnTo>
                <a:lnTo>
                  <a:pt x="1992" y="11069"/>
                </a:lnTo>
                <a:lnTo>
                  <a:pt x="1899" y="9958"/>
                </a:lnTo>
                <a:lnTo>
                  <a:pt x="1807" y="9402"/>
                </a:lnTo>
                <a:lnTo>
                  <a:pt x="1714" y="8893"/>
                </a:lnTo>
                <a:lnTo>
                  <a:pt x="1529" y="8383"/>
                </a:lnTo>
                <a:lnTo>
                  <a:pt x="1344" y="7874"/>
                </a:lnTo>
                <a:lnTo>
                  <a:pt x="1066" y="7364"/>
                </a:lnTo>
                <a:lnTo>
                  <a:pt x="742" y="6901"/>
                </a:lnTo>
                <a:lnTo>
                  <a:pt x="649" y="6809"/>
                </a:lnTo>
                <a:lnTo>
                  <a:pt x="556" y="6762"/>
                </a:lnTo>
                <a:lnTo>
                  <a:pt x="417" y="6762"/>
                </a:lnTo>
                <a:lnTo>
                  <a:pt x="279" y="6809"/>
                </a:lnTo>
                <a:lnTo>
                  <a:pt x="186" y="6855"/>
                </a:lnTo>
                <a:lnTo>
                  <a:pt x="93" y="6948"/>
                </a:lnTo>
                <a:lnTo>
                  <a:pt x="47" y="7087"/>
                </a:lnTo>
                <a:lnTo>
                  <a:pt x="1" y="7179"/>
                </a:lnTo>
                <a:lnTo>
                  <a:pt x="47" y="8430"/>
                </a:lnTo>
                <a:lnTo>
                  <a:pt x="140" y="9634"/>
                </a:lnTo>
                <a:lnTo>
                  <a:pt x="232" y="10838"/>
                </a:lnTo>
                <a:lnTo>
                  <a:pt x="325" y="12088"/>
                </a:lnTo>
                <a:lnTo>
                  <a:pt x="371" y="13153"/>
                </a:lnTo>
                <a:lnTo>
                  <a:pt x="464" y="14265"/>
                </a:lnTo>
                <a:lnTo>
                  <a:pt x="510" y="15284"/>
                </a:lnTo>
                <a:lnTo>
                  <a:pt x="603" y="16256"/>
                </a:lnTo>
                <a:lnTo>
                  <a:pt x="742" y="17275"/>
                </a:lnTo>
                <a:lnTo>
                  <a:pt x="834" y="17738"/>
                </a:lnTo>
                <a:lnTo>
                  <a:pt x="973" y="18201"/>
                </a:lnTo>
                <a:lnTo>
                  <a:pt x="1066" y="18572"/>
                </a:lnTo>
                <a:lnTo>
                  <a:pt x="1205" y="18896"/>
                </a:lnTo>
                <a:lnTo>
                  <a:pt x="1575" y="19498"/>
                </a:lnTo>
                <a:lnTo>
                  <a:pt x="2038" y="20054"/>
                </a:lnTo>
                <a:lnTo>
                  <a:pt x="2270" y="20332"/>
                </a:lnTo>
                <a:lnTo>
                  <a:pt x="2548" y="20563"/>
                </a:lnTo>
                <a:lnTo>
                  <a:pt x="2826" y="20749"/>
                </a:lnTo>
                <a:lnTo>
                  <a:pt x="3104" y="20934"/>
                </a:lnTo>
                <a:lnTo>
                  <a:pt x="3428" y="21073"/>
                </a:lnTo>
                <a:lnTo>
                  <a:pt x="3752" y="21165"/>
                </a:lnTo>
                <a:lnTo>
                  <a:pt x="4076" y="21258"/>
                </a:lnTo>
                <a:lnTo>
                  <a:pt x="4771" y="21258"/>
                </a:lnTo>
                <a:lnTo>
                  <a:pt x="5095" y="21212"/>
                </a:lnTo>
                <a:lnTo>
                  <a:pt x="5141" y="23388"/>
                </a:lnTo>
                <a:lnTo>
                  <a:pt x="5141" y="25519"/>
                </a:lnTo>
                <a:lnTo>
                  <a:pt x="5188" y="29872"/>
                </a:lnTo>
                <a:lnTo>
                  <a:pt x="5188" y="32049"/>
                </a:lnTo>
                <a:lnTo>
                  <a:pt x="5234" y="34179"/>
                </a:lnTo>
                <a:lnTo>
                  <a:pt x="5327" y="36356"/>
                </a:lnTo>
                <a:lnTo>
                  <a:pt x="5466" y="38533"/>
                </a:lnTo>
                <a:lnTo>
                  <a:pt x="5512" y="38672"/>
                </a:lnTo>
                <a:lnTo>
                  <a:pt x="5558" y="38857"/>
                </a:lnTo>
                <a:lnTo>
                  <a:pt x="5697" y="38949"/>
                </a:lnTo>
                <a:lnTo>
                  <a:pt x="5836" y="39088"/>
                </a:lnTo>
                <a:lnTo>
                  <a:pt x="6021" y="39135"/>
                </a:lnTo>
                <a:lnTo>
                  <a:pt x="6207" y="39227"/>
                </a:lnTo>
                <a:lnTo>
                  <a:pt x="6577" y="39274"/>
                </a:lnTo>
                <a:lnTo>
                  <a:pt x="6994" y="39227"/>
                </a:lnTo>
                <a:lnTo>
                  <a:pt x="7179" y="39135"/>
                </a:lnTo>
                <a:lnTo>
                  <a:pt x="7318" y="39088"/>
                </a:lnTo>
                <a:lnTo>
                  <a:pt x="7457" y="38949"/>
                </a:lnTo>
                <a:lnTo>
                  <a:pt x="7596" y="38857"/>
                </a:lnTo>
                <a:lnTo>
                  <a:pt x="7642" y="38718"/>
                </a:lnTo>
                <a:lnTo>
                  <a:pt x="7689" y="38533"/>
                </a:lnTo>
                <a:lnTo>
                  <a:pt x="7689" y="36587"/>
                </a:lnTo>
                <a:lnTo>
                  <a:pt x="7596" y="34642"/>
                </a:lnTo>
                <a:lnTo>
                  <a:pt x="7411" y="30798"/>
                </a:lnTo>
                <a:lnTo>
                  <a:pt x="7179" y="26955"/>
                </a:lnTo>
                <a:lnTo>
                  <a:pt x="6948" y="23111"/>
                </a:lnTo>
                <a:lnTo>
                  <a:pt x="6948" y="23111"/>
                </a:lnTo>
                <a:lnTo>
                  <a:pt x="7225" y="23157"/>
                </a:lnTo>
                <a:lnTo>
                  <a:pt x="7828" y="23157"/>
                </a:lnTo>
                <a:lnTo>
                  <a:pt x="8152" y="23111"/>
                </a:lnTo>
                <a:lnTo>
                  <a:pt x="8430" y="23018"/>
                </a:lnTo>
                <a:lnTo>
                  <a:pt x="8707" y="22879"/>
                </a:lnTo>
                <a:lnTo>
                  <a:pt x="9217" y="22555"/>
                </a:lnTo>
                <a:lnTo>
                  <a:pt x="9726" y="22184"/>
                </a:lnTo>
                <a:lnTo>
                  <a:pt x="10143" y="21721"/>
                </a:lnTo>
                <a:lnTo>
                  <a:pt x="10514" y="21165"/>
                </a:lnTo>
                <a:lnTo>
                  <a:pt x="10792" y="20656"/>
                </a:lnTo>
                <a:lnTo>
                  <a:pt x="11116" y="19730"/>
                </a:lnTo>
                <a:lnTo>
                  <a:pt x="11394" y="18757"/>
                </a:lnTo>
                <a:lnTo>
                  <a:pt x="11579" y="17785"/>
                </a:lnTo>
                <a:lnTo>
                  <a:pt x="11671" y="16766"/>
                </a:lnTo>
                <a:lnTo>
                  <a:pt x="11671" y="15747"/>
                </a:lnTo>
                <a:lnTo>
                  <a:pt x="11625" y="15237"/>
                </a:lnTo>
                <a:lnTo>
                  <a:pt x="11533" y="14728"/>
                </a:lnTo>
                <a:lnTo>
                  <a:pt x="11440" y="14265"/>
                </a:lnTo>
                <a:lnTo>
                  <a:pt x="11301" y="13755"/>
                </a:lnTo>
                <a:lnTo>
                  <a:pt x="11162" y="13339"/>
                </a:lnTo>
                <a:lnTo>
                  <a:pt x="10977" y="12876"/>
                </a:lnTo>
                <a:lnTo>
                  <a:pt x="10884" y="12783"/>
                </a:lnTo>
                <a:lnTo>
                  <a:pt x="10792" y="12690"/>
                </a:lnTo>
                <a:lnTo>
                  <a:pt x="10653" y="12644"/>
                </a:lnTo>
                <a:lnTo>
                  <a:pt x="10560" y="12690"/>
                </a:lnTo>
                <a:lnTo>
                  <a:pt x="10421" y="12690"/>
                </a:lnTo>
                <a:lnTo>
                  <a:pt x="10328" y="12783"/>
                </a:lnTo>
                <a:lnTo>
                  <a:pt x="10236" y="12876"/>
                </a:lnTo>
                <a:lnTo>
                  <a:pt x="10189" y="12968"/>
                </a:lnTo>
                <a:lnTo>
                  <a:pt x="10004" y="13524"/>
                </a:lnTo>
                <a:lnTo>
                  <a:pt x="9912" y="14033"/>
                </a:lnTo>
                <a:lnTo>
                  <a:pt x="9726" y="15099"/>
                </a:lnTo>
                <a:lnTo>
                  <a:pt x="9448" y="17229"/>
                </a:lnTo>
                <a:lnTo>
                  <a:pt x="9263" y="18433"/>
                </a:lnTo>
                <a:lnTo>
                  <a:pt x="9078" y="19128"/>
                </a:lnTo>
                <a:lnTo>
                  <a:pt x="8846" y="19822"/>
                </a:lnTo>
                <a:lnTo>
                  <a:pt x="8707" y="20054"/>
                </a:lnTo>
                <a:lnTo>
                  <a:pt x="8569" y="20286"/>
                </a:lnTo>
                <a:lnTo>
                  <a:pt x="8383" y="20471"/>
                </a:lnTo>
                <a:lnTo>
                  <a:pt x="8198" y="20610"/>
                </a:lnTo>
                <a:lnTo>
                  <a:pt x="7920" y="20702"/>
                </a:lnTo>
                <a:lnTo>
                  <a:pt x="7689" y="20749"/>
                </a:lnTo>
                <a:lnTo>
                  <a:pt x="7364" y="20749"/>
                </a:lnTo>
                <a:lnTo>
                  <a:pt x="6994" y="20702"/>
                </a:lnTo>
                <a:lnTo>
                  <a:pt x="6855" y="20656"/>
                </a:lnTo>
                <a:lnTo>
                  <a:pt x="6809" y="18850"/>
                </a:lnTo>
                <a:lnTo>
                  <a:pt x="6809" y="17877"/>
                </a:lnTo>
                <a:lnTo>
                  <a:pt x="7225" y="17831"/>
                </a:lnTo>
                <a:lnTo>
                  <a:pt x="7550" y="17738"/>
                </a:lnTo>
                <a:lnTo>
                  <a:pt x="7874" y="17599"/>
                </a:lnTo>
                <a:lnTo>
                  <a:pt x="8105" y="17414"/>
                </a:lnTo>
                <a:lnTo>
                  <a:pt x="8337" y="17229"/>
                </a:lnTo>
                <a:lnTo>
                  <a:pt x="8476" y="17044"/>
                </a:lnTo>
                <a:lnTo>
                  <a:pt x="8615" y="16812"/>
                </a:lnTo>
                <a:lnTo>
                  <a:pt x="8754" y="16534"/>
                </a:lnTo>
                <a:lnTo>
                  <a:pt x="8893" y="16349"/>
                </a:lnTo>
                <a:lnTo>
                  <a:pt x="9032" y="16117"/>
                </a:lnTo>
                <a:lnTo>
                  <a:pt x="9217" y="15562"/>
                </a:lnTo>
                <a:lnTo>
                  <a:pt x="9356" y="15006"/>
                </a:lnTo>
                <a:lnTo>
                  <a:pt x="9402" y="14404"/>
                </a:lnTo>
                <a:lnTo>
                  <a:pt x="9448" y="13061"/>
                </a:lnTo>
                <a:lnTo>
                  <a:pt x="9819" y="11394"/>
                </a:lnTo>
                <a:lnTo>
                  <a:pt x="9912" y="10560"/>
                </a:lnTo>
                <a:lnTo>
                  <a:pt x="10004" y="9726"/>
                </a:lnTo>
                <a:lnTo>
                  <a:pt x="10004" y="8893"/>
                </a:lnTo>
                <a:lnTo>
                  <a:pt x="9912" y="8059"/>
                </a:lnTo>
                <a:lnTo>
                  <a:pt x="9819" y="7642"/>
                </a:lnTo>
                <a:lnTo>
                  <a:pt x="9726" y="7225"/>
                </a:lnTo>
                <a:lnTo>
                  <a:pt x="9541" y="6809"/>
                </a:lnTo>
                <a:lnTo>
                  <a:pt x="9356" y="6392"/>
                </a:lnTo>
                <a:lnTo>
                  <a:pt x="9263" y="6299"/>
                </a:lnTo>
                <a:lnTo>
                  <a:pt x="9171" y="6207"/>
                </a:lnTo>
                <a:lnTo>
                  <a:pt x="8939" y="6207"/>
                </a:lnTo>
                <a:lnTo>
                  <a:pt x="8846" y="6253"/>
                </a:lnTo>
                <a:lnTo>
                  <a:pt x="8707" y="6299"/>
                </a:lnTo>
                <a:lnTo>
                  <a:pt x="8661" y="6392"/>
                </a:lnTo>
                <a:lnTo>
                  <a:pt x="8569" y="6531"/>
                </a:lnTo>
                <a:lnTo>
                  <a:pt x="8383" y="7179"/>
                </a:lnTo>
                <a:lnTo>
                  <a:pt x="8198" y="7920"/>
                </a:lnTo>
                <a:lnTo>
                  <a:pt x="8059" y="8661"/>
                </a:lnTo>
                <a:lnTo>
                  <a:pt x="7966" y="9448"/>
                </a:lnTo>
                <a:lnTo>
                  <a:pt x="7828" y="10977"/>
                </a:lnTo>
                <a:lnTo>
                  <a:pt x="7735" y="12459"/>
                </a:lnTo>
                <a:lnTo>
                  <a:pt x="7689" y="13014"/>
                </a:lnTo>
                <a:lnTo>
                  <a:pt x="7735" y="13570"/>
                </a:lnTo>
                <a:lnTo>
                  <a:pt x="7735" y="14126"/>
                </a:lnTo>
                <a:lnTo>
                  <a:pt x="7735" y="14404"/>
                </a:lnTo>
                <a:lnTo>
                  <a:pt x="7689" y="14682"/>
                </a:lnTo>
                <a:lnTo>
                  <a:pt x="7550" y="15099"/>
                </a:lnTo>
                <a:lnTo>
                  <a:pt x="7318" y="15423"/>
                </a:lnTo>
                <a:lnTo>
                  <a:pt x="7087" y="15654"/>
                </a:lnTo>
                <a:lnTo>
                  <a:pt x="6809" y="15886"/>
                </a:lnTo>
                <a:lnTo>
                  <a:pt x="6809" y="12551"/>
                </a:lnTo>
                <a:lnTo>
                  <a:pt x="6855" y="9263"/>
                </a:lnTo>
                <a:lnTo>
                  <a:pt x="6948" y="6670"/>
                </a:lnTo>
                <a:lnTo>
                  <a:pt x="7087" y="4076"/>
                </a:lnTo>
                <a:lnTo>
                  <a:pt x="7133" y="3057"/>
                </a:lnTo>
                <a:lnTo>
                  <a:pt x="7179" y="2548"/>
                </a:lnTo>
                <a:lnTo>
                  <a:pt x="7133" y="2038"/>
                </a:lnTo>
                <a:lnTo>
                  <a:pt x="7087" y="1529"/>
                </a:lnTo>
                <a:lnTo>
                  <a:pt x="6994" y="1066"/>
                </a:lnTo>
                <a:lnTo>
                  <a:pt x="6809" y="603"/>
                </a:lnTo>
                <a:lnTo>
                  <a:pt x="6531" y="140"/>
                </a:lnTo>
                <a:lnTo>
                  <a:pt x="6438" y="47"/>
                </a:lnTo>
                <a:lnTo>
                  <a:pt x="6253" y="1"/>
                </a:lnTo>
                <a:close/>
              </a:path>
            </a:pathLst>
          </a:custGeom>
          <a:solidFill>
            <a:schemeClr val="lt2"/>
          </a:solidFill>
          <a:ln>
            <a:noFill/>
          </a:ln>
        </p:spPr>
        <p:txBody>
          <a:bodyPr spcFirstLastPara="1" wrap="square" lIns="203167" tIns="203167" rIns="203167" bIns="203167" anchor="ctr" anchorCtr="0">
            <a:noAutofit/>
          </a:bodyPr>
          <a:lstStyle/>
          <a:p>
            <a:pPr marL="0" lvl="0" indent="0" algn="l" rtl="0">
              <a:spcBef>
                <a:spcPts val="0"/>
              </a:spcBef>
              <a:spcAft>
                <a:spcPts val="0"/>
              </a:spcAft>
              <a:buNone/>
            </a:pPr>
            <a:endParaRPr sz="6000"/>
          </a:p>
        </p:txBody>
      </p:sp>
      <p:grpSp>
        <p:nvGrpSpPr>
          <p:cNvPr id="526" name="Google Shape;526;p33"/>
          <p:cNvGrpSpPr/>
          <p:nvPr/>
        </p:nvGrpSpPr>
        <p:grpSpPr>
          <a:xfrm>
            <a:off x="0" y="9948298"/>
            <a:ext cx="20320000" cy="1494324"/>
            <a:chOff x="0" y="4167674"/>
            <a:chExt cx="9144000" cy="981530"/>
          </a:xfrm>
        </p:grpSpPr>
        <p:grpSp>
          <p:nvGrpSpPr>
            <p:cNvPr id="527" name="Google Shape;527;p33"/>
            <p:cNvGrpSpPr/>
            <p:nvPr/>
          </p:nvGrpSpPr>
          <p:grpSpPr>
            <a:xfrm>
              <a:off x="0" y="4167674"/>
              <a:ext cx="9144000" cy="956028"/>
              <a:chOff x="0" y="4472474"/>
              <a:chExt cx="9144000" cy="956028"/>
            </a:xfrm>
          </p:grpSpPr>
          <p:sp>
            <p:nvSpPr>
              <p:cNvPr id="528" name="Google Shape;528;p33"/>
              <p:cNvSpPr/>
              <p:nvPr/>
            </p:nvSpPr>
            <p:spPr>
              <a:xfrm>
                <a:off x="0" y="4472474"/>
                <a:ext cx="9144000" cy="955987"/>
              </a:xfrm>
              <a:custGeom>
                <a:avLst/>
                <a:gdLst/>
                <a:ahLst/>
                <a:cxnLst/>
                <a:rect l="l" t="t" r="r" b="b"/>
                <a:pathLst>
                  <a:path w="285750" h="81326" extrusionOk="0">
                    <a:moveTo>
                      <a:pt x="84150" y="1"/>
                    </a:moveTo>
                    <a:lnTo>
                      <a:pt x="83270" y="47"/>
                    </a:lnTo>
                    <a:lnTo>
                      <a:pt x="82437" y="186"/>
                    </a:lnTo>
                    <a:lnTo>
                      <a:pt x="80723" y="464"/>
                    </a:lnTo>
                    <a:lnTo>
                      <a:pt x="78917" y="835"/>
                    </a:lnTo>
                    <a:lnTo>
                      <a:pt x="77111" y="1205"/>
                    </a:lnTo>
                    <a:lnTo>
                      <a:pt x="75258" y="1668"/>
                    </a:lnTo>
                    <a:lnTo>
                      <a:pt x="73359" y="2178"/>
                    </a:lnTo>
                    <a:lnTo>
                      <a:pt x="71414" y="2687"/>
                    </a:lnTo>
                    <a:lnTo>
                      <a:pt x="67478" y="3845"/>
                    </a:lnTo>
                    <a:lnTo>
                      <a:pt x="63402" y="5095"/>
                    </a:lnTo>
                    <a:lnTo>
                      <a:pt x="59280" y="6438"/>
                    </a:lnTo>
                    <a:lnTo>
                      <a:pt x="51037" y="9217"/>
                    </a:lnTo>
                    <a:lnTo>
                      <a:pt x="46961" y="10606"/>
                    </a:lnTo>
                    <a:lnTo>
                      <a:pt x="42932" y="11950"/>
                    </a:lnTo>
                    <a:lnTo>
                      <a:pt x="39042" y="13154"/>
                    </a:lnTo>
                    <a:lnTo>
                      <a:pt x="35290" y="14265"/>
                    </a:lnTo>
                    <a:lnTo>
                      <a:pt x="33484" y="14775"/>
                    </a:lnTo>
                    <a:lnTo>
                      <a:pt x="31724" y="15238"/>
                    </a:lnTo>
                    <a:lnTo>
                      <a:pt x="30011" y="15655"/>
                    </a:lnTo>
                    <a:lnTo>
                      <a:pt x="28390" y="16025"/>
                    </a:lnTo>
                    <a:lnTo>
                      <a:pt x="26815" y="16349"/>
                    </a:lnTo>
                    <a:lnTo>
                      <a:pt x="25287" y="16627"/>
                    </a:lnTo>
                    <a:lnTo>
                      <a:pt x="23851" y="16812"/>
                    </a:lnTo>
                    <a:lnTo>
                      <a:pt x="22462" y="16951"/>
                    </a:lnTo>
                    <a:lnTo>
                      <a:pt x="19868" y="17183"/>
                    </a:lnTo>
                    <a:lnTo>
                      <a:pt x="17414" y="17368"/>
                    </a:lnTo>
                    <a:lnTo>
                      <a:pt x="15098" y="17646"/>
                    </a:lnTo>
                    <a:lnTo>
                      <a:pt x="12921" y="17878"/>
                    </a:lnTo>
                    <a:lnTo>
                      <a:pt x="9077" y="18433"/>
                    </a:lnTo>
                    <a:lnTo>
                      <a:pt x="5882" y="18896"/>
                    </a:lnTo>
                    <a:lnTo>
                      <a:pt x="3335" y="19360"/>
                    </a:lnTo>
                    <a:lnTo>
                      <a:pt x="1528" y="19730"/>
                    </a:lnTo>
                    <a:lnTo>
                      <a:pt x="0" y="20101"/>
                    </a:lnTo>
                    <a:lnTo>
                      <a:pt x="0" y="81325"/>
                    </a:lnTo>
                    <a:lnTo>
                      <a:pt x="285750" y="81325"/>
                    </a:lnTo>
                    <a:lnTo>
                      <a:pt x="285750" y="16951"/>
                    </a:lnTo>
                    <a:lnTo>
                      <a:pt x="281906" y="16396"/>
                    </a:lnTo>
                    <a:lnTo>
                      <a:pt x="277460" y="15793"/>
                    </a:lnTo>
                    <a:lnTo>
                      <a:pt x="271578" y="15006"/>
                    </a:lnTo>
                    <a:lnTo>
                      <a:pt x="264492" y="14173"/>
                    </a:lnTo>
                    <a:lnTo>
                      <a:pt x="256388" y="13339"/>
                    </a:lnTo>
                    <a:lnTo>
                      <a:pt x="252034" y="12922"/>
                    </a:lnTo>
                    <a:lnTo>
                      <a:pt x="247496" y="12505"/>
                    </a:lnTo>
                    <a:lnTo>
                      <a:pt x="242818" y="12135"/>
                    </a:lnTo>
                    <a:lnTo>
                      <a:pt x="238002" y="11811"/>
                    </a:lnTo>
                    <a:lnTo>
                      <a:pt x="233139" y="11486"/>
                    </a:lnTo>
                    <a:lnTo>
                      <a:pt x="228137" y="11255"/>
                    </a:lnTo>
                    <a:lnTo>
                      <a:pt x="223135" y="11023"/>
                    </a:lnTo>
                    <a:lnTo>
                      <a:pt x="218133" y="10931"/>
                    </a:lnTo>
                    <a:lnTo>
                      <a:pt x="213132" y="10838"/>
                    </a:lnTo>
                    <a:lnTo>
                      <a:pt x="208130" y="10838"/>
                    </a:lnTo>
                    <a:lnTo>
                      <a:pt x="203221" y="10977"/>
                    </a:lnTo>
                    <a:lnTo>
                      <a:pt x="198404" y="11162"/>
                    </a:lnTo>
                    <a:lnTo>
                      <a:pt x="196042" y="11301"/>
                    </a:lnTo>
                    <a:lnTo>
                      <a:pt x="193680" y="11440"/>
                    </a:lnTo>
                    <a:lnTo>
                      <a:pt x="191365" y="11625"/>
                    </a:lnTo>
                    <a:lnTo>
                      <a:pt x="189141" y="11857"/>
                    </a:lnTo>
                    <a:lnTo>
                      <a:pt x="186918" y="12088"/>
                    </a:lnTo>
                    <a:lnTo>
                      <a:pt x="184695" y="12366"/>
                    </a:lnTo>
                    <a:lnTo>
                      <a:pt x="182565" y="12691"/>
                    </a:lnTo>
                    <a:lnTo>
                      <a:pt x="180527" y="13015"/>
                    </a:lnTo>
                    <a:lnTo>
                      <a:pt x="178490" y="13385"/>
                    </a:lnTo>
                    <a:lnTo>
                      <a:pt x="176498" y="13756"/>
                    </a:lnTo>
                    <a:lnTo>
                      <a:pt x="174599" y="14219"/>
                    </a:lnTo>
                    <a:lnTo>
                      <a:pt x="172747" y="14682"/>
                    </a:lnTo>
                    <a:lnTo>
                      <a:pt x="170987" y="15191"/>
                    </a:lnTo>
                    <a:lnTo>
                      <a:pt x="169273" y="15747"/>
                    </a:lnTo>
                    <a:lnTo>
                      <a:pt x="167652" y="16349"/>
                    </a:lnTo>
                    <a:lnTo>
                      <a:pt x="166124" y="16951"/>
                    </a:lnTo>
                    <a:lnTo>
                      <a:pt x="164596" y="17553"/>
                    </a:lnTo>
                    <a:lnTo>
                      <a:pt x="163114" y="18109"/>
                    </a:lnTo>
                    <a:lnTo>
                      <a:pt x="161585" y="18572"/>
                    </a:lnTo>
                    <a:lnTo>
                      <a:pt x="160057" y="18989"/>
                    </a:lnTo>
                    <a:lnTo>
                      <a:pt x="158529" y="19360"/>
                    </a:lnTo>
                    <a:lnTo>
                      <a:pt x="157047" y="19637"/>
                    </a:lnTo>
                    <a:lnTo>
                      <a:pt x="155518" y="19869"/>
                    </a:lnTo>
                    <a:lnTo>
                      <a:pt x="153990" y="20054"/>
                    </a:lnTo>
                    <a:lnTo>
                      <a:pt x="152508" y="20193"/>
                    </a:lnTo>
                    <a:lnTo>
                      <a:pt x="150980" y="20286"/>
                    </a:lnTo>
                    <a:lnTo>
                      <a:pt x="147969" y="20286"/>
                    </a:lnTo>
                    <a:lnTo>
                      <a:pt x="146487" y="20193"/>
                    </a:lnTo>
                    <a:lnTo>
                      <a:pt x="144959" y="20101"/>
                    </a:lnTo>
                    <a:lnTo>
                      <a:pt x="143477" y="19915"/>
                    </a:lnTo>
                    <a:lnTo>
                      <a:pt x="141995" y="19730"/>
                    </a:lnTo>
                    <a:lnTo>
                      <a:pt x="140513" y="19498"/>
                    </a:lnTo>
                    <a:lnTo>
                      <a:pt x="139031" y="19221"/>
                    </a:lnTo>
                    <a:lnTo>
                      <a:pt x="137549" y="18896"/>
                    </a:lnTo>
                    <a:lnTo>
                      <a:pt x="136067" y="18572"/>
                    </a:lnTo>
                    <a:lnTo>
                      <a:pt x="134585" y="18202"/>
                    </a:lnTo>
                    <a:lnTo>
                      <a:pt x="133149" y="17831"/>
                    </a:lnTo>
                    <a:lnTo>
                      <a:pt x="130232" y="16951"/>
                    </a:lnTo>
                    <a:lnTo>
                      <a:pt x="127360" y="15979"/>
                    </a:lnTo>
                    <a:lnTo>
                      <a:pt x="124535" y="14914"/>
                    </a:lnTo>
                    <a:lnTo>
                      <a:pt x="121710" y="13802"/>
                    </a:lnTo>
                    <a:lnTo>
                      <a:pt x="118931" y="12644"/>
                    </a:lnTo>
                    <a:lnTo>
                      <a:pt x="116245" y="11440"/>
                    </a:lnTo>
                    <a:lnTo>
                      <a:pt x="113559" y="10236"/>
                    </a:lnTo>
                    <a:lnTo>
                      <a:pt x="108326" y="7874"/>
                    </a:lnTo>
                    <a:lnTo>
                      <a:pt x="103324" y="5558"/>
                    </a:lnTo>
                    <a:lnTo>
                      <a:pt x="100916" y="4493"/>
                    </a:lnTo>
                    <a:lnTo>
                      <a:pt x="98554" y="3521"/>
                    </a:lnTo>
                    <a:lnTo>
                      <a:pt x="96284" y="2641"/>
                    </a:lnTo>
                    <a:lnTo>
                      <a:pt x="94061" y="1853"/>
                    </a:lnTo>
                    <a:lnTo>
                      <a:pt x="91931" y="1159"/>
                    </a:lnTo>
                    <a:lnTo>
                      <a:pt x="90912" y="881"/>
                    </a:lnTo>
                    <a:lnTo>
                      <a:pt x="89893" y="649"/>
                    </a:lnTo>
                    <a:lnTo>
                      <a:pt x="88874" y="418"/>
                    </a:lnTo>
                    <a:lnTo>
                      <a:pt x="87902" y="279"/>
                    </a:lnTo>
                    <a:lnTo>
                      <a:pt x="86929" y="140"/>
                    </a:lnTo>
                    <a:lnTo>
                      <a:pt x="86003" y="47"/>
                    </a:lnTo>
                    <a:lnTo>
                      <a:pt x="85077" y="1"/>
                    </a:lnTo>
                    <a:close/>
                  </a:path>
                </a:pathLst>
              </a:custGeom>
              <a:solidFill>
                <a:schemeClr val="l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529" name="Google Shape;529;p33"/>
              <p:cNvSpPr/>
              <p:nvPr/>
            </p:nvSpPr>
            <p:spPr>
              <a:xfrm>
                <a:off x="0" y="4757331"/>
                <a:ext cx="9143916" cy="671170"/>
              </a:xfrm>
              <a:custGeom>
                <a:avLst/>
                <a:gdLst/>
                <a:ahLst/>
                <a:cxnLst/>
                <a:rect l="l" t="t" r="r" b="b"/>
                <a:pathLst>
                  <a:path w="285057" h="21397" extrusionOk="0">
                    <a:moveTo>
                      <a:pt x="60439" y="1"/>
                    </a:moveTo>
                    <a:lnTo>
                      <a:pt x="57058" y="47"/>
                    </a:lnTo>
                    <a:lnTo>
                      <a:pt x="55530" y="47"/>
                    </a:lnTo>
                    <a:lnTo>
                      <a:pt x="54048" y="140"/>
                    </a:lnTo>
                    <a:lnTo>
                      <a:pt x="52658" y="232"/>
                    </a:lnTo>
                    <a:lnTo>
                      <a:pt x="51362" y="371"/>
                    </a:lnTo>
                    <a:lnTo>
                      <a:pt x="50157" y="510"/>
                    </a:lnTo>
                    <a:lnTo>
                      <a:pt x="49046" y="695"/>
                    </a:lnTo>
                    <a:lnTo>
                      <a:pt x="48073" y="927"/>
                    </a:lnTo>
                    <a:lnTo>
                      <a:pt x="47147" y="1205"/>
                    </a:lnTo>
                    <a:lnTo>
                      <a:pt x="43674" y="2270"/>
                    </a:lnTo>
                    <a:lnTo>
                      <a:pt x="40015" y="3335"/>
                    </a:lnTo>
                    <a:lnTo>
                      <a:pt x="36171" y="4400"/>
                    </a:lnTo>
                    <a:lnTo>
                      <a:pt x="32234" y="5419"/>
                    </a:lnTo>
                    <a:lnTo>
                      <a:pt x="28298" y="6392"/>
                    </a:lnTo>
                    <a:lnTo>
                      <a:pt x="24361" y="7318"/>
                    </a:lnTo>
                    <a:lnTo>
                      <a:pt x="16859" y="9032"/>
                    </a:lnTo>
                    <a:lnTo>
                      <a:pt x="10190" y="10467"/>
                    </a:lnTo>
                    <a:lnTo>
                      <a:pt x="4864" y="11579"/>
                    </a:lnTo>
                    <a:lnTo>
                      <a:pt x="1" y="12551"/>
                    </a:lnTo>
                    <a:lnTo>
                      <a:pt x="1" y="21397"/>
                    </a:lnTo>
                    <a:lnTo>
                      <a:pt x="285056" y="21397"/>
                    </a:lnTo>
                    <a:lnTo>
                      <a:pt x="285056" y="1205"/>
                    </a:lnTo>
                    <a:lnTo>
                      <a:pt x="280934" y="1853"/>
                    </a:lnTo>
                    <a:lnTo>
                      <a:pt x="275840" y="2687"/>
                    </a:lnTo>
                    <a:lnTo>
                      <a:pt x="263382" y="4910"/>
                    </a:lnTo>
                    <a:lnTo>
                      <a:pt x="248700" y="7503"/>
                    </a:lnTo>
                    <a:lnTo>
                      <a:pt x="240874" y="8846"/>
                    </a:lnTo>
                    <a:lnTo>
                      <a:pt x="232861" y="10143"/>
                    </a:lnTo>
                    <a:lnTo>
                      <a:pt x="224849" y="11440"/>
                    </a:lnTo>
                    <a:lnTo>
                      <a:pt x="216884" y="12551"/>
                    </a:lnTo>
                    <a:lnTo>
                      <a:pt x="212993" y="13107"/>
                    </a:lnTo>
                    <a:lnTo>
                      <a:pt x="209196" y="13570"/>
                    </a:lnTo>
                    <a:lnTo>
                      <a:pt x="205491" y="14033"/>
                    </a:lnTo>
                    <a:lnTo>
                      <a:pt x="201878" y="14404"/>
                    </a:lnTo>
                    <a:lnTo>
                      <a:pt x="198405" y="14728"/>
                    </a:lnTo>
                    <a:lnTo>
                      <a:pt x="195070" y="15006"/>
                    </a:lnTo>
                    <a:lnTo>
                      <a:pt x="191875" y="15191"/>
                    </a:lnTo>
                    <a:lnTo>
                      <a:pt x="188864" y="15330"/>
                    </a:lnTo>
                    <a:lnTo>
                      <a:pt x="186039" y="15423"/>
                    </a:lnTo>
                    <a:lnTo>
                      <a:pt x="183446" y="15376"/>
                    </a:lnTo>
                    <a:lnTo>
                      <a:pt x="181037" y="15284"/>
                    </a:lnTo>
                    <a:lnTo>
                      <a:pt x="179926" y="15191"/>
                    </a:lnTo>
                    <a:lnTo>
                      <a:pt x="178907" y="15052"/>
                    </a:lnTo>
                    <a:lnTo>
                      <a:pt x="174044" y="14404"/>
                    </a:lnTo>
                    <a:lnTo>
                      <a:pt x="167746" y="13478"/>
                    </a:lnTo>
                    <a:lnTo>
                      <a:pt x="151721" y="10977"/>
                    </a:lnTo>
                    <a:lnTo>
                      <a:pt x="142366" y="9495"/>
                    </a:lnTo>
                    <a:lnTo>
                      <a:pt x="132455" y="8013"/>
                    </a:lnTo>
                    <a:lnTo>
                      <a:pt x="122128" y="6484"/>
                    </a:lnTo>
                    <a:lnTo>
                      <a:pt x="111661" y="4956"/>
                    </a:lnTo>
                    <a:lnTo>
                      <a:pt x="101194" y="3567"/>
                    </a:lnTo>
                    <a:lnTo>
                      <a:pt x="96053" y="2965"/>
                    </a:lnTo>
                    <a:lnTo>
                      <a:pt x="91005" y="2363"/>
                    </a:lnTo>
                    <a:lnTo>
                      <a:pt x="86096" y="1807"/>
                    </a:lnTo>
                    <a:lnTo>
                      <a:pt x="81280" y="1344"/>
                    </a:lnTo>
                    <a:lnTo>
                      <a:pt x="76695" y="881"/>
                    </a:lnTo>
                    <a:lnTo>
                      <a:pt x="72249" y="556"/>
                    </a:lnTo>
                    <a:lnTo>
                      <a:pt x="68081" y="279"/>
                    </a:lnTo>
                    <a:lnTo>
                      <a:pt x="64098" y="93"/>
                    </a:lnTo>
                    <a:lnTo>
                      <a:pt x="60439" y="1"/>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530" name="Google Shape;530;p33"/>
            <p:cNvSpPr/>
            <p:nvPr/>
          </p:nvSpPr>
          <p:spPr>
            <a:xfrm flipH="1">
              <a:off x="9" y="4618023"/>
              <a:ext cx="9143916" cy="531181"/>
            </a:xfrm>
            <a:custGeom>
              <a:avLst/>
              <a:gdLst/>
              <a:ahLst/>
              <a:cxnLst/>
              <a:rect l="l" t="t" r="r" b="b"/>
              <a:pathLst>
                <a:path w="285057" h="21397" extrusionOk="0">
                  <a:moveTo>
                    <a:pt x="60439" y="1"/>
                  </a:moveTo>
                  <a:lnTo>
                    <a:pt x="57058" y="47"/>
                  </a:lnTo>
                  <a:lnTo>
                    <a:pt x="55530" y="47"/>
                  </a:lnTo>
                  <a:lnTo>
                    <a:pt x="54048" y="140"/>
                  </a:lnTo>
                  <a:lnTo>
                    <a:pt x="52658" y="232"/>
                  </a:lnTo>
                  <a:lnTo>
                    <a:pt x="51362" y="371"/>
                  </a:lnTo>
                  <a:lnTo>
                    <a:pt x="50157" y="510"/>
                  </a:lnTo>
                  <a:lnTo>
                    <a:pt x="49046" y="695"/>
                  </a:lnTo>
                  <a:lnTo>
                    <a:pt x="48073" y="927"/>
                  </a:lnTo>
                  <a:lnTo>
                    <a:pt x="47147" y="1205"/>
                  </a:lnTo>
                  <a:lnTo>
                    <a:pt x="43674" y="2270"/>
                  </a:lnTo>
                  <a:lnTo>
                    <a:pt x="40015" y="3335"/>
                  </a:lnTo>
                  <a:lnTo>
                    <a:pt x="36171" y="4400"/>
                  </a:lnTo>
                  <a:lnTo>
                    <a:pt x="32234" y="5419"/>
                  </a:lnTo>
                  <a:lnTo>
                    <a:pt x="28298" y="6392"/>
                  </a:lnTo>
                  <a:lnTo>
                    <a:pt x="24361" y="7318"/>
                  </a:lnTo>
                  <a:lnTo>
                    <a:pt x="16859" y="9032"/>
                  </a:lnTo>
                  <a:lnTo>
                    <a:pt x="10190" y="10467"/>
                  </a:lnTo>
                  <a:lnTo>
                    <a:pt x="4864" y="11579"/>
                  </a:lnTo>
                  <a:lnTo>
                    <a:pt x="1" y="12551"/>
                  </a:lnTo>
                  <a:lnTo>
                    <a:pt x="1" y="21397"/>
                  </a:lnTo>
                  <a:lnTo>
                    <a:pt x="285056" y="21397"/>
                  </a:lnTo>
                  <a:lnTo>
                    <a:pt x="285056" y="1205"/>
                  </a:lnTo>
                  <a:lnTo>
                    <a:pt x="280934" y="1853"/>
                  </a:lnTo>
                  <a:lnTo>
                    <a:pt x="275840" y="2687"/>
                  </a:lnTo>
                  <a:lnTo>
                    <a:pt x="263382" y="4910"/>
                  </a:lnTo>
                  <a:lnTo>
                    <a:pt x="248700" y="7503"/>
                  </a:lnTo>
                  <a:lnTo>
                    <a:pt x="240874" y="8846"/>
                  </a:lnTo>
                  <a:lnTo>
                    <a:pt x="232861" y="10143"/>
                  </a:lnTo>
                  <a:lnTo>
                    <a:pt x="224849" y="11440"/>
                  </a:lnTo>
                  <a:lnTo>
                    <a:pt x="216884" y="12551"/>
                  </a:lnTo>
                  <a:lnTo>
                    <a:pt x="212993" y="13107"/>
                  </a:lnTo>
                  <a:lnTo>
                    <a:pt x="209196" y="13570"/>
                  </a:lnTo>
                  <a:lnTo>
                    <a:pt x="205491" y="14033"/>
                  </a:lnTo>
                  <a:lnTo>
                    <a:pt x="201878" y="14404"/>
                  </a:lnTo>
                  <a:lnTo>
                    <a:pt x="198405" y="14728"/>
                  </a:lnTo>
                  <a:lnTo>
                    <a:pt x="195070" y="15006"/>
                  </a:lnTo>
                  <a:lnTo>
                    <a:pt x="191875" y="15191"/>
                  </a:lnTo>
                  <a:lnTo>
                    <a:pt x="188864" y="15330"/>
                  </a:lnTo>
                  <a:lnTo>
                    <a:pt x="186039" y="15423"/>
                  </a:lnTo>
                  <a:lnTo>
                    <a:pt x="183446" y="15376"/>
                  </a:lnTo>
                  <a:lnTo>
                    <a:pt x="181037" y="15284"/>
                  </a:lnTo>
                  <a:lnTo>
                    <a:pt x="179926" y="15191"/>
                  </a:lnTo>
                  <a:lnTo>
                    <a:pt x="178907" y="15052"/>
                  </a:lnTo>
                  <a:lnTo>
                    <a:pt x="174044" y="14404"/>
                  </a:lnTo>
                  <a:lnTo>
                    <a:pt x="167746" y="13478"/>
                  </a:lnTo>
                  <a:lnTo>
                    <a:pt x="151721" y="10977"/>
                  </a:lnTo>
                  <a:lnTo>
                    <a:pt x="142366" y="9495"/>
                  </a:lnTo>
                  <a:lnTo>
                    <a:pt x="132455" y="8013"/>
                  </a:lnTo>
                  <a:lnTo>
                    <a:pt x="122128" y="6484"/>
                  </a:lnTo>
                  <a:lnTo>
                    <a:pt x="111661" y="4956"/>
                  </a:lnTo>
                  <a:lnTo>
                    <a:pt x="101194" y="3567"/>
                  </a:lnTo>
                  <a:lnTo>
                    <a:pt x="96053" y="2965"/>
                  </a:lnTo>
                  <a:lnTo>
                    <a:pt x="91005" y="2363"/>
                  </a:lnTo>
                  <a:lnTo>
                    <a:pt x="86096" y="1807"/>
                  </a:lnTo>
                  <a:lnTo>
                    <a:pt x="81280" y="1344"/>
                  </a:lnTo>
                  <a:lnTo>
                    <a:pt x="76695" y="881"/>
                  </a:lnTo>
                  <a:lnTo>
                    <a:pt x="72249" y="556"/>
                  </a:lnTo>
                  <a:lnTo>
                    <a:pt x="68081" y="279"/>
                  </a:lnTo>
                  <a:lnTo>
                    <a:pt x="64098" y="93"/>
                  </a:lnTo>
                  <a:lnTo>
                    <a:pt x="60439" y="1"/>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Tree>
    <p:extLst>
      <p:ext uri="{BB962C8B-B14F-4D97-AF65-F5344CB8AC3E}">
        <p14:creationId xmlns:p14="http://schemas.microsoft.com/office/powerpoint/2010/main" val="1241694452"/>
      </p:ext>
    </p:extLst>
  </p:cSld>
  <p:clrMapOvr>
    <a:masterClrMapping/>
  </p:clrMapOvr>
</p:sldLayout>
</file>

<file path=ppt/slideLayouts/slideLayout116.xml><?xml version="1.0" encoding="utf-8"?>
<p:sldLayout xmlns:a="http://schemas.openxmlformats.org/drawingml/2006/main" xmlns:r="http://schemas.openxmlformats.org/officeDocument/2006/relationships" xmlns:p="http://schemas.openxmlformats.org/presentationml/2006/main" matchingName="Numbers and text 1">
  <p:cSld name="Numbers and text 1">
    <p:spTree>
      <p:nvGrpSpPr>
        <p:cNvPr id="1" name="Shape 531"/>
        <p:cNvGrpSpPr/>
        <p:nvPr/>
      </p:nvGrpSpPr>
      <p:grpSpPr>
        <a:xfrm>
          <a:off x="0" y="0"/>
          <a:ext cx="0" cy="0"/>
          <a:chOff x="0" y="0"/>
          <a:chExt cx="0" cy="0"/>
        </a:xfrm>
      </p:grpSpPr>
      <p:pic>
        <p:nvPicPr>
          <p:cNvPr id="532" name="Google Shape;532;p34"/>
          <p:cNvPicPr preferRelativeResize="0"/>
          <p:nvPr/>
        </p:nvPicPr>
        <p:blipFill rotWithShape="1">
          <a:blip r:embed="rId2">
            <a:alphaModFix amt="58999"/>
          </a:blip>
          <a:srcRect/>
          <a:stretch/>
        </p:blipFill>
        <p:spPr>
          <a:xfrm>
            <a:off x="0" y="0"/>
            <a:ext cx="20320000" cy="11430000"/>
          </a:xfrm>
          <a:prstGeom prst="rect">
            <a:avLst/>
          </a:prstGeom>
          <a:noFill/>
          <a:ln>
            <a:noFill/>
          </a:ln>
        </p:spPr>
      </p:pic>
      <p:grpSp>
        <p:nvGrpSpPr>
          <p:cNvPr id="533" name="Google Shape;533;p34"/>
          <p:cNvGrpSpPr/>
          <p:nvPr/>
        </p:nvGrpSpPr>
        <p:grpSpPr>
          <a:xfrm>
            <a:off x="921445" y="681333"/>
            <a:ext cx="18477111" cy="481333"/>
            <a:chOff x="414650" y="306600"/>
            <a:chExt cx="8314700" cy="216600"/>
          </a:xfrm>
        </p:grpSpPr>
        <p:grpSp>
          <p:nvGrpSpPr>
            <p:cNvPr id="534" name="Google Shape;534;p34"/>
            <p:cNvGrpSpPr/>
            <p:nvPr/>
          </p:nvGrpSpPr>
          <p:grpSpPr>
            <a:xfrm>
              <a:off x="713281" y="389286"/>
              <a:ext cx="7717437" cy="51251"/>
              <a:chOff x="450050" y="465475"/>
              <a:chExt cx="8367600" cy="51241"/>
            </a:xfrm>
          </p:grpSpPr>
          <p:cxnSp>
            <p:nvCxnSpPr>
              <p:cNvPr id="535" name="Google Shape;535;p34"/>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536" name="Google Shape;536;p34"/>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537" name="Google Shape;537;p34"/>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538" name="Google Shape;538;p34"/>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539" name="Google Shape;539;p34"/>
          <p:cNvSpPr txBox="1">
            <a:spLocks noGrp="1"/>
          </p:cNvSpPr>
          <p:nvPr>
            <p:ph type="title" hasCustomPrompt="1"/>
          </p:nvPr>
        </p:nvSpPr>
        <p:spPr>
          <a:xfrm>
            <a:off x="2945944" y="7339555"/>
            <a:ext cx="3108667" cy="1390667"/>
          </a:xfrm>
          <a:prstGeom prst="rect">
            <a:avLst/>
          </a:prstGeom>
          <a:noFill/>
        </p:spPr>
        <p:txBody>
          <a:bodyPr spcFirstLastPara="1" wrap="square" lIns="91425" tIns="91425" rIns="91425" bIns="91425" anchor="ctr" anchorCtr="0">
            <a:noAutofit/>
          </a:bodyPr>
          <a:lstStyle>
            <a:lvl1pPr lvl="0" algn="ctr" rtl="0">
              <a:spcBef>
                <a:spcPts val="0"/>
              </a:spcBef>
              <a:spcAft>
                <a:spcPts val="0"/>
              </a:spcAft>
              <a:buClr>
                <a:schemeClr val="dk2"/>
              </a:buClr>
              <a:buSzPts val="6000"/>
              <a:buNone/>
              <a:defRPr sz="8000">
                <a:solidFill>
                  <a:schemeClr val="dk2"/>
                </a:solidFill>
              </a:defRPr>
            </a:lvl1pPr>
            <a:lvl2pPr lvl="1" algn="ctr" rtl="0">
              <a:spcBef>
                <a:spcPts val="0"/>
              </a:spcBef>
              <a:spcAft>
                <a:spcPts val="0"/>
              </a:spcAft>
              <a:buClr>
                <a:schemeClr val="dk2"/>
              </a:buClr>
              <a:buSzPts val="6000"/>
              <a:buNone/>
              <a:defRPr sz="13333">
                <a:solidFill>
                  <a:schemeClr val="dk2"/>
                </a:solidFill>
              </a:defRPr>
            </a:lvl2pPr>
            <a:lvl3pPr lvl="2" algn="ctr" rtl="0">
              <a:spcBef>
                <a:spcPts val="0"/>
              </a:spcBef>
              <a:spcAft>
                <a:spcPts val="0"/>
              </a:spcAft>
              <a:buClr>
                <a:schemeClr val="dk2"/>
              </a:buClr>
              <a:buSzPts val="6000"/>
              <a:buNone/>
              <a:defRPr sz="13333">
                <a:solidFill>
                  <a:schemeClr val="dk2"/>
                </a:solidFill>
              </a:defRPr>
            </a:lvl3pPr>
            <a:lvl4pPr lvl="3" algn="ctr" rtl="0">
              <a:spcBef>
                <a:spcPts val="0"/>
              </a:spcBef>
              <a:spcAft>
                <a:spcPts val="0"/>
              </a:spcAft>
              <a:buClr>
                <a:schemeClr val="dk2"/>
              </a:buClr>
              <a:buSzPts val="6000"/>
              <a:buNone/>
              <a:defRPr sz="13333">
                <a:solidFill>
                  <a:schemeClr val="dk2"/>
                </a:solidFill>
              </a:defRPr>
            </a:lvl4pPr>
            <a:lvl5pPr lvl="4" algn="ctr" rtl="0">
              <a:spcBef>
                <a:spcPts val="0"/>
              </a:spcBef>
              <a:spcAft>
                <a:spcPts val="0"/>
              </a:spcAft>
              <a:buClr>
                <a:schemeClr val="dk2"/>
              </a:buClr>
              <a:buSzPts val="6000"/>
              <a:buNone/>
              <a:defRPr sz="13333">
                <a:solidFill>
                  <a:schemeClr val="dk2"/>
                </a:solidFill>
              </a:defRPr>
            </a:lvl5pPr>
            <a:lvl6pPr lvl="5" algn="ctr" rtl="0">
              <a:spcBef>
                <a:spcPts val="0"/>
              </a:spcBef>
              <a:spcAft>
                <a:spcPts val="0"/>
              </a:spcAft>
              <a:buClr>
                <a:schemeClr val="dk2"/>
              </a:buClr>
              <a:buSzPts val="6000"/>
              <a:buNone/>
              <a:defRPr sz="13333">
                <a:solidFill>
                  <a:schemeClr val="dk2"/>
                </a:solidFill>
              </a:defRPr>
            </a:lvl6pPr>
            <a:lvl7pPr lvl="6" algn="ctr" rtl="0">
              <a:spcBef>
                <a:spcPts val="0"/>
              </a:spcBef>
              <a:spcAft>
                <a:spcPts val="0"/>
              </a:spcAft>
              <a:buClr>
                <a:schemeClr val="dk2"/>
              </a:buClr>
              <a:buSzPts val="6000"/>
              <a:buNone/>
              <a:defRPr sz="13333">
                <a:solidFill>
                  <a:schemeClr val="dk2"/>
                </a:solidFill>
              </a:defRPr>
            </a:lvl7pPr>
            <a:lvl8pPr lvl="7" algn="ctr" rtl="0">
              <a:spcBef>
                <a:spcPts val="0"/>
              </a:spcBef>
              <a:spcAft>
                <a:spcPts val="0"/>
              </a:spcAft>
              <a:buClr>
                <a:schemeClr val="dk2"/>
              </a:buClr>
              <a:buSzPts val="6000"/>
              <a:buNone/>
              <a:defRPr sz="13333">
                <a:solidFill>
                  <a:schemeClr val="dk2"/>
                </a:solidFill>
              </a:defRPr>
            </a:lvl8pPr>
            <a:lvl9pPr lvl="8" algn="ctr" rtl="0">
              <a:spcBef>
                <a:spcPts val="0"/>
              </a:spcBef>
              <a:spcAft>
                <a:spcPts val="0"/>
              </a:spcAft>
              <a:buClr>
                <a:schemeClr val="dk2"/>
              </a:buClr>
              <a:buSzPts val="6000"/>
              <a:buNone/>
              <a:defRPr sz="13333">
                <a:solidFill>
                  <a:schemeClr val="dk2"/>
                </a:solidFill>
              </a:defRPr>
            </a:lvl9pPr>
          </a:lstStyle>
          <a:p>
            <a:r>
              <a:t>xx%</a:t>
            </a:r>
          </a:p>
        </p:txBody>
      </p:sp>
      <p:sp>
        <p:nvSpPr>
          <p:cNvPr id="540" name="Google Shape;540;p34"/>
          <p:cNvSpPr txBox="1">
            <a:spLocks noGrp="1"/>
          </p:cNvSpPr>
          <p:nvPr>
            <p:ph type="subTitle" idx="1"/>
          </p:nvPr>
        </p:nvSpPr>
        <p:spPr>
          <a:xfrm>
            <a:off x="2085556" y="3051640"/>
            <a:ext cx="4829333" cy="1688000"/>
          </a:xfrm>
          <a:prstGeom prst="rect">
            <a:avLst/>
          </a:prstGeom>
        </p:spPr>
        <p:txBody>
          <a:bodyPr spcFirstLastPara="1" wrap="square" lIns="91425" tIns="91425" rIns="91425" bIns="91425" anchor="b" anchorCtr="0">
            <a:noAutofit/>
          </a:bodyPr>
          <a:lstStyle>
            <a:lvl1pPr lvl="0" algn="ctr" rtl="0">
              <a:lnSpc>
                <a:spcPct val="100000"/>
              </a:lnSpc>
              <a:spcBef>
                <a:spcPts val="0"/>
              </a:spcBef>
              <a:spcAft>
                <a:spcPts val="0"/>
              </a:spcAft>
              <a:buSzPts val="2400"/>
              <a:buNone/>
              <a:defRPr/>
            </a:lvl1pPr>
            <a:lvl2pPr lvl="1" algn="ctr" rtl="0">
              <a:lnSpc>
                <a:spcPct val="100000"/>
              </a:lnSpc>
              <a:spcBef>
                <a:spcPts val="0"/>
              </a:spcBef>
              <a:spcAft>
                <a:spcPts val="0"/>
              </a:spcAft>
              <a:buSzPts val="2100"/>
              <a:buNone/>
              <a:defRPr sz="4667"/>
            </a:lvl2pPr>
            <a:lvl3pPr lvl="2" algn="ctr" rtl="0">
              <a:lnSpc>
                <a:spcPct val="100000"/>
              </a:lnSpc>
              <a:spcBef>
                <a:spcPts val="0"/>
              </a:spcBef>
              <a:spcAft>
                <a:spcPts val="0"/>
              </a:spcAft>
              <a:buSzPts val="2100"/>
              <a:buNone/>
              <a:defRPr sz="4667"/>
            </a:lvl3pPr>
            <a:lvl4pPr lvl="3" algn="ctr" rtl="0">
              <a:lnSpc>
                <a:spcPct val="100000"/>
              </a:lnSpc>
              <a:spcBef>
                <a:spcPts val="0"/>
              </a:spcBef>
              <a:spcAft>
                <a:spcPts val="0"/>
              </a:spcAft>
              <a:buSzPts val="2100"/>
              <a:buNone/>
              <a:defRPr sz="4667"/>
            </a:lvl4pPr>
            <a:lvl5pPr lvl="4" algn="ctr" rtl="0">
              <a:lnSpc>
                <a:spcPct val="100000"/>
              </a:lnSpc>
              <a:spcBef>
                <a:spcPts val="0"/>
              </a:spcBef>
              <a:spcAft>
                <a:spcPts val="0"/>
              </a:spcAft>
              <a:buSzPts val="2100"/>
              <a:buNone/>
              <a:defRPr sz="4667"/>
            </a:lvl5pPr>
            <a:lvl6pPr lvl="5" algn="ctr" rtl="0">
              <a:lnSpc>
                <a:spcPct val="100000"/>
              </a:lnSpc>
              <a:spcBef>
                <a:spcPts val="0"/>
              </a:spcBef>
              <a:spcAft>
                <a:spcPts val="0"/>
              </a:spcAft>
              <a:buSzPts val="2100"/>
              <a:buNone/>
              <a:defRPr sz="4667"/>
            </a:lvl6pPr>
            <a:lvl7pPr lvl="6" algn="ctr" rtl="0">
              <a:lnSpc>
                <a:spcPct val="100000"/>
              </a:lnSpc>
              <a:spcBef>
                <a:spcPts val="0"/>
              </a:spcBef>
              <a:spcAft>
                <a:spcPts val="0"/>
              </a:spcAft>
              <a:buSzPts val="2100"/>
              <a:buNone/>
              <a:defRPr sz="4667"/>
            </a:lvl7pPr>
            <a:lvl8pPr lvl="7" algn="ctr" rtl="0">
              <a:lnSpc>
                <a:spcPct val="100000"/>
              </a:lnSpc>
              <a:spcBef>
                <a:spcPts val="0"/>
              </a:spcBef>
              <a:spcAft>
                <a:spcPts val="0"/>
              </a:spcAft>
              <a:buSzPts val="2100"/>
              <a:buNone/>
              <a:defRPr sz="4667"/>
            </a:lvl8pPr>
            <a:lvl9pPr lvl="8" algn="ctr" rtl="0">
              <a:lnSpc>
                <a:spcPct val="100000"/>
              </a:lnSpc>
              <a:spcBef>
                <a:spcPts val="0"/>
              </a:spcBef>
              <a:spcAft>
                <a:spcPts val="0"/>
              </a:spcAft>
              <a:buSzPts val="2100"/>
              <a:buNone/>
              <a:defRPr sz="4667"/>
            </a:lvl9pPr>
          </a:lstStyle>
          <a:p>
            <a:endParaRPr/>
          </a:p>
        </p:txBody>
      </p:sp>
      <p:sp>
        <p:nvSpPr>
          <p:cNvPr id="541" name="Google Shape;541;p34"/>
          <p:cNvSpPr txBox="1">
            <a:spLocks noGrp="1"/>
          </p:cNvSpPr>
          <p:nvPr>
            <p:ph type="subTitle" idx="2"/>
          </p:nvPr>
        </p:nvSpPr>
        <p:spPr>
          <a:xfrm>
            <a:off x="2085556" y="4621667"/>
            <a:ext cx="4829333" cy="978667"/>
          </a:xfrm>
          <a:prstGeom prst="rect">
            <a:avLst/>
          </a:prstGeom>
        </p:spPr>
        <p:txBody>
          <a:bodyPr spcFirstLastPara="1" wrap="square" lIns="91425" tIns="91425" rIns="91425" bIns="91425" anchor="t" anchorCtr="0">
            <a:noAutofit/>
          </a:bodyPr>
          <a:lstStyle>
            <a:lvl1pPr lvl="0" algn="ctr" rtl="0">
              <a:lnSpc>
                <a:spcPct val="100000"/>
              </a:lnSpc>
              <a:spcBef>
                <a:spcPts val="0"/>
              </a:spcBef>
              <a:spcAft>
                <a:spcPts val="0"/>
              </a:spcAft>
              <a:buClr>
                <a:schemeClr val="dk1"/>
              </a:buClr>
              <a:buSzPts val="2400"/>
              <a:buFont typeface="Orelega One"/>
              <a:buNone/>
              <a:defRPr sz="4889">
                <a:solidFill>
                  <a:schemeClr val="dk1"/>
                </a:solidFill>
                <a:latin typeface="Orelega One"/>
                <a:ea typeface="Orelega One"/>
                <a:cs typeface="Orelega One"/>
                <a:sym typeface="Orelega One"/>
              </a:defRPr>
            </a:lvl1pPr>
            <a:lvl2pPr lvl="1" algn="ctr" rtl="0">
              <a:lnSpc>
                <a:spcPct val="100000"/>
              </a:lnSpc>
              <a:spcBef>
                <a:spcPts val="0"/>
              </a:spcBef>
              <a:spcAft>
                <a:spcPts val="0"/>
              </a:spcAft>
              <a:buClr>
                <a:schemeClr val="dk1"/>
              </a:buClr>
              <a:buSzPts val="2400"/>
              <a:buFont typeface="Orelega One"/>
              <a:buNone/>
              <a:defRPr sz="5333">
                <a:solidFill>
                  <a:schemeClr val="dk1"/>
                </a:solidFill>
                <a:latin typeface="Orelega One"/>
                <a:ea typeface="Orelega One"/>
                <a:cs typeface="Orelega One"/>
                <a:sym typeface="Orelega One"/>
              </a:defRPr>
            </a:lvl2pPr>
            <a:lvl3pPr lvl="2" algn="ctr" rtl="0">
              <a:lnSpc>
                <a:spcPct val="100000"/>
              </a:lnSpc>
              <a:spcBef>
                <a:spcPts val="0"/>
              </a:spcBef>
              <a:spcAft>
                <a:spcPts val="0"/>
              </a:spcAft>
              <a:buClr>
                <a:schemeClr val="dk1"/>
              </a:buClr>
              <a:buSzPts val="2400"/>
              <a:buFont typeface="Orelega One"/>
              <a:buNone/>
              <a:defRPr sz="5333">
                <a:solidFill>
                  <a:schemeClr val="dk1"/>
                </a:solidFill>
                <a:latin typeface="Orelega One"/>
                <a:ea typeface="Orelega One"/>
                <a:cs typeface="Orelega One"/>
                <a:sym typeface="Orelega One"/>
              </a:defRPr>
            </a:lvl3pPr>
            <a:lvl4pPr lvl="3" algn="ctr" rtl="0">
              <a:lnSpc>
                <a:spcPct val="100000"/>
              </a:lnSpc>
              <a:spcBef>
                <a:spcPts val="0"/>
              </a:spcBef>
              <a:spcAft>
                <a:spcPts val="0"/>
              </a:spcAft>
              <a:buClr>
                <a:schemeClr val="dk1"/>
              </a:buClr>
              <a:buSzPts val="2400"/>
              <a:buFont typeface="Orelega One"/>
              <a:buNone/>
              <a:defRPr sz="5333">
                <a:solidFill>
                  <a:schemeClr val="dk1"/>
                </a:solidFill>
                <a:latin typeface="Orelega One"/>
                <a:ea typeface="Orelega One"/>
                <a:cs typeface="Orelega One"/>
                <a:sym typeface="Orelega One"/>
              </a:defRPr>
            </a:lvl4pPr>
            <a:lvl5pPr lvl="4" algn="ctr" rtl="0">
              <a:lnSpc>
                <a:spcPct val="100000"/>
              </a:lnSpc>
              <a:spcBef>
                <a:spcPts val="0"/>
              </a:spcBef>
              <a:spcAft>
                <a:spcPts val="0"/>
              </a:spcAft>
              <a:buClr>
                <a:schemeClr val="dk1"/>
              </a:buClr>
              <a:buSzPts val="2400"/>
              <a:buFont typeface="Orelega One"/>
              <a:buNone/>
              <a:defRPr sz="5333">
                <a:solidFill>
                  <a:schemeClr val="dk1"/>
                </a:solidFill>
                <a:latin typeface="Orelega One"/>
                <a:ea typeface="Orelega One"/>
                <a:cs typeface="Orelega One"/>
                <a:sym typeface="Orelega One"/>
              </a:defRPr>
            </a:lvl5pPr>
            <a:lvl6pPr lvl="5" algn="ctr" rtl="0">
              <a:lnSpc>
                <a:spcPct val="100000"/>
              </a:lnSpc>
              <a:spcBef>
                <a:spcPts val="0"/>
              </a:spcBef>
              <a:spcAft>
                <a:spcPts val="0"/>
              </a:spcAft>
              <a:buClr>
                <a:schemeClr val="dk1"/>
              </a:buClr>
              <a:buSzPts val="2400"/>
              <a:buFont typeface="Orelega One"/>
              <a:buNone/>
              <a:defRPr sz="5333">
                <a:solidFill>
                  <a:schemeClr val="dk1"/>
                </a:solidFill>
                <a:latin typeface="Orelega One"/>
                <a:ea typeface="Orelega One"/>
                <a:cs typeface="Orelega One"/>
                <a:sym typeface="Orelega One"/>
              </a:defRPr>
            </a:lvl6pPr>
            <a:lvl7pPr lvl="6" algn="ctr" rtl="0">
              <a:lnSpc>
                <a:spcPct val="100000"/>
              </a:lnSpc>
              <a:spcBef>
                <a:spcPts val="0"/>
              </a:spcBef>
              <a:spcAft>
                <a:spcPts val="0"/>
              </a:spcAft>
              <a:buClr>
                <a:schemeClr val="dk1"/>
              </a:buClr>
              <a:buSzPts val="2400"/>
              <a:buFont typeface="Orelega One"/>
              <a:buNone/>
              <a:defRPr sz="5333">
                <a:solidFill>
                  <a:schemeClr val="dk1"/>
                </a:solidFill>
                <a:latin typeface="Orelega One"/>
                <a:ea typeface="Orelega One"/>
                <a:cs typeface="Orelega One"/>
                <a:sym typeface="Orelega One"/>
              </a:defRPr>
            </a:lvl7pPr>
            <a:lvl8pPr lvl="7" algn="ctr" rtl="0">
              <a:lnSpc>
                <a:spcPct val="100000"/>
              </a:lnSpc>
              <a:spcBef>
                <a:spcPts val="0"/>
              </a:spcBef>
              <a:spcAft>
                <a:spcPts val="0"/>
              </a:spcAft>
              <a:buClr>
                <a:schemeClr val="dk1"/>
              </a:buClr>
              <a:buSzPts val="2400"/>
              <a:buFont typeface="Orelega One"/>
              <a:buNone/>
              <a:defRPr sz="5333">
                <a:solidFill>
                  <a:schemeClr val="dk1"/>
                </a:solidFill>
                <a:latin typeface="Orelega One"/>
                <a:ea typeface="Orelega One"/>
                <a:cs typeface="Orelega One"/>
                <a:sym typeface="Orelega One"/>
              </a:defRPr>
            </a:lvl8pPr>
            <a:lvl9pPr lvl="8" algn="ctr" rtl="0">
              <a:lnSpc>
                <a:spcPct val="100000"/>
              </a:lnSpc>
              <a:spcBef>
                <a:spcPts val="0"/>
              </a:spcBef>
              <a:spcAft>
                <a:spcPts val="0"/>
              </a:spcAft>
              <a:buClr>
                <a:schemeClr val="dk1"/>
              </a:buClr>
              <a:buSzPts val="2400"/>
              <a:buFont typeface="Orelega One"/>
              <a:buNone/>
              <a:defRPr sz="5333">
                <a:solidFill>
                  <a:schemeClr val="dk1"/>
                </a:solidFill>
                <a:latin typeface="Orelega One"/>
                <a:ea typeface="Orelega One"/>
                <a:cs typeface="Orelega One"/>
                <a:sym typeface="Orelega One"/>
              </a:defRPr>
            </a:lvl9pPr>
          </a:lstStyle>
          <a:p>
            <a:endParaRPr/>
          </a:p>
        </p:txBody>
      </p:sp>
      <p:sp>
        <p:nvSpPr>
          <p:cNvPr id="542" name="Google Shape;542;p34"/>
          <p:cNvSpPr txBox="1">
            <a:spLocks noGrp="1"/>
          </p:cNvSpPr>
          <p:nvPr>
            <p:ph type="title" idx="3" hasCustomPrompt="1"/>
          </p:nvPr>
        </p:nvSpPr>
        <p:spPr>
          <a:xfrm>
            <a:off x="8606889" y="7339555"/>
            <a:ext cx="3106000" cy="1390667"/>
          </a:xfrm>
          <a:prstGeom prst="rect">
            <a:avLst/>
          </a:prstGeom>
          <a:noFill/>
        </p:spPr>
        <p:txBody>
          <a:bodyPr spcFirstLastPara="1" wrap="square" lIns="91425" tIns="91425" rIns="91425" bIns="91425" anchor="ctr" anchorCtr="0">
            <a:noAutofit/>
          </a:bodyPr>
          <a:lstStyle>
            <a:lvl1pPr lvl="0" algn="ctr" rtl="0">
              <a:spcBef>
                <a:spcPts val="0"/>
              </a:spcBef>
              <a:spcAft>
                <a:spcPts val="0"/>
              </a:spcAft>
              <a:buClr>
                <a:schemeClr val="dk2"/>
              </a:buClr>
              <a:buSzPts val="6000"/>
              <a:buNone/>
              <a:defRPr sz="8000">
                <a:solidFill>
                  <a:schemeClr val="dk2"/>
                </a:solidFill>
              </a:defRPr>
            </a:lvl1pPr>
            <a:lvl2pPr lvl="1" algn="ctr" rtl="0">
              <a:spcBef>
                <a:spcPts val="0"/>
              </a:spcBef>
              <a:spcAft>
                <a:spcPts val="0"/>
              </a:spcAft>
              <a:buClr>
                <a:schemeClr val="dk2"/>
              </a:buClr>
              <a:buSzPts val="6000"/>
              <a:buNone/>
              <a:defRPr sz="13333">
                <a:solidFill>
                  <a:schemeClr val="dk2"/>
                </a:solidFill>
              </a:defRPr>
            </a:lvl2pPr>
            <a:lvl3pPr lvl="2" algn="ctr" rtl="0">
              <a:spcBef>
                <a:spcPts val="0"/>
              </a:spcBef>
              <a:spcAft>
                <a:spcPts val="0"/>
              </a:spcAft>
              <a:buClr>
                <a:schemeClr val="dk2"/>
              </a:buClr>
              <a:buSzPts val="6000"/>
              <a:buNone/>
              <a:defRPr sz="13333">
                <a:solidFill>
                  <a:schemeClr val="dk2"/>
                </a:solidFill>
              </a:defRPr>
            </a:lvl3pPr>
            <a:lvl4pPr lvl="3" algn="ctr" rtl="0">
              <a:spcBef>
                <a:spcPts val="0"/>
              </a:spcBef>
              <a:spcAft>
                <a:spcPts val="0"/>
              </a:spcAft>
              <a:buClr>
                <a:schemeClr val="dk2"/>
              </a:buClr>
              <a:buSzPts val="6000"/>
              <a:buNone/>
              <a:defRPr sz="13333">
                <a:solidFill>
                  <a:schemeClr val="dk2"/>
                </a:solidFill>
              </a:defRPr>
            </a:lvl4pPr>
            <a:lvl5pPr lvl="4" algn="ctr" rtl="0">
              <a:spcBef>
                <a:spcPts val="0"/>
              </a:spcBef>
              <a:spcAft>
                <a:spcPts val="0"/>
              </a:spcAft>
              <a:buClr>
                <a:schemeClr val="dk2"/>
              </a:buClr>
              <a:buSzPts val="6000"/>
              <a:buNone/>
              <a:defRPr sz="13333">
                <a:solidFill>
                  <a:schemeClr val="dk2"/>
                </a:solidFill>
              </a:defRPr>
            </a:lvl5pPr>
            <a:lvl6pPr lvl="5" algn="ctr" rtl="0">
              <a:spcBef>
                <a:spcPts val="0"/>
              </a:spcBef>
              <a:spcAft>
                <a:spcPts val="0"/>
              </a:spcAft>
              <a:buClr>
                <a:schemeClr val="dk2"/>
              </a:buClr>
              <a:buSzPts val="6000"/>
              <a:buNone/>
              <a:defRPr sz="13333">
                <a:solidFill>
                  <a:schemeClr val="dk2"/>
                </a:solidFill>
              </a:defRPr>
            </a:lvl6pPr>
            <a:lvl7pPr lvl="6" algn="ctr" rtl="0">
              <a:spcBef>
                <a:spcPts val="0"/>
              </a:spcBef>
              <a:spcAft>
                <a:spcPts val="0"/>
              </a:spcAft>
              <a:buClr>
                <a:schemeClr val="dk2"/>
              </a:buClr>
              <a:buSzPts val="6000"/>
              <a:buNone/>
              <a:defRPr sz="13333">
                <a:solidFill>
                  <a:schemeClr val="dk2"/>
                </a:solidFill>
              </a:defRPr>
            </a:lvl7pPr>
            <a:lvl8pPr lvl="7" algn="ctr" rtl="0">
              <a:spcBef>
                <a:spcPts val="0"/>
              </a:spcBef>
              <a:spcAft>
                <a:spcPts val="0"/>
              </a:spcAft>
              <a:buClr>
                <a:schemeClr val="dk2"/>
              </a:buClr>
              <a:buSzPts val="6000"/>
              <a:buNone/>
              <a:defRPr sz="13333">
                <a:solidFill>
                  <a:schemeClr val="dk2"/>
                </a:solidFill>
              </a:defRPr>
            </a:lvl8pPr>
            <a:lvl9pPr lvl="8" algn="ctr" rtl="0">
              <a:spcBef>
                <a:spcPts val="0"/>
              </a:spcBef>
              <a:spcAft>
                <a:spcPts val="0"/>
              </a:spcAft>
              <a:buClr>
                <a:schemeClr val="dk2"/>
              </a:buClr>
              <a:buSzPts val="6000"/>
              <a:buNone/>
              <a:defRPr sz="13333">
                <a:solidFill>
                  <a:schemeClr val="dk2"/>
                </a:solidFill>
              </a:defRPr>
            </a:lvl9pPr>
          </a:lstStyle>
          <a:p>
            <a:r>
              <a:t>xx%</a:t>
            </a:r>
          </a:p>
        </p:txBody>
      </p:sp>
      <p:sp>
        <p:nvSpPr>
          <p:cNvPr id="543" name="Google Shape;543;p34"/>
          <p:cNvSpPr txBox="1">
            <a:spLocks noGrp="1"/>
          </p:cNvSpPr>
          <p:nvPr>
            <p:ph type="subTitle" idx="4"/>
          </p:nvPr>
        </p:nvSpPr>
        <p:spPr>
          <a:xfrm>
            <a:off x="7745334" y="3051640"/>
            <a:ext cx="4829333" cy="1688000"/>
          </a:xfrm>
          <a:prstGeom prst="rect">
            <a:avLst/>
          </a:prstGeom>
        </p:spPr>
        <p:txBody>
          <a:bodyPr spcFirstLastPara="1" wrap="square" lIns="91425" tIns="91425" rIns="91425" bIns="91425" anchor="b" anchorCtr="0">
            <a:noAutofit/>
          </a:bodyPr>
          <a:lstStyle>
            <a:lvl1pPr lvl="0" algn="ctr" rtl="0">
              <a:lnSpc>
                <a:spcPct val="100000"/>
              </a:lnSpc>
              <a:spcBef>
                <a:spcPts val="0"/>
              </a:spcBef>
              <a:spcAft>
                <a:spcPts val="0"/>
              </a:spcAft>
              <a:buSzPts val="2400"/>
              <a:buNone/>
              <a:defRPr/>
            </a:lvl1pPr>
            <a:lvl2pPr lvl="1" algn="ctr" rtl="0">
              <a:lnSpc>
                <a:spcPct val="100000"/>
              </a:lnSpc>
              <a:spcBef>
                <a:spcPts val="0"/>
              </a:spcBef>
              <a:spcAft>
                <a:spcPts val="0"/>
              </a:spcAft>
              <a:buSzPts val="2100"/>
              <a:buNone/>
              <a:defRPr sz="4667"/>
            </a:lvl2pPr>
            <a:lvl3pPr lvl="2" algn="ctr" rtl="0">
              <a:lnSpc>
                <a:spcPct val="100000"/>
              </a:lnSpc>
              <a:spcBef>
                <a:spcPts val="0"/>
              </a:spcBef>
              <a:spcAft>
                <a:spcPts val="0"/>
              </a:spcAft>
              <a:buSzPts val="2100"/>
              <a:buNone/>
              <a:defRPr sz="4667"/>
            </a:lvl3pPr>
            <a:lvl4pPr lvl="3" algn="ctr" rtl="0">
              <a:lnSpc>
                <a:spcPct val="100000"/>
              </a:lnSpc>
              <a:spcBef>
                <a:spcPts val="0"/>
              </a:spcBef>
              <a:spcAft>
                <a:spcPts val="0"/>
              </a:spcAft>
              <a:buSzPts val="2100"/>
              <a:buNone/>
              <a:defRPr sz="4667"/>
            </a:lvl4pPr>
            <a:lvl5pPr lvl="4" algn="ctr" rtl="0">
              <a:lnSpc>
                <a:spcPct val="100000"/>
              </a:lnSpc>
              <a:spcBef>
                <a:spcPts val="0"/>
              </a:spcBef>
              <a:spcAft>
                <a:spcPts val="0"/>
              </a:spcAft>
              <a:buSzPts val="2100"/>
              <a:buNone/>
              <a:defRPr sz="4667"/>
            </a:lvl5pPr>
            <a:lvl6pPr lvl="5" algn="ctr" rtl="0">
              <a:lnSpc>
                <a:spcPct val="100000"/>
              </a:lnSpc>
              <a:spcBef>
                <a:spcPts val="0"/>
              </a:spcBef>
              <a:spcAft>
                <a:spcPts val="0"/>
              </a:spcAft>
              <a:buSzPts val="2100"/>
              <a:buNone/>
              <a:defRPr sz="4667"/>
            </a:lvl6pPr>
            <a:lvl7pPr lvl="6" algn="ctr" rtl="0">
              <a:lnSpc>
                <a:spcPct val="100000"/>
              </a:lnSpc>
              <a:spcBef>
                <a:spcPts val="0"/>
              </a:spcBef>
              <a:spcAft>
                <a:spcPts val="0"/>
              </a:spcAft>
              <a:buSzPts val="2100"/>
              <a:buNone/>
              <a:defRPr sz="4667"/>
            </a:lvl7pPr>
            <a:lvl8pPr lvl="7" algn="ctr" rtl="0">
              <a:lnSpc>
                <a:spcPct val="100000"/>
              </a:lnSpc>
              <a:spcBef>
                <a:spcPts val="0"/>
              </a:spcBef>
              <a:spcAft>
                <a:spcPts val="0"/>
              </a:spcAft>
              <a:buSzPts val="2100"/>
              <a:buNone/>
              <a:defRPr sz="4667"/>
            </a:lvl8pPr>
            <a:lvl9pPr lvl="8" algn="ctr" rtl="0">
              <a:lnSpc>
                <a:spcPct val="100000"/>
              </a:lnSpc>
              <a:spcBef>
                <a:spcPts val="0"/>
              </a:spcBef>
              <a:spcAft>
                <a:spcPts val="0"/>
              </a:spcAft>
              <a:buSzPts val="2100"/>
              <a:buNone/>
              <a:defRPr sz="4667"/>
            </a:lvl9pPr>
          </a:lstStyle>
          <a:p>
            <a:endParaRPr/>
          </a:p>
        </p:txBody>
      </p:sp>
      <p:sp>
        <p:nvSpPr>
          <p:cNvPr id="544" name="Google Shape;544;p34"/>
          <p:cNvSpPr txBox="1">
            <a:spLocks noGrp="1"/>
          </p:cNvSpPr>
          <p:nvPr>
            <p:ph type="subTitle" idx="5"/>
          </p:nvPr>
        </p:nvSpPr>
        <p:spPr>
          <a:xfrm>
            <a:off x="7745334" y="4621667"/>
            <a:ext cx="4829333" cy="978667"/>
          </a:xfrm>
          <a:prstGeom prst="rect">
            <a:avLst/>
          </a:prstGeom>
        </p:spPr>
        <p:txBody>
          <a:bodyPr spcFirstLastPara="1" wrap="square" lIns="91425" tIns="91425" rIns="91425" bIns="91425" anchor="t" anchorCtr="0">
            <a:noAutofit/>
          </a:bodyPr>
          <a:lstStyle>
            <a:lvl1pPr lvl="0" algn="ctr" rtl="0">
              <a:lnSpc>
                <a:spcPct val="100000"/>
              </a:lnSpc>
              <a:spcBef>
                <a:spcPts val="0"/>
              </a:spcBef>
              <a:spcAft>
                <a:spcPts val="0"/>
              </a:spcAft>
              <a:buClr>
                <a:schemeClr val="dk1"/>
              </a:buClr>
              <a:buSzPts val="2400"/>
              <a:buFont typeface="Orelega One"/>
              <a:buNone/>
              <a:defRPr sz="4889">
                <a:solidFill>
                  <a:schemeClr val="dk1"/>
                </a:solidFill>
                <a:latin typeface="Orelega One"/>
                <a:ea typeface="Orelega One"/>
                <a:cs typeface="Orelega One"/>
                <a:sym typeface="Orelega One"/>
              </a:defRPr>
            </a:lvl1pPr>
            <a:lvl2pPr lvl="1" algn="ctr" rtl="0">
              <a:lnSpc>
                <a:spcPct val="100000"/>
              </a:lnSpc>
              <a:spcBef>
                <a:spcPts val="0"/>
              </a:spcBef>
              <a:spcAft>
                <a:spcPts val="0"/>
              </a:spcAft>
              <a:buClr>
                <a:schemeClr val="dk1"/>
              </a:buClr>
              <a:buSzPts val="2400"/>
              <a:buFont typeface="Orelega One"/>
              <a:buNone/>
              <a:defRPr sz="5333">
                <a:solidFill>
                  <a:schemeClr val="dk1"/>
                </a:solidFill>
                <a:latin typeface="Orelega One"/>
                <a:ea typeface="Orelega One"/>
                <a:cs typeface="Orelega One"/>
                <a:sym typeface="Orelega One"/>
              </a:defRPr>
            </a:lvl2pPr>
            <a:lvl3pPr lvl="2" algn="ctr" rtl="0">
              <a:lnSpc>
                <a:spcPct val="100000"/>
              </a:lnSpc>
              <a:spcBef>
                <a:spcPts val="0"/>
              </a:spcBef>
              <a:spcAft>
                <a:spcPts val="0"/>
              </a:spcAft>
              <a:buClr>
                <a:schemeClr val="dk1"/>
              </a:buClr>
              <a:buSzPts val="2400"/>
              <a:buFont typeface="Orelega One"/>
              <a:buNone/>
              <a:defRPr sz="5333">
                <a:solidFill>
                  <a:schemeClr val="dk1"/>
                </a:solidFill>
                <a:latin typeface="Orelega One"/>
                <a:ea typeface="Orelega One"/>
                <a:cs typeface="Orelega One"/>
                <a:sym typeface="Orelega One"/>
              </a:defRPr>
            </a:lvl3pPr>
            <a:lvl4pPr lvl="3" algn="ctr" rtl="0">
              <a:lnSpc>
                <a:spcPct val="100000"/>
              </a:lnSpc>
              <a:spcBef>
                <a:spcPts val="0"/>
              </a:spcBef>
              <a:spcAft>
                <a:spcPts val="0"/>
              </a:spcAft>
              <a:buClr>
                <a:schemeClr val="dk1"/>
              </a:buClr>
              <a:buSzPts val="2400"/>
              <a:buFont typeface="Orelega One"/>
              <a:buNone/>
              <a:defRPr sz="5333">
                <a:solidFill>
                  <a:schemeClr val="dk1"/>
                </a:solidFill>
                <a:latin typeface="Orelega One"/>
                <a:ea typeface="Orelega One"/>
                <a:cs typeface="Orelega One"/>
                <a:sym typeface="Orelega One"/>
              </a:defRPr>
            </a:lvl4pPr>
            <a:lvl5pPr lvl="4" algn="ctr" rtl="0">
              <a:lnSpc>
                <a:spcPct val="100000"/>
              </a:lnSpc>
              <a:spcBef>
                <a:spcPts val="0"/>
              </a:spcBef>
              <a:spcAft>
                <a:spcPts val="0"/>
              </a:spcAft>
              <a:buClr>
                <a:schemeClr val="dk1"/>
              </a:buClr>
              <a:buSzPts val="2400"/>
              <a:buFont typeface="Orelega One"/>
              <a:buNone/>
              <a:defRPr sz="5333">
                <a:solidFill>
                  <a:schemeClr val="dk1"/>
                </a:solidFill>
                <a:latin typeface="Orelega One"/>
                <a:ea typeface="Orelega One"/>
                <a:cs typeface="Orelega One"/>
                <a:sym typeface="Orelega One"/>
              </a:defRPr>
            </a:lvl5pPr>
            <a:lvl6pPr lvl="5" algn="ctr" rtl="0">
              <a:lnSpc>
                <a:spcPct val="100000"/>
              </a:lnSpc>
              <a:spcBef>
                <a:spcPts val="0"/>
              </a:spcBef>
              <a:spcAft>
                <a:spcPts val="0"/>
              </a:spcAft>
              <a:buClr>
                <a:schemeClr val="dk1"/>
              </a:buClr>
              <a:buSzPts val="2400"/>
              <a:buFont typeface="Orelega One"/>
              <a:buNone/>
              <a:defRPr sz="5333">
                <a:solidFill>
                  <a:schemeClr val="dk1"/>
                </a:solidFill>
                <a:latin typeface="Orelega One"/>
                <a:ea typeface="Orelega One"/>
                <a:cs typeface="Orelega One"/>
                <a:sym typeface="Orelega One"/>
              </a:defRPr>
            </a:lvl6pPr>
            <a:lvl7pPr lvl="6" algn="ctr" rtl="0">
              <a:lnSpc>
                <a:spcPct val="100000"/>
              </a:lnSpc>
              <a:spcBef>
                <a:spcPts val="0"/>
              </a:spcBef>
              <a:spcAft>
                <a:spcPts val="0"/>
              </a:spcAft>
              <a:buClr>
                <a:schemeClr val="dk1"/>
              </a:buClr>
              <a:buSzPts val="2400"/>
              <a:buFont typeface="Orelega One"/>
              <a:buNone/>
              <a:defRPr sz="5333">
                <a:solidFill>
                  <a:schemeClr val="dk1"/>
                </a:solidFill>
                <a:latin typeface="Orelega One"/>
                <a:ea typeface="Orelega One"/>
                <a:cs typeface="Orelega One"/>
                <a:sym typeface="Orelega One"/>
              </a:defRPr>
            </a:lvl7pPr>
            <a:lvl8pPr lvl="7" algn="ctr" rtl="0">
              <a:lnSpc>
                <a:spcPct val="100000"/>
              </a:lnSpc>
              <a:spcBef>
                <a:spcPts val="0"/>
              </a:spcBef>
              <a:spcAft>
                <a:spcPts val="0"/>
              </a:spcAft>
              <a:buClr>
                <a:schemeClr val="dk1"/>
              </a:buClr>
              <a:buSzPts val="2400"/>
              <a:buFont typeface="Orelega One"/>
              <a:buNone/>
              <a:defRPr sz="5333">
                <a:solidFill>
                  <a:schemeClr val="dk1"/>
                </a:solidFill>
                <a:latin typeface="Orelega One"/>
                <a:ea typeface="Orelega One"/>
                <a:cs typeface="Orelega One"/>
                <a:sym typeface="Orelega One"/>
              </a:defRPr>
            </a:lvl8pPr>
            <a:lvl9pPr lvl="8" algn="ctr" rtl="0">
              <a:lnSpc>
                <a:spcPct val="100000"/>
              </a:lnSpc>
              <a:spcBef>
                <a:spcPts val="0"/>
              </a:spcBef>
              <a:spcAft>
                <a:spcPts val="0"/>
              </a:spcAft>
              <a:buClr>
                <a:schemeClr val="dk1"/>
              </a:buClr>
              <a:buSzPts val="2400"/>
              <a:buFont typeface="Orelega One"/>
              <a:buNone/>
              <a:defRPr sz="5333">
                <a:solidFill>
                  <a:schemeClr val="dk1"/>
                </a:solidFill>
                <a:latin typeface="Orelega One"/>
                <a:ea typeface="Orelega One"/>
                <a:cs typeface="Orelega One"/>
                <a:sym typeface="Orelega One"/>
              </a:defRPr>
            </a:lvl9pPr>
          </a:lstStyle>
          <a:p>
            <a:endParaRPr/>
          </a:p>
        </p:txBody>
      </p:sp>
      <p:sp>
        <p:nvSpPr>
          <p:cNvPr id="545" name="Google Shape;545;p34"/>
          <p:cNvSpPr txBox="1">
            <a:spLocks noGrp="1"/>
          </p:cNvSpPr>
          <p:nvPr>
            <p:ph type="title" idx="6" hasCustomPrompt="1"/>
          </p:nvPr>
        </p:nvSpPr>
        <p:spPr>
          <a:xfrm>
            <a:off x="14261500" y="7339555"/>
            <a:ext cx="3106000" cy="1390667"/>
          </a:xfrm>
          <a:prstGeom prst="rect">
            <a:avLst/>
          </a:prstGeom>
          <a:noFill/>
        </p:spPr>
        <p:txBody>
          <a:bodyPr spcFirstLastPara="1" wrap="square" lIns="91425" tIns="91425" rIns="91425" bIns="91425" anchor="ctr" anchorCtr="0">
            <a:noAutofit/>
          </a:bodyPr>
          <a:lstStyle>
            <a:lvl1pPr lvl="0" algn="ctr" rtl="0">
              <a:spcBef>
                <a:spcPts val="0"/>
              </a:spcBef>
              <a:spcAft>
                <a:spcPts val="0"/>
              </a:spcAft>
              <a:buClr>
                <a:schemeClr val="dk2"/>
              </a:buClr>
              <a:buSzPts val="6000"/>
              <a:buNone/>
              <a:defRPr sz="8000">
                <a:solidFill>
                  <a:schemeClr val="dk2"/>
                </a:solidFill>
              </a:defRPr>
            </a:lvl1pPr>
            <a:lvl2pPr lvl="1" algn="ctr" rtl="0">
              <a:spcBef>
                <a:spcPts val="0"/>
              </a:spcBef>
              <a:spcAft>
                <a:spcPts val="0"/>
              </a:spcAft>
              <a:buClr>
                <a:schemeClr val="dk2"/>
              </a:buClr>
              <a:buSzPts val="6000"/>
              <a:buNone/>
              <a:defRPr sz="13333">
                <a:solidFill>
                  <a:schemeClr val="dk2"/>
                </a:solidFill>
              </a:defRPr>
            </a:lvl2pPr>
            <a:lvl3pPr lvl="2" algn="ctr" rtl="0">
              <a:spcBef>
                <a:spcPts val="0"/>
              </a:spcBef>
              <a:spcAft>
                <a:spcPts val="0"/>
              </a:spcAft>
              <a:buClr>
                <a:schemeClr val="dk2"/>
              </a:buClr>
              <a:buSzPts val="6000"/>
              <a:buNone/>
              <a:defRPr sz="13333">
                <a:solidFill>
                  <a:schemeClr val="dk2"/>
                </a:solidFill>
              </a:defRPr>
            </a:lvl3pPr>
            <a:lvl4pPr lvl="3" algn="ctr" rtl="0">
              <a:spcBef>
                <a:spcPts val="0"/>
              </a:spcBef>
              <a:spcAft>
                <a:spcPts val="0"/>
              </a:spcAft>
              <a:buClr>
                <a:schemeClr val="dk2"/>
              </a:buClr>
              <a:buSzPts val="6000"/>
              <a:buNone/>
              <a:defRPr sz="13333">
                <a:solidFill>
                  <a:schemeClr val="dk2"/>
                </a:solidFill>
              </a:defRPr>
            </a:lvl4pPr>
            <a:lvl5pPr lvl="4" algn="ctr" rtl="0">
              <a:spcBef>
                <a:spcPts val="0"/>
              </a:spcBef>
              <a:spcAft>
                <a:spcPts val="0"/>
              </a:spcAft>
              <a:buClr>
                <a:schemeClr val="dk2"/>
              </a:buClr>
              <a:buSzPts val="6000"/>
              <a:buNone/>
              <a:defRPr sz="13333">
                <a:solidFill>
                  <a:schemeClr val="dk2"/>
                </a:solidFill>
              </a:defRPr>
            </a:lvl5pPr>
            <a:lvl6pPr lvl="5" algn="ctr" rtl="0">
              <a:spcBef>
                <a:spcPts val="0"/>
              </a:spcBef>
              <a:spcAft>
                <a:spcPts val="0"/>
              </a:spcAft>
              <a:buClr>
                <a:schemeClr val="dk2"/>
              </a:buClr>
              <a:buSzPts val="6000"/>
              <a:buNone/>
              <a:defRPr sz="13333">
                <a:solidFill>
                  <a:schemeClr val="dk2"/>
                </a:solidFill>
              </a:defRPr>
            </a:lvl6pPr>
            <a:lvl7pPr lvl="6" algn="ctr" rtl="0">
              <a:spcBef>
                <a:spcPts val="0"/>
              </a:spcBef>
              <a:spcAft>
                <a:spcPts val="0"/>
              </a:spcAft>
              <a:buClr>
                <a:schemeClr val="dk2"/>
              </a:buClr>
              <a:buSzPts val="6000"/>
              <a:buNone/>
              <a:defRPr sz="13333">
                <a:solidFill>
                  <a:schemeClr val="dk2"/>
                </a:solidFill>
              </a:defRPr>
            </a:lvl7pPr>
            <a:lvl8pPr lvl="7" algn="ctr" rtl="0">
              <a:spcBef>
                <a:spcPts val="0"/>
              </a:spcBef>
              <a:spcAft>
                <a:spcPts val="0"/>
              </a:spcAft>
              <a:buClr>
                <a:schemeClr val="dk2"/>
              </a:buClr>
              <a:buSzPts val="6000"/>
              <a:buNone/>
              <a:defRPr sz="13333">
                <a:solidFill>
                  <a:schemeClr val="dk2"/>
                </a:solidFill>
              </a:defRPr>
            </a:lvl8pPr>
            <a:lvl9pPr lvl="8" algn="ctr" rtl="0">
              <a:spcBef>
                <a:spcPts val="0"/>
              </a:spcBef>
              <a:spcAft>
                <a:spcPts val="0"/>
              </a:spcAft>
              <a:buClr>
                <a:schemeClr val="dk2"/>
              </a:buClr>
              <a:buSzPts val="6000"/>
              <a:buNone/>
              <a:defRPr sz="13333">
                <a:solidFill>
                  <a:schemeClr val="dk2"/>
                </a:solidFill>
              </a:defRPr>
            </a:lvl9pPr>
          </a:lstStyle>
          <a:p>
            <a:r>
              <a:t>xx%</a:t>
            </a:r>
          </a:p>
        </p:txBody>
      </p:sp>
      <p:sp>
        <p:nvSpPr>
          <p:cNvPr id="546" name="Google Shape;546;p34"/>
          <p:cNvSpPr txBox="1">
            <a:spLocks noGrp="1"/>
          </p:cNvSpPr>
          <p:nvPr>
            <p:ph type="subTitle" idx="7"/>
          </p:nvPr>
        </p:nvSpPr>
        <p:spPr>
          <a:xfrm>
            <a:off x="13405111" y="3051640"/>
            <a:ext cx="4829333" cy="1688000"/>
          </a:xfrm>
          <a:prstGeom prst="rect">
            <a:avLst/>
          </a:prstGeom>
        </p:spPr>
        <p:txBody>
          <a:bodyPr spcFirstLastPara="1" wrap="square" lIns="91425" tIns="91425" rIns="91425" bIns="91425" anchor="b" anchorCtr="0">
            <a:noAutofit/>
          </a:bodyPr>
          <a:lstStyle>
            <a:lvl1pPr lvl="0" algn="ctr" rtl="0">
              <a:lnSpc>
                <a:spcPct val="100000"/>
              </a:lnSpc>
              <a:spcBef>
                <a:spcPts val="0"/>
              </a:spcBef>
              <a:spcAft>
                <a:spcPts val="0"/>
              </a:spcAft>
              <a:buSzPts val="2400"/>
              <a:buNone/>
              <a:defRPr/>
            </a:lvl1pPr>
            <a:lvl2pPr lvl="1" algn="ctr" rtl="0">
              <a:lnSpc>
                <a:spcPct val="100000"/>
              </a:lnSpc>
              <a:spcBef>
                <a:spcPts val="0"/>
              </a:spcBef>
              <a:spcAft>
                <a:spcPts val="0"/>
              </a:spcAft>
              <a:buSzPts val="2100"/>
              <a:buNone/>
              <a:defRPr sz="4667"/>
            </a:lvl2pPr>
            <a:lvl3pPr lvl="2" algn="ctr" rtl="0">
              <a:lnSpc>
                <a:spcPct val="100000"/>
              </a:lnSpc>
              <a:spcBef>
                <a:spcPts val="0"/>
              </a:spcBef>
              <a:spcAft>
                <a:spcPts val="0"/>
              </a:spcAft>
              <a:buSzPts val="2100"/>
              <a:buNone/>
              <a:defRPr sz="4667"/>
            </a:lvl3pPr>
            <a:lvl4pPr lvl="3" algn="ctr" rtl="0">
              <a:lnSpc>
                <a:spcPct val="100000"/>
              </a:lnSpc>
              <a:spcBef>
                <a:spcPts val="0"/>
              </a:spcBef>
              <a:spcAft>
                <a:spcPts val="0"/>
              </a:spcAft>
              <a:buSzPts val="2100"/>
              <a:buNone/>
              <a:defRPr sz="4667"/>
            </a:lvl4pPr>
            <a:lvl5pPr lvl="4" algn="ctr" rtl="0">
              <a:lnSpc>
                <a:spcPct val="100000"/>
              </a:lnSpc>
              <a:spcBef>
                <a:spcPts val="0"/>
              </a:spcBef>
              <a:spcAft>
                <a:spcPts val="0"/>
              </a:spcAft>
              <a:buSzPts val="2100"/>
              <a:buNone/>
              <a:defRPr sz="4667"/>
            </a:lvl5pPr>
            <a:lvl6pPr lvl="5" algn="ctr" rtl="0">
              <a:lnSpc>
                <a:spcPct val="100000"/>
              </a:lnSpc>
              <a:spcBef>
                <a:spcPts val="0"/>
              </a:spcBef>
              <a:spcAft>
                <a:spcPts val="0"/>
              </a:spcAft>
              <a:buSzPts val="2100"/>
              <a:buNone/>
              <a:defRPr sz="4667"/>
            </a:lvl6pPr>
            <a:lvl7pPr lvl="6" algn="ctr" rtl="0">
              <a:lnSpc>
                <a:spcPct val="100000"/>
              </a:lnSpc>
              <a:spcBef>
                <a:spcPts val="0"/>
              </a:spcBef>
              <a:spcAft>
                <a:spcPts val="0"/>
              </a:spcAft>
              <a:buSzPts val="2100"/>
              <a:buNone/>
              <a:defRPr sz="4667"/>
            </a:lvl7pPr>
            <a:lvl8pPr lvl="7" algn="ctr" rtl="0">
              <a:lnSpc>
                <a:spcPct val="100000"/>
              </a:lnSpc>
              <a:spcBef>
                <a:spcPts val="0"/>
              </a:spcBef>
              <a:spcAft>
                <a:spcPts val="0"/>
              </a:spcAft>
              <a:buSzPts val="2100"/>
              <a:buNone/>
              <a:defRPr sz="4667"/>
            </a:lvl8pPr>
            <a:lvl9pPr lvl="8" algn="ctr" rtl="0">
              <a:lnSpc>
                <a:spcPct val="100000"/>
              </a:lnSpc>
              <a:spcBef>
                <a:spcPts val="0"/>
              </a:spcBef>
              <a:spcAft>
                <a:spcPts val="0"/>
              </a:spcAft>
              <a:buSzPts val="2100"/>
              <a:buNone/>
              <a:defRPr sz="4667"/>
            </a:lvl9pPr>
          </a:lstStyle>
          <a:p>
            <a:endParaRPr/>
          </a:p>
        </p:txBody>
      </p:sp>
      <p:sp>
        <p:nvSpPr>
          <p:cNvPr id="547" name="Google Shape;547;p34"/>
          <p:cNvSpPr txBox="1">
            <a:spLocks noGrp="1"/>
          </p:cNvSpPr>
          <p:nvPr>
            <p:ph type="subTitle" idx="8"/>
          </p:nvPr>
        </p:nvSpPr>
        <p:spPr>
          <a:xfrm>
            <a:off x="13405111" y="4621667"/>
            <a:ext cx="4829333" cy="978667"/>
          </a:xfrm>
          <a:prstGeom prst="rect">
            <a:avLst/>
          </a:prstGeom>
        </p:spPr>
        <p:txBody>
          <a:bodyPr spcFirstLastPara="1" wrap="square" lIns="91425" tIns="91425" rIns="91425" bIns="91425" anchor="t" anchorCtr="0">
            <a:noAutofit/>
          </a:bodyPr>
          <a:lstStyle>
            <a:lvl1pPr lvl="0" algn="ctr" rtl="0">
              <a:lnSpc>
                <a:spcPct val="100000"/>
              </a:lnSpc>
              <a:spcBef>
                <a:spcPts val="0"/>
              </a:spcBef>
              <a:spcAft>
                <a:spcPts val="0"/>
              </a:spcAft>
              <a:buClr>
                <a:schemeClr val="dk1"/>
              </a:buClr>
              <a:buSzPts val="2400"/>
              <a:buFont typeface="Orelega One"/>
              <a:buNone/>
              <a:defRPr sz="4889">
                <a:solidFill>
                  <a:schemeClr val="dk1"/>
                </a:solidFill>
                <a:latin typeface="Orelega One"/>
                <a:ea typeface="Orelega One"/>
                <a:cs typeface="Orelega One"/>
                <a:sym typeface="Orelega One"/>
              </a:defRPr>
            </a:lvl1pPr>
            <a:lvl2pPr lvl="1" algn="ctr" rtl="0">
              <a:lnSpc>
                <a:spcPct val="100000"/>
              </a:lnSpc>
              <a:spcBef>
                <a:spcPts val="0"/>
              </a:spcBef>
              <a:spcAft>
                <a:spcPts val="0"/>
              </a:spcAft>
              <a:buClr>
                <a:schemeClr val="dk1"/>
              </a:buClr>
              <a:buSzPts val="2400"/>
              <a:buFont typeface="Orelega One"/>
              <a:buNone/>
              <a:defRPr sz="5333">
                <a:solidFill>
                  <a:schemeClr val="dk1"/>
                </a:solidFill>
                <a:latin typeface="Orelega One"/>
                <a:ea typeface="Orelega One"/>
                <a:cs typeface="Orelega One"/>
                <a:sym typeface="Orelega One"/>
              </a:defRPr>
            </a:lvl2pPr>
            <a:lvl3pPr lvl="2" algn="ctr" rtl="0">
              <a:lnSpc>
                <a:spcPct val="100000"/>
              </a:lnSpc>
              <a:spcBef>
                <a:spcPts val="0"/>
              </a:spcBef>
              <a:spcAft>
                <a:spcPts val="0"/>
              </a:spcAft>
              <a:buClr>
                <a:schemeClr val="dk1"/>
              </a:buClr>
              <a:buSzPts val="2400"/>
              <a:buFont typeface="Orelega One"/>
              <a:buNone/>
              <a:defRPr sz="5333">
                <a:solidFill>
                  <a:schemeClr val="dk1"/>
                </a:solidFill>
                <a:latin typeface="Orelega One"/>
                <a:ea typeface="Orelega One"/>
                <a:cs typeface="Orelega One"/>
                <a:sym typeface="Orelega One"/>
              </a:defRPr>
            </a:lvl3pPr>
            <a:lvl4pPr lvl="3" algn="ctr" rtl="0">
              <a:lnSpc>
                <a:spcPct val="100000"/>
              </a:lnSpc>
              <a:spcBef>
                <a:spcPts val="0"/>
              </a:spcBef>
              <a:spcAft>
                <a:spcPts val="0"/>
              </a:spcAft>
              <a:buClr>
                <a:schemeClr val="dk1"/>
              </a:buClr>
              <a:buSzPts val="2400"/>
              <a:buFont typeface="Orelega One"/>
              <a:buNone/>
              <a:defRPr sz="5333">
                <a:solidFill>
                  <a:schemeClr val="dk1"/>
                </a:solidFill>
                <a:latin typeface="Orelega One"/>
                <a:ea typeface="Orelega One"/>
                <a:cs typeface="Orelega One"/>
                <a:sym typeface="Orelega One"/>
              </a:defRPr>
            </a:lvl4pPr>
            <a:lvl5pPr lvl="4" algn="ctr" rtl="0">
              <a:lnSpc>
                <a:spcPct val="100000"/>
              </a:lnSpc>
              <a:spcBef>
                <a:spcPts val="0"/>
              </a:spcBef>
              <a:spcAft>
                <a:spcPts val="0"/>
              </a:spcAft>
              <a:buClr>
                <a:schemeClr val="dk1"/>
              </a:buClr>
              <a:buSzPts val="2400"/>
              <a:buFont typeface="Orelega One"/>
              <a:buNone/>
              <a:defRPr sz="5333">
                <a:solidFill>
                  <a:schemeClr val="dk1"/>
                </a:solidFill>
                <a:latin typeface="Orelega One"/>
                <a:ea typeface="Orelega One"/>
                <a:cs typeface="Orelega One"/>
                <a:sym typeface="Orelega One"/>
              </a:defRPr>
            </a:lvl5pPr>
            <a:lvl6pPr lvl="5" algn="ctr" rtl="0">
              <a:lnSpc>
                <a:spcPct val="100000"/>
              </a:lnSpc>
              <a:spcBef>
                <a:spcPts val="0"/>
              </a:spcBef>
              <a:spcAft>
                <a:spcPts val="0"/>
              </a:spcAft>
              <a:buClr>
                <a:schemeClr val="dk1"/>
              </a:buClr>
              <a:buSzPts val="2400"/>
              <a:buFont typeface="Orelega One"/>
              <a:buNone/>
              <a:defRPr sz="5333">
                <a:solidFill>
                  <a:schemeClr val="dk1"/>
                </a:solidFill>
                <a:latin typeface="Orelega One"/>
                <a:ea typeface="Orelega One"/>
                <a:cs typeface="Orelega One"/>
                <a:sym typeface="Orelega One"/>
              </a:defRPr>
            </a:lvl6pPr>
            <a:lvl7pPr lvl="6" algn="ctr" rtl="0">
              <a:lnSpc>
                <a:spcPct val="100000"/>
              </a:lnSpc>
              <a:spcBef>
                <a:spcPts val="0"/>
              </a:spcBef>
              <a:spcAft>
                <a:spcPts val="0"/>
              </a:spcAft>
              <a:buClr>
                <a:schemeClr val="dk1"/>
              </a:buClr>
              <a:buSzPts val="2400"/>
              <a:buFont typeface="Orelega One"/>
              <a:buNone/>
              <a:defRPr sz="5333">
                <a:solidFill>
                  <a:schemeClr val="dk1"/>
                </a:solidFill>
                <a:latin typeface="Orelega One"/>
                <a:ea typeface="Orelega One"/>
                <a:cs typeface="Orelega One"/>
                <a:sym typeface="Orelega One"/>
              </a:defRPr>
            </a:lvl7pPr>
            <a:lvl8pPr lvl="7" algn="ctr" rtl="0">
              <a:lnSpc>
                <a:spcPct val="100000"/>
              </a:lnSpc>
              <a:spcBef>
                <a:spcPts val="0"/>
              </a:spcBef>
              <a:spcAft>
                <a:spcPts val="0"/>
              </a:spcAft>
              <a:buClr>
                <a:schemeClr val="dk1"/>
              </a:buClr>
              <a:buSzPts val="2400"/>
              <a:buFont typeface="Orelega One"/>
              <a:buNone/>
              <a:defRPr sz="5333">
                <a:solidFill>
                  <a:schemeClr val="dk1"/>
                </a:solidFill>
                <a:latin typeface="Orelega One"/>
                <a:ea typeface="Orelega One"/>
                <a:cs typeface="Orelega One"/>
                <a:sym typeface="Orelega One"/>
              </a:defRPr>
            </a:lvl8pPr>
            <a:lvl9pPr lvl="8" algn="ctr" rtl="0">
              <a:lnSpc>
                <a:spcPct val="100000"/>
              </a:lnSpc>
              <a:spcBef>
                <a:spcPts val="0"/>
              </a:spcBef>
              <a:spcAft>
                <a:spcPts val="0"/>
              </a:spcAft>
              <a:buClr>
                <a:schemeClr val="dk1"/>
              </a:buClr>
              <a:buSzPts val="2400"/>
              <a:buFont typeface="Orelega One"/>
              <a:buNone/>
              <a:defRPr sz="5333">
                <a:solidFill>
                  <a:schemeClr val="dk1"/>
                </a:solidFill>
                <a:latin typeface="Orelega One"/>
                <a:ea typeface="Orelega One"/>
                <a:cs typeface="Orelega One"/>
                <a:sym typeface="Orelega One"/>
              </a:defRPr>
            </a:lvl9pPr>
          </a:lstStyle>
          <a:p>
            <a:endParaRPr/>
          </a:p>
        </p:txBody>
      </p:sp>
      <p:sp>
        <p:nvSpPr>
          <p:cNvPr id="548" name="Google Shape;548;p34"/>
          <p:cNvSpPr txBox="1">
            <a:spLocks noGrp="1"/>
          </p:cNvSpPr>
          <p:nvPr>
            <p:ph type="title" idx="9"/>
          </p:nvPr>
        </p:nvSpPr>
        <p:spPr>
          <a:xfrm>
            <a:off x="1600000" y="1158278"/>
            <a:ext cx="17120000" cy="1272667"/>
          </a:xfrm>
          <a:prstGeom prst="rect">
            <a:avLst/>
          </a:prstGeom>
        </p:spPr>
        <p:txBody>
          <a:bodyPr spcFirstLastPara="1" wrap="square" lIns="91425" tIns="91425" rIns="91425" bIns="91425" anchor="t" anchorCtr="0">
            <a:noAutofit/>
          </a:bodyPr>
          <a:lstStyle>
            <a:lvl1pPr lvl="0" rtl="0">
              <a:spcBef>
                <a:spcPts val="0"/>
              </a:spcBef>
              <a:spcAft>
                <a:spcPts val="0"/>
              </a:spcAft>
              <a:buSzPts val="3500"/>
              <a:buNone/>
              <a:defRPr/>
            </a:lvl1pPr>
            <a:lvl2pPr lvl="1" rtl="0">
              <a:spcBef>
                <a:spcPts val="0"/>
              </a:spcBef>
              <a:spcAft>
                <a:spcPts val="0"/>
              </a:spcAft>
              <a:buSzPts val="3500"/>
              <a:buNone/>
              <a:defRPr/>
            </a:lvl2pPr>
            <a:lvl3pPr lvl="2" rtl="0">
              <a:spcBef>
                <a:spcPts val="0"/>
              </a:spcBef>
              <a:spcAft>
                <a:spcPts val="0"/>
              </a:spcAft>
              <a:buSzPts val="3500"/>
              <a:buNone/>
              <a:defRPr/>
            </a:lvl3pPr>
            <a:lvl4pPr lvl="3" rtl="0">
              <a:spcBef>
                <a:spcPts val="0"/>
              </a:spcBef>
              <a:spcAft>
                <a:spcPts val="0"/>
              </a:spcAft>
              <a:buSzPts val="3500"/>
              <a:buNone/>
              <a:defRPr/>
            </a:lvl4pPr>
            <a:lvl5pPr lvl="4" rtl="0">
              <a:spcBef>
                <a:spcPts val="0"/>
              </a:spcBef>
              <a:spcAft>
                <a:spcPts val="0"/>
              </a:spcAft>
              <a:buSzPts val="3500"/>
              <a:buNone/>
              <a:defRPr/>
            </a:lvl5pPr>
            <a:lvl6pPr lvl="5" rtl="0">
              <a:spcBef>
                <a:spcPts val="0"/>
              </a:spcBef>
              <a:spcAft>
                <a:spcPts val="0"/>
              </a:spcAft>
              <a:buSzPts val="3500"/>
              <a:buNone/>
              <a:defRPr/>
            </a:lvl6pPr>
            <a:lvl7pPr lvl="6" rtl="0">
              <a:spcBef>
                <a:spcPts val="0"/>
              </a:spcBef>
              <a:spcAft>
                <a:spcPts val="0"/>
              </a:spcAft>
              <a:buSzPts val="3500"/>
              <a:buNone/>
              <a:defRPr/>
            </a:lvl7pPr>
            <a:lvl8pPr lvl="7" rtl="0">
              <a:spcBef>
                <a:spcPts val="0"/>
              </a:spcBef>
              <a:spcAft>
                <a:spcPts val="0"/>
              </a:spcAft>
              <a:buSzPts val="3500"/>
              <a:buNone/>
              <a:defRPr/>
            </a:lvl8pPr>
            <a:lvl9pPr lvl="8" rtl="0">
              <a:spcBef>
                <a:spcPts val="0"/>
              </a:spcBef>
              <a:spcAft>
                <a:spcPts val="0"/>
              </a:spcAft>
              <a:buSzPts val="3500"/>
              <a:buNone/>
              <a:defRPr/>
            </a:lvl9pPr>
          </a:lstStyle>
          <a:p>
            <a:endParaRPr/>
          </a:p>
        </p:txBody>
      </p:sp>
      <p:grpSp>
        <p:nvGrpSpPr>
          <p:cNvPr id="549" name="Google Shape;549;p34"/>
          <p:cNvGrpSpPr/>
          <p:nvPr/>
        </p:nvGrpSpPr>
        <p:grpSpPr>
          <a:xfrm>
            <a:off x="500489" y="7178902"/>
            <a:ext cx="19118262" cy="3741920"/>
            <a:chOff x="225220" y="3230506"/>
            <a:chExt cx="8603218" cy="1683864"/>
          </a:xfrm>
        </p:grpSpPr>
        <p:sp>
          <p:nvSpPr>
            <p:cNvPr id="550" name="Google Shape;550;p34"/>
            <p:cNvSpPr/>
            <p:nvPr/>
          </p:nvSpPr>
          <p:spPr>
            <a:xfrm flipH="1">
              <a:off x="8483404" y="3230506"/>
              <a:ext cx="345034" cy="1683864"/>
            </a:xfrm>
            <a:custGeom>
              <a:avLst/>
              <a:gdLst/>
              <a:ahLst/>
              <a:cxnLst/>
              <a:rect l="l" t="t" r="r" b="b"/>
              <a:pathLst>
                <a:path w="16256" h="79334" extrusionOk="0">
                  <a:moveTo>
                    <a:pt x="7457" y="1"/>
                  </a:moveTo>
                  <a:lnTo>
                    <a:pt x="7179" y="93"/>
                  </a:lnTo>
                  <a:lnTo>
                    <a:pt x="6901" y="186"/>
                  </a:lnTo>
                  <a:lnTo>
                    <a:pt x="6762" y="371"/>
                  </a:lnTo>
                  <a:lnTo>
                    <a:pt x="6669" y="510"/>
                  </a:lnTo>
                  <a:lnTo>
                    <a:pt x="6669" y="649"/>
                  </a:lnTo>
                  <a:lnTo>
                    <a:pt x="6391" y="2455"/>
                  </a:lnTo>
                  <a:lnTo>
                    <a:pt x="6160" y="4261"/>
                  </a:lnTo>
                  <a:lnTo>
                    <a:pt x="5975" y="6114"/>
                  </a:lnTo>
                  <a:lnTo>
                    <a:pt x="5882" y="7966"/>
                  </a:lnTo>
                  <a:lnTo>
                    <a:pt x="5836" y="10560"/>
                  </a:lnTo>
                  <a:lnTo>
                    <a:pt x="5882" y="13153"/>
                  </a:lnTo>
                  <a:lnTo>
                    <a:pt x="5975" y="15747"/>
                  </a:lnTo>
                  <a:lnTo>
                    <a:pt x="6113" y="18340"/>
                  </a:lnTo>
                  <a:lnTo>
                    <a:pt x="6484" y="23620"/>
                  </a:lnTo>
                  <a:lnTo>
                    <a:pt x="6762" y="28946"/>
                  </a:lnTo>
                  <a:lnTo>
                    <a:pt x="6901" y="31586"/>
                  </a:lnTo>
                  <a:lnTo>
                    <a:pt x="6993" y="34226"/>
                  </a:lnTo>
                  <a:lnTo>
                    <a:pt x="7040" y="36912"/>
                  </a:lnTo>
                  <a:lnTo>
                    <a:pt x="7086" y="39551"/>
                  </a:lnTo>
                  <a:lnTo>
                    <a:pt x="7040" y="41635"/>
                  </a:lnTo>
                  <a:lnTo>
                    <a:pt x="6993" y="43673"/>
                  </a:lnTo>
                  <a:lnTo>
                    <a:pt x="6854" y="45757"/>
                  </a:lnTo>
                  <a:lnTo>
                    <a:pt x="6716" y="47795"/>
                  </a:lnTo>
                  <a:lnTo>
                    <a:pt x="6391" y="51917"/>
                  </a:lnTo>
                  <a:lnTo>
                    <a:pt x="6067" y="56039"/>
                  </a:lnTo>
                  <a:lnTo>
                    <a:pt x="5743" y="55807"/>
                  </a:lnTo>
                  <a:lnTo>
                    <a:pt x="5465" y="55529"/>
                  </a:lnTo>
                  <a:lnTo>
                    <a:pt x="5187" y="55251"/>
                  </a:lnTo>
                  <a:lnTo>
                    <a:pt x="4956" y="54927"/>
                  </a:lnTo>
                  <a:lnTo>
                    <a:pt x="4539" y="54232"/>
                  </a:lnTo>
                  <a:lnTo>
                    <a:pt x="4307" y="53723"/>
                  </a:lnTo>
                  <a:lnTo>
                    <a:pt x="4215" y="53353"/>
                  </a:lnTo>
                  <a:lnTo>
                    <a:pt x="4122" y="52982"/>
                  </a:lnTo>
                  <a:lnTo>
                    <a:pt x="4076" y="52241"/>
                  </a:lnTo>
                  <a:lnTo>
                    <a:pt x="4029" y="51454"/>
                  </a:lnTo>
                  <a:lnTo>
                    <a:pt x="4029" y="50713"/>
                  </a:lnTo>
                  <a:lnTo>
                    <a:pt x="3983" y="48073"/>
                  </a:lnTo>
                  <a:lnTo>
                    <a:pt x="4029" y="45479"/>
                  </a:lnTo>
                  <a:lnTo>
                    <a:pt x="4076" y="43117"/>
                  </a:lnTo>
                  <a:lnTo>
                    <a:pt x="4122" y="41960"/>
                  </a:lnTo>
                  <a:lnTo>
                    <a:pt x="4076" y="40802"/>
                  </a:lnTo>
                  <a:lnTo>
                    <a:pt x="4076" y="39644"/>
                  </a:lnTo>
                  <a:lnTo>
                    <a:pt x="3937" y="38486"/>
                  </a:lnTo>
                  <a:lnTo>
                    <a:pt x="3798" y="37328"/>
                  </a:lnTo>
                  <a:lnTo>
                    <a:pt x="3566" y="36171"/>
                  </a:lnTo>
                  <a:lnTo>
                    <a:pt x="3474" y="35939"/>
                  </a:lnTo>
                  <a:lnTo>
                    <a:pt x="3288" y="35754"/>
                  </a:lnTo>
                  <a:lnTo>
                    <a:pt x="3103" y="35569"/>
                  </a:lnTo>
                  <a:lnTo>
                    <a:pt x="2825" y="35476"/>
                  </a:lnTo>
                  <a:lnTo>
                    <a:pt x="2547" y="35383"/>
                  </a:lnTo>
                  <a:lnTo>
                    <a:pt x="2223" y="35337"/>
                  </a:lnTo>
                  <a:lnTo>
                    <a:pt x="1899" y="35291"/>
                  </a:lnTo>
                  <a:lnTo>
                    <a:pt x="1575" y="35291"/>
                  </a:lnTo>
                  <a:lnTo>
                    <a:pt x="1251" y="35337"/>
                  </a:lnTo>
                  <a:lnTo>
                    <a:pt x="926" y="35430"/>
                  </a:lnTo>
                  <a:lnTo>
                    <a:pt x="649" y="35522"/>
                  </a:lnTo>
                  <a:lnTo>
                    <a:pt x="371" y="35661"/>
                  </a:lnTo>
                  <a:lnTo>
                    <a:pt x="185" y="35800"/>
                  </a:lnTo>
                  <a:lnTo>
                    <a:pt x="46" y="36032"/>
                  </a:lnTo>
                  <a:lnTo>
                    <a:pt x="0" y="36217"/>
                  </a:lnTo>
                  <a:lnTo>
                    <a:pt x="0" y="36495"/>
                  </a:lnTo>
                  <a:lnTo>
                    <a:pt x="139" y="37467"/>
                  </a:lnTo>
                  <a:lnTo>
                    <a:pt x="278" y="38440"/>
                  </a:lnTo>
                  <a:lnTo>
                    <a:pt x="510" y="40385"/>
                  </a:lnTo>
                  <a:lnTo>
                    <a:pt x="649" y="42330"/>
                  </a:lnTo>
                  <a:lnTo>
                    <a:pt x="741" y="44275"/>
                  </a:lnTo>
                  <a:lnTo>
                    <a:pt x="880" y="48212"/>
                  </a:lnTo>
                  <a:lnTo>
                    <a:pt x="1019" y="50157"/>
                  </a:lnTo>
                  <a:lnTo>
                    <a:pt x="1204" y="52148"/>
                  </a:lnTo>
                  <a:lnTo>
                    <a:pt x="1390" y="53353"/>
                  </a:lnTo>
                  <a:lnTo>
                    <a:pt x="1528" y="53908"/>
                  </a:lnTo>
                  <a:lnTo>
                    <a:pt x="1667" y="54510"/>
                  </a:lnTo>
                  <a:lnTo>
                    <a:pt x="1853" y="55020"/>
                  </a:lnTo>
                  <a:lnTo>
                    <a:pt x="2038" y="55529"/>
                  </a:lnTo>
                  <a:lnTo>
                    <a:pt x="2269" y="56039"/>
                  </a:lnTo>
                  <a:lnTo>
                    <a:pt x="2547" y="56502"/>
                  </a:lnTo>
                  <a:lnTo>
                    <a:pt x="2872" y="56919"/>
                  </a:lnTo>
                  <a:lnTo>
                    <a:pt x="3196" y="57289"/>
                  </a:lnTo>
                  <a:lnTo>
                    <a:pt x="3566" y="57660"/>
                  </a:lnTo>
                  <a:lnTo>
                    <a:pt x="3937" y="57937"/>
                  </a:lnTo>
                  <a:lnTo>
                    <a:pt x="4400" y="58215"/>
                  </a:lnTo>
                  <a:lnTo>
                    <a:pt x="4863" y="58447"/>
                  </a:lnTo>
                  <a:lnTo>
                    <a:pt x="5372" y="58632"/>
                  </a:lnTo>
                  <a:lnTo>
                    <a:pt x="5882" y="58771"/>
                  </a:lnTo>
                  <a:lnTo>
                    <a:pt x="5836" y="59790"/>
                  </a:lnTo>
                  <a:lnTo>
                    <a:pt x="5743" y="62244"/>
                  </a:lnTo>
                  <a:lnTo>
                    <a:pt x="5604" y="64653"/>
                  </a:lnTo>
                  <a:lnTo>
                    <a:pt x="5558" y="67061"/>
                  </a:lnTo>
                  <a:lnTo>
                    <a:pt x="5558" y="68265"/>
                  </a:lnTo>
                  <a:lnTo>
                    <a:pt x="5604" y="69469"/>
                  </a:lnTo>
                  <a:lnTo>
                    <a:pt x="5650" y="71692"/>
                  </a:lnTo>
                  <a:lnTo>
                    <a:pt x="5650" y="72804"/>
                  </a:lnTo>
                  <a:lnTo>
                    <a:pt x="5650" y="73915"/>
                  </a:lnTo>
                  <a:lnTo>
                    <a:pt x="5558" y="74471"/>
                  </a:lnTo>
                  <a:lnTo>
                    <a:pt x="5511" y="74980"/>
                  </a:lnTo>
                  <a:lnTo>
                    <a:pt x="5372" y="76046"/>
                  </a:lnTo>
                  <a:lnTo>
                    <a:pt x="5326" y="76555"/>
                  </a:lnTo>
                  <a:lnTo>
                    <a:pt x="5326" y="77064"/>
                  </a:lnTo>
                  <a:lnTo>
                    <a:pt x="5465" y="77574"/>
                  </a:lnTo>
                  <a:lnTo>
                    <a:pt x="5650" y="78130"/>
                  </a:lnTo>
                  <a:lnTo>
                    <a:pt x="5789" y="78361"/>
                  </a:lnTo>
                  <a:lnTo>
                    <a:pt x="5975" y="78593"/>
                  </a:lnTo>
                  <a:lnTo>
                    <a:pt x="6160" y="78778"/>
                  </a:lnTo>
                  <a:lnTo>
                    <a:pt x="6438" y="78963"/>
                  </a:lnTo>
                  <a:lnTo>
                    <a:pt x="6669" y="79102"/>
                  </a:lnTo>
                  <a:lnTo>
                    <a:pt x="6947" y="79195"/>
                  </a:lnTo>
                  <a:lnTo>
                    <a:pt x="7271" y="79287"/>
                  </a:lnTo>
                  <a:lnTo>
                    <a:pt x="7549" y="79334"/>
                  </a:lnTo>
                  <a:lnTo>
                    <a:pt x="8198" y="79334"/>
                  </a:lnTo>
                  <a:lnTo>
                    <a:pt x="8800" y="79287"/>
                  </a:lnTo>
                  <a:lnTo>
                    <a:pt x="9402" y="79102"/>
                  </a:lnTo>
                  <a:lnTo>
                    <a:pt x="9633" y="78963"/>
                  </a:lnTo>
                  <a:lnTo>
                    <a:pt x="9865" y="78824"/>
                  </a:lnTo>
                  <a:lnTo>
                    <a:pt x="10328" y="78500"/>
                  </a:lnTo>
                  <a:lnTo>
                    <a:pt x="10698" y="78130"/>
                  </a:lnTo>
                  <a:lnTo>
                    <a:pt x="11069" y="77713"/>
                  </a:lnTo>
                  <a:lnTo>
                    <a:pt x="11347" y="77296"/>
                  </a:lnTo>
                  <a:lnTo>
                    <a:pt x="11578" y="76833"/>
                  </a:lnTo>
                  <a:lnTo>
                    <a:pt x="11764" y="76370"/>
                  </a:lnTo>
                  <a:lnTo>
                    <a:pt x="11949" y="75860"/>
                  </a:lnTo>
                  <a:lnTo>
                    <a:pt x="12041" y="75305"/>
                  </a:lnTo>
                  <a:lnTo>
                    <a:pt x="12134" y="74749"/>
                  </a:lnTo>
                  <a:lnTo>
                    <a:pt x="12180" y="74193"/>
                  </a:lnTo>
                  <a:lnTo>
                    <a:pt x="12180" y="73637"/>
                  </a:lnTo>
                  <a:lnTo>
                    <a:pt x="12180" y="73035"/>
                  </a:lnTo>
                  <a:lnTo>
                    <a:pt x="12041" y="71831"/>
                  </a:lnTo>
                  <a:lnTo>
                    <a:pt x="11856" y="70581"/>
                  </a:lnTo>
                  <a:lnTo>
                    <a:pt x="11625" y="69330"/>
                  </a:lnTo>
                  <a:lnTo>
                    <a:pt x="11347" y="68034"/>
                  </a:lnTo>
                  <a:lnTo>
                    <a:pt x="10745" y="65579"/>
                  </a:lnTo>
                  <a:lnTo>
                    <a:pt x="10467" y="64421"/>
                  </a:lnTo>
                  <a:lnTo>
                    <a:pt x="10235" y="63310"/>
                  </a:lnTo>
                  <a:lnTo>
                    <a:pt x="10050" y="62244"/>
                  </a:lnTo>
                  <a:lnTo>
                    <a:pt x="10004" y="61318"/>
                  </a:lnTo>
                  <a:lnTo>
                    <a:pt x="9957" y="58678"/>
                  </a:lnTo>
                  <a:lnTo>
                    <a:pt x="10004" y="55992"/>
                  </a:lnTo>
                  <a:lnTo>
                    <a:pt x="10143" y="53353"/>
                  </a:lnTo>
                  <a:lnTo>
                    <a:pt x="10282" y="50713"/>
                  </a:lnTo>
                  <a:lnTo>
                    <a:pt x="10559" y="45387"/>
                  </a:lnTo>
                  <a:lnTo>
                    <a:pt x="10652" y="42701"/>
                  </a:lnTo>
                  <a:lnTo>
                    <a:pt x="10698" y="40061"/>
                  </a:lnTo>
                  <a:lnTo>
                    <a:pt x="10698" y="37375"/>
                  </a:lnTo>
                  <a:lnTo>
                    <a:pt x="10652" y="34642"/>
                  </a:lnTo>
                  <a:lnTo>
                    <a:pt x="11115" y="34689"/>
                  </a:lnTo>
                  <a:lnTo>
                    <a:pt x="11578" y="34689"/>
                  </a:lnTo>
                  <a:lnTo>
                    <a:pt x="11995" y="34642"/>
                  </a:lnTo>
                  <a:lnTo>
                    <a:pt x="12412" y="34596"/>
                  </a:lnTo>
                  <a:lnTo>
                    <a:pt x="12829" y="34503"/>
                  </a:lnTo>
                  <a:lnTo>
                    <a:pt x="13199" y="34364"/>
                  </a:lnTo>
                  <a:lnTo>
                    <a:pt x="13570" y="34179"/>
                  </a:lnTo>
                  <a:lnTo>
                    <a:pt x="13894" y="33994"/>
                  </a:lnTo>
                  <a:lnTo>
                    <a:pt x="14218" y="33762"/>
                  </a:lnTo>
                  <a:lnTo>
                    <a:pt x="14496" y="33485"/>
                  </a:lnTo>
                  <a:lnTo>
                    <a:pt x="14774" y="33207"/>
                  </a:lnTo>
                  <a:lnTo>
                    <a:pt x="15006" y="32882"/>
                  </a:lnTo>
                  <a:lnTo>
                    <a:pt x="15237" y="32512"/>
                  </a:lnTo>
                  <a:lnTo>
                    <a:pt x="15422" y="32095"/>
                  </a:lnTo>
                  <a:lnTo>
                    <a:pt x="15561" y="31678"/>
                  </a:lnTo>
                  <a:lnTo>
                    <a:pt x="15654" y="31169"/>
                  </a:lnTo>
                  <a:lnTo>
                    <a:pt x="15885" y="30150"/>
                  </a:lnTo>
                  <a:lnTo>
                    <a:pt x="16071" y="29039"/>
                  </a:lnTo>
                  <a:lnTo>
                    <a:pt x="16163" y="27881"/>
                  </a:lnTo>
                  <a:lnTo>
                    <a:pt x="16256" y="26677"/>
                  </a:lnTo>
                  <a:lnTo>
                    <a:pt x="16210" y="26075"/>
                  </a:lnTo>
                  <a:lnTo>
                    <a:pt x="16163" y="25519"/>
                  </a:lnTo>
                  <a:lnTo>
                    <a:pt x="16117" y="24917"/>
                  </a:lnTo>
                  <a:lnTo>
                    <a:pt x="16024" y="24361"/>
                  </a:lnTo>
                  <a:lnTo>
                    <a:pt x="15839" y="23852"/>
                  </a:lnTo>
                  <a:lnTo>
                    <a:pt x="15654" y="23342"/>
                  </a:lnTo>
                  <a:lnTo>
                    <a:pt x="15422" y="22879"/>
                  </a:lnTo>
                  <a:lnTo>
                    <a:pt x="15144" y="22462"/>
                  </a:lnTo>
                  <a:lnTo>
                    <a:pt x="15052" y="22416"/>
                  </a:lnTo>
                  <a:lnTo>
                    <a:pt x="15006" y="22416"/>
                  </a:lnTo>
                  <a:lnTo>
                    <a:pt x="14867" y="22462"/>
                  </a:lnTo>
                  <a:lnTo>
                    <a:pt x="14403" y="22972"/>
                  </a:lnTo>
                  <a:lnTo>
                    <a:pt x="14033" y="23527"/>
                  </a:lnTo>
                  <a:lnTo>
                    <a:pt x="13709" y="24083"/>
                  </a:lnTo>
                  <a:lnTo>
                    <a:pt x="13477" y="24685"/>
                  </a:lnTo>
                  <a:lnTo>
                    <a:pt x="13292" y="25334"/>
                  </a:lnTo>
                  <a:lnTo>
                    <a:pt x="13107" y="25982"/>
                  </a:lnTo>
                  <a:lnTo>
                    <a:pt x="12921" y="27325"/>
                  </a:lnTo>
                  <a:lnTo>
                    <a:pt x="12829" y="27973"/>
                  </a:lnTo>
                  <a:lnTo>
                    <a:pt x="12782" y="28714"/>
                  </a:lnTo>
                  <a:lnTo>
                    <a:pt x="12736" y="29455"/>
                  </a:lnTo>
                  <a:lnTo>
                    <a:pt x="12597" y="30150"/>
                  </a:lnTo>
                  <a:lnTo>
                    <a:pt x="12505" y="30474"/>
                  </a:lnTo>
                  <a:lnTo>
                    <a:pt x="12366" y="30798"/>
                  </a:lnTo>
                  <a:lnTo>
                    <a:pt x="12227" y="31076"/>
                  </a:lnTo>
                  <a:lnTo>
                    <a:pt x="12041" y="31308"/>
                  </a:lnTo>
                  <a:lnTo>
                    <a:pt x="11810" y="31493"/>
                  </a:lnTo>
                  <a:lnTo>
                    <a:pt x="11532" y="31632"/>
                  </a:lnTo>
                  <a:lnTo>
                    <a:pt x="11208" y="31725"/>
                  </a:lnTo>
                  <a:lnTo>
                    <a:pt x="10837" y="31771"/>
                  </a:lnTo>
                  <a:lnTo>
                    <a:pt x="10606" y="31771"/>
                  </a:lnTo>
                  <a:lnTo>
                    <a:pt x="10374" y="25287"/>
                  </a:lnTo>
                  <a:lnTo>
                    <a:pt x="10189" y="18850"/>
                  </a:lnTo>
                  <a:lnTo>
                    <a:pt x="10096" y="16117"/>
                  </a:lnTo>
                  <a:lnTo>
                    <a:pt x="10004" y="13431"/>
                  </a:lnTo>
                  <a:lnTo>
                    <a:pt x="9865" y="10699"/>
                  </a:lnTo>
                  <a:lnTo>
                    <a:pt x="9680" y="7966"/>
                  </a:lnTo>
                  <a:lnTo>
                    <a:pt x="9633" y="6994"/>
                  </a:lnTo>
                  <a:lnTo>
                    <a:pt x="9633" y="5975"/>
                  </a:lnTo>
                  <a:lnTo>
                    <a:pt x="9633" y="4956"/>
                  </a:lnTo>
                  <a:lnTo>
                    <a:pt x="9633" y="3937"/>
                  </a:lnTo>
                  <a:lnTo>
                    <a:pt x="9494" y="2965"/>
                  </a:lnTo>
                  <a:lnTo>
                    <a:pt x="9448" y="2455"/>
                  </a:lnTo>
                  <a:lnTo>
                    <a:pt x="9309" y="1992"/>
                  </a:lnTo>
                  <a:lnTo>
                    <a:pt x="9170" y="1575"/>
                  </a:lnTo>
                  <a:lnTo>
                    <a:pt x="8985" y="1112"/>
                  </a:lnTo>
                  <a:lnTo>
                    <a:pt x="8753" y="695"/>
                  </a:lnTo>
                  <a:lnTo>
                    <a:pt x="8475" y="325"/>
                  </a:lnTo>
                  <a:lnTo>
                    <a:pt x="8244" y="140"/>
                  </a:lnTo>
                  <a:lnTo>
                    <a:pt x="8012" y="47"/>
                  </a:lnTo>
                  <a:lnTo>
                    <a:pt x="7734" y="1"/>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551" name="Google Shape;551;p34"/>
            <p:cNvSpPr/>
            <p:nvPr/>
          </p:nvSpPr>
          <p:spPr>
            <a:xfrm flipH="1">
              <a:off x="225220" y="3619499"/>
              <a:ext cx="245831" cy="1199530"/>
            </a:xfrm>
            <a:custGeom>
              <a:avLst/>
              <a:gdLst/>
              <a:ahLst/>
              <a:cxnLst/>
              <a:rect l="l" t="t" r="r" b="b"/>
              <a:pathLst>
                <a:path w="16256" h="79334" extrusionOk="0">
                  <a:moveTo>
                    <a:pt x="7457" y="1"/>
                  </a:moveTo>
                  <a:lnTo>
                    <a:pt x="7179" y="93"/>
                  </a:lnTo>
                  <a:lnTo>
                    <a:pt x="6901" y="186"/>
                  </a:lnTo>
                  <a:lnTo>
                    <a:pt x="6762" y="371"/>
                  </a:lnTo>
                  <a:lnTo>
                    <a:pt x="6669" y="510"/>
                  </a:lnTo>
                  <a:lnTo>
                    <a:pt x="6669" y="649"/>
                  </a:lnTo>
                  <a:lnTo>
                    <a:pt x="6391" y="2455"/>
                  </a:lnTo>
                  <a:lnTo>
                    <a:pt x="6160" y="4261"/>
                  </a:lnTo>
                  <a:lnTo>
                    <a:pt x="5975" y="6114"/>
                  </a:lnTo>
                  <a:lnTo>
                    <a:pt x="5882" y="7966"/>
                  </a:lnTo>
                  <a:lnTo>
                    <a:pt x="5836" y="10560"/>
                  </a:lnTo>
                  <a:lnTo>
                    <a:pt x="5882" y="13153"/>
                  </a:lnTo>
                  <a:lnTo>
                    <a:pt x="5975" y="15747"/>
                  </a:lnTo>
                  <a:lnTo>
                    <a:pt x="6113" y="18340"/>
                  </a:lnTo>
                  <a:lnTo>
                    <a:pt x="6484" y="23620"/>
                  </a:lnTo>
                  <a:lnTo>
                    <a:pt x="6762" y="28946"/>
                  </a:lnTo>
                  <a:lnTo>
                    <a:pt x="6901" y="31586"/>
                  </a:lnTo>
                  <a:lnTo>
                    <a:pt x="6993" y="34226"/>
                  </a:lnTo>
                  <a:lnTo>
                    <a:pt x="7040" y="36912"/>
                  </a:lnTo>
                  <a:lnTo>
                    <a:pt x="7086" y="39551"/>
                  </a:lnTo>
                  <a:lnTo>
                    <a:pt x="7040" y="41635"/>
                  </a:lnTo>
                  <a:lnTo>
                    <a:pt x="6993" y="43673"/>
                  </a:lnTo>
                  <a:lnTo>
                    <a:pt x="6854" y="45757"/>
                  </a:lnTo>
                  <a:lnTo>
                    <a:pt x="6716" y="47795"/>
                  </a:lnTo>
                  <a:lnTo>
                    <a:pt x="6391" y="51917"/>
                  </a:lnTo>
                  <a:lnTo>
                    <a:pt x="6067" y="56039"/>
                  </a:lnTo>
                  <a:lnTo>
                    <a:pt x="5743" y="55807"/>
                  </a:lnTo>
                  <a:lnTo>
                    <a:pt x="5465" y="55529"/>
                  </a:lnTo>
                  <a:lnTo>
                    <a:pt x="5187" y="55251"/>
                  </a:lnTo>
                  <a:lnTo>
                    <a:pt x="4956" y="54927"/>
                  </a:lnTo>
                  <a:lnTo>
                    <a:pt x="4539" y="54232"/>
                  </a:lnTo>
                  <a:lnTo>
                    <a:pt x="4307" y="53723"/>
                  </a:lnTo>
                  <a:lnTo>
                    <a:pt x="4215" y="53353"/>
                  </a:lnTo>
                  <a:lnTo>
                    <a:pt x="4122" y="52982"/>
                  </a:lnTo>
                  <a:lnTo>
                    <a:pt x="4076" y="52241"/>
                  </a:lnTo>
                  <a:lnTo>
                    <a:pt x="4029" y="51454"/>
                  </a:lnTo>
                  <a:lnTo>
                    <a:pt x="4029" y="50713"/>
                  </a:lnTo>
                  <a:lnTo>
                    <a:pt x="3983" y="48073"/>
                  </a:lnTo>
                  <a:lnTo>
                    <a:pt x="4029" y="45479"/>
                  </a:lnTo>
                  <a:lnTo>
                    <a:pt x="4076" y="43117"/>
                  </a:lnTo>
                  <a:lnTo>
                    <a:pt x="4122" y="41960"/>
                  </a:lnTo>
                  <a:lnTo>
                    <a:pt x="4076" y="40802"/>
                  </a:lnTo>
                  <a:lnTo>
                    <a:pt x="4076" y="39644"/>
                  </a:lnTo>
                  <a:lnTo>
                    <a:pt x="3937" y="38486"/>
                  </a:lnTo>
                  <a:lnTo>
                    <a:pt x="3798" y="37328"/>
                  </a:lnTo>
                  <a:lnTo>
                    <a:pt x="3566" y="36171"/>
                  </a:lnTo>
                  <a:lnTo>
                    <a:pt x="3474" y="35939"/>
                  </a:lnTo>
                  <a:lnTo>
                    <a:pt x="3288" y="35754"/>
                  </a:lnTo>
                  <a:lnTo>
                    <a:pt x="3103" y="35569"/>
                  </a:lnTo>
                  <a:lnTo>
                    <a:pt x="2825" y="35476"/>
                  </a:lnTo>
                  <a:lnTo>
                    <a:pt x="2547" y="35383"/>
                  </a:lnTo>
                  <a:lnTo>
                    <a:pt x="2223" y="35337"/>
                  </a:lnTo>
                  <a:lnTo>
                    <a:pt x="1899" y="35291"/>
                  </a:lnTo>
                  <a:lnTo>
                    <a:pt x="1575" y="35291"/>
                  </a:lnTo>
                  <a:lnTo>
                    <a:pt x="1251" y="35337"/>
                  </a:lnTo>
                  <a:lnTo>
                    <a:pt x="926" y="35430"/>
                  </a:lnTo>
                  <a:lnTo>
                    <a:pt x="649" y="35522"/>
                  </a:lnTo>
                  <a:lnTo>
                    <a:pt x="371" y="35661"/>
                  </a:lnTo>
                  <a:lnTo>
                    <a:pt x="185" y="35800"/>
                  </a:lnTo>
                  <a:lnTo>
                    <a:pt x="46" y="36032"/>
                  </a:lnTo>
                  <a:lnTo>
                    <a:pt x="0" y="36217"/>
                  </a:lnTo>
                  <a:lnTo>
                    <a:pt x="0" y="36495"/>
                  </a:lnTo>
                  <a:lnTo>
                    <a:pt x="139" y="37467"/>
                  </a:lnTo>
                  <a:lnTo>
                    <a:pt x="278" y="38440"/>
                  </a:lnTo>
                  <a:lnTo>
                    <a:pt x="510" y="40385"/>
                  </a:lnTo>
                  <a:lnTo>
                    <a:pt x="649" y="42330"/>
                  </a:lnTo>
                  <a:lnTo>
                    <a:pt x="741" y="44275"/>
                  </a:lnTo>
                  <a:lnTo>
                    <a:pt x="880" y="48212"/>
                  </a:lnTo>
                  <a:lnTo>
                    <a:pt x="1019" y="50157"/>
                  </a:lnTo>
                  <a:lnTo>
                    <a:pt x="1204" y="52148"/>
                  </a:lnTo>
                  <a:lnTo>
                    <a:pt x="1390" y="53353"/>
                  </a:lnTo>
                  <a:lnTo>
                    <a:pt x="1528" y="53908"/>
                  </a:lnTo>
                  <a:lnTo>
                    <a:pt x="1667" y="54510"/>
                  </a:lnTo>
                  <a:lnTo>
                    <a:pt x="1853" y="55020"/>
                  </a:lnTo>
                  <a:lnTo>
                    <a:pt x="2038" y="55529"/>
                  </a:lnTo>
                  <a:lnTo>
                    <a:pt x="2269" y="56039"/>
                  </a:lnTo>
                  <a:lnTo>
                    <a:pt x="2547" y="56502"/>
                  </a:lnTo>
                  <a:lnTo>
                    <a:pt x="2872" y="56919"/>
                  </a:lnTo>
                  <a:lnTo>
                    <a:pt x="3196" y="57289"/>
                  </a:lnTo>
                  <a:lnTo>
                    <a:pt x="3566" y="57660"/>
                  </a:lnTo>
                  <a:lnTo>
                    <a:pt x="3937" y="57937"/>
                  </a:lnTo>
                  <a:lnTo>
                    <a:pt x="4400" y="58215"/>
                  </a:lnTo>
                  <a:lnTo>
                    <a:pt x="4863" y="58447"/>
                  </a:lnTo>
                  <a:lnTo>
                    <a:pt x="5372" y="58632"/>
                  </a:lnTo>
                  <a:lnTo>
                    <a:pt x="5882" y="58771"/>
                  </a:lnTo>
                  <a:lnTo>
                    <a:pt x="5836" y="59790"/>
                  </a:lnTo>
                  <a:lnTo>
                    <a:pt x="5743" y="62244"/>
                  </a:lnTo>
                  <a:lnTo>
                    <a:pt x="5604" y="64653"/>
                  </a:lnTo>
                  <a:lnTo>
                    <a:pt x="5558" y="67061"/>
                  </a:lnTo>
                  <a:lnTo>
                    <a:pt x="5558" y="68265"/>
                  </a:lnTo>
                  <a:lnTo>
                    <a:pt x="5604" y="69469"/>
                  </a:lnTo>
                  <a:lnTo>
                    <a:pt x="5650" y="71692"/>
                  </a:lnTo>
                  <a:lnTo>
                    <a:pt x="5650" y="72804"/>
                  </a:lnTo>
                  <a:lnTo>
                    <a:pt x="5650" y="73915"/>
                  </a:lnTo>
                  <a:lnTo>
                    <a:pt x="5558" y="74471"/>
                  </a:lnTo>
                  <a:lnTo>
                    <a:pt x="5511" y="74980"/>
                  </a:lnTo>
                  <a:lnTo>
                    <a:pt x="5372" y="76046"/>
                  </a:lnTo>
                  <a:lnTo>
                    <a:pt x="5326" y="76555"/>
                  </a:lnTo>
                  <a:lnTo>
                    <a:pt x="5326" y="77064"/>
                  </a:lnTo>
                  <a:lnTo>
                    <a:pt x="5465" y="77574"/>
                  </a:lnTo>
                  <a:lnTo>
                    <a:pt x="5650" y="78130"/>
                  </a:lnTo>
                  <a:lnTo>
                    <a:pt x="5789" y="78361"/>
                  </a:lnTo>
                  <a:lnTo>
                    <a:pt x="5975" y="78593"/>
                  </a:lnTo>
                  <a:lnTo>
                    <a:pt x="6160" y="78778"/>
                  </a:lnTo>
                  <a:lnTo>
                    <a:pt x="6438" y="78963"/>
                  </a:lnTo>
                  <a:lnTo>
                    <a:pt x="6669" y="79102"/>
                  </a:lnTo>
                  <a:lnTo>
                    <a:pt x="6947" y="79195"/>
                  </a:lnTo>
                  <a:lnTo>
                    <a:pt x="7271" y="79287"/>
                  </a:lnTo>
                  <a:lnTo>
                    <a:pt x="7549" y="79334"/>
                  </a:lnTo>
                  <a:lnTo>
                    <a:pt x="8198" y="79334"/>
                  </a:lnTo>
                  <a:lnTo>
                    <a:pt x="8800" y="79287"/>
                  </a:lnTo>
                  <a:lnTo>
                    <a:pt x="9402" y="79102"/>
                  </a:lnTo>
                  <a:lnTo>
                    <a:pt x="9633" y="78963"/>
                  </a:lnTo>
                  <a:lnTo>
                    <a:pt x="9865" y="78824"/>
                  </a:lnTo>
                  <a:lnTo>
                    <a:pt x="10328" y="78500"/>
                  </a:lnTo>
                  <a:lnTo>
                    <a:pt x="10698" y="78130"/>
                  </a:lnTo>
                  <a:lnTo>
                    <a:pt x="11069" y="77713"/>
                  </a:lnTo>
                  <a:lnTo>
                    <a:pt x="11347" y="77296"/>
                  </a:lnTo>
                  <a:lnTo>
                    <a:pt x="11578" y="76833"/>
                  </a:lnTo>
                  <a:lnTo>
                    <a:pt x="11764" y="76370"/>
                  </a:lnTo>
                  <a:lnTo>
                    <a:pt x="11949" y="75860"/>
                  </a:lnTo>
                  <a:lnTo>
                    <a:pt x="12041" y="75305"/>
                  </a:lnTo>
                  <a:lnTo>
                    <a:pt x="12134" y="74749"/>
                  </a:lnTo>
                  <a:lnTo>
                    <a:pt x="12180" y="74193"/>
                  </a:lnTo>
                  <a:lnTo>
                    <a:pt x="12180" y="73637"/>
                  </a:lnTo>
                  <a:lnTo>
                    <a:pt x="12180" y="73035"/>
                  </a:lnTo>
                  <a:lnTo>
                    <a:pt x="12041" y="71831"/>
                  </a:lnTo>
                  <a:lnTo>
                    <a:pt x="11856" y="70581"/>
                  </a:lnTo>
                  <a:lnTo>
                    <a:pt x="11625" y="69330"/>
                  </a:lnTo>
                  <a:lnTo>
                    <a:pt x="11347" y="68034"/>
                  </a:lnTo>
                  <a:lnTo>
                    <a:pt x="10745" y="65579"/>
                  </a:lnTo>
                  <a:lnTo>
                    <a:pt x="10467" y="64421"/>
                  </a:lnTo>
                  <a:lnTo>
                    <a:pt x="10235" y="63310"/>
                  </a:lnTo>
                  <a:lnTo>
                    <a:pt x="10050" y="62244"/>
                  </a:lnTo>
                  <a:lnTo>
                    <a:pt x="10004" y="61318"/>
                  </a:lnTo>
                  <a:lnTo>
                    <a:pt x="9957" y="58678"/>
                  </a:lnTo>
                  <a:lnTo>
                    <a:pt x="10004" y="55992"/>
                  </a:lnTo>
                  <a:lnTo>
                    <a:pt x="10143" y="53353"/>
                  </a:lnTo>
                  <a:lnTo>
                    <a:pt x="10282" y="50713"/>
                  </a:lnTo>
                  <a:lnTo>
                    <a:pt x="10559" y="45387"/>
                  </a:lnTo>
                  <a:lnTo>
                    <a:pt x="10652" y="42701"/>
                  </a:lnTo>
                  <a:lnTo>
                    <a:pt x="10698" y="40061"/>
                  </a:lnTo>
                  <a:lnTo>
                    <a:pt x="10698" y="37375"/>
                  </a:lnTo>
                  <a:lnTo>
                    <a:pt x="10652" y="34642"/>
                  </a:lnTo>
                  <a:lnTo>
                    <a:pt x="11115" y="34689"/>
                  </a:lnTo>
                  <a:lnTo>
                    <a:pt x="11578" y="34689"/>
                  </a:lnTo>
                  <a:lnTo>
                    <a:pt x="11995" y="34642"/>
                  </a:lnTo>
                  <a:lnTo>
                    <a:pt x="12412" y="34596"/>
                  </a:lnTo>
                  <a:lnTo>
                    <a:pt x="12829" y="34503"/>
                  </a:lnTo>
                  <a:lnTo>
                    <a:pt x="13199" y="34364"/>
                  </a:lnTo>
                  <a:lnTo>
                    <a:pt x="13570" y="34179"/>
                  </a:lnTo>
                  <a:lnTo>
                    <a:pt x="13894" y="33994"/>
                  </a:lnTo>
                  <a:lnTo>
                    <a:pt x="14218" y="33762"/>
                  </a:lnTo>
                  <a:lnTo>
                    <a:pt x="14496" y="33485"/>
                  </a:lnTo>
                  <a:lnTo>
                    <a:pt x="14774" y="33207"/>
                  </a:lnTo>
                  <a:lnTo>
                    <a:pt x="15006" y="32882"/>
                  </a:lnTo>
                  <a:lnTo>
                    <a:pt x="15237" y="32512"/>
                  </a:lnTo>
                  <a:lnTo>
                    <a:pt x="15422" y="32095"/>
                  </a:lnTo>
                  <a:lnTo>
                    <a:pt x="15561" y="31678"/>
                  </a:lnTo>
                  <a:lnTo>
                    <a:pt x="15654" y="31169"/>
                  </a:lnTo>
                  <a:lnTo>
                    <a:pt x="15885" y="30150"/>
                  </a:lnTo>
                  <a:lnTo>
                    <a:pt x="16071" y="29039"/>
                  </a:lnTo>
                  <a:lnTo>
                    <a:pt x="16163" y="27881"/>
                  </a:lnTo>
                  <a:lnTo>
                    <a:pt x="16256" y="26677"/>
                  </a:lnTo>
                  <a:lnTo>
                    <a:pt x="16210" y="26075"/>
                  </a:lnTo>
                  <a:lnTo>
                    <a:pt x="16163" y="25519"/>
                  </a:lnTo>
                  <a:lnTo>
                    <a:pt x="16117" y="24917"/>
                  </a:lnTo>
                  <a:lnTo>
                    <a:pt x="16024" y="24361"/>
                  </a:lnTo>
                  <a:lnTo>
                    <a:pt x="15839" y="23852"/>
                  </a:lnTo>
                  <a:lnTo>
                    <a:pt x="15654" y="23342"/>
                  </a:lnTo>
                  <a:lnTo>
                    <a:pt x="15422" y="22879"/>
                  </a:lnTo>
                  <a:lnTo>
                    <a:pt x="15144" y="22462"/>
                  </a:lnTo>
                  <a:lnTo>
                    <a:pt x="15052" y="22416"/>
                  </a:lnTo>
                  <a:lnTo>
                    <a:pt x="15006" y="22416"/>
                  </a:lnTo>
                  <a:lnTo>
                    <a:pt x="14867" y="22462"/>
                  </a:lnTo>
                  <a:lnTo>
                    <a:pt x="14403" y="22972"/>
                  </a:lnTo>
                  <a:lnTo>
                    <a:pt x="14033" y="23527"/>
                  </a:lnTo>
                  <a:lnTo>
                    <a:pt x="13709" y="24083"/>
                  </a:lnTo>
                  <a:lnTo>
                    <a:pt x="13477" y="24685"/>
                  </a:lnTo>
                  <a:lnTo>
                    <a:pt x="13292" y="25334"/>
                  </a:lnTo>
                  <a:lnTo>
                    <a:pt x="13107" y="25982"/>
                  </a:lnTo>
                  <a:lnTo>
                    <a:pt x="12921" y="27325"/>
                  </a:lnTo>
                  <a:lnTo>
                    <a:pt x="12829" y="27973"/>
                  </a:lnTo>
                  <a:lnTo>
                    <a:pt x="12782" y="28714"/>
                  </a:lnTo>
                  <a:lnTo>
                    <a:pt x="12736" y="29455"/>
                  </a:lnTo>
                  <a:lnTo>
                    <a:pt x="12597" y="30150"/>
                  </a:lnTo>
                  <a:lnTo>
                    <a:pt x="12505" y="30474"/>
                  </a:lnTo>
                  <a:lnTo>
                    <a:pt x="12366" y="30798"/>
                  </a:lnTo>
                  <a:lnTo>
                    <a:pt x="12227" y="31076"/>
                  </a:lnTo>
                  <a:lnTo>
                    <a:pt x="12041" y="31308"/>
                  </a:lnTo>
                  <a:lnTo>
                    <a:pt x="11810" y="31493"/>
                  </a:lnTo>
                  <a:lnTo>
                    <a:pt x="11532" y="31632"/>
                  </a:lnTo>
                  <a:lnTo>
                    <a:pt x="11208" y="31725"/>
                  </a:lnTo>
                  <a:lnTo>
                    <a:pt x="10837" y="31771"/>
                  </a:lnTo>
                  <a:lnTo>
                    <a:pt x="10606" y="31771"/>
                  </a:lnTo>
                  <a:lnTo>
                    <a:pt x="10374" y="25287"/>
                  </a:lnTo>
                  <a:lnTo>
                    <a:pt x="10189" y="18850"/>
                  </a:lnTo>
                  <a:lnTo>
                    <a:pt x="10096" y="16117"/>
                  </a:lnTo>
                  <a:lnTo>
                    <a:pt x="10004" y="13431"/>
                  </a:lnTo>
                  <a:lnTo>
                    <a:pt x="9865" y="10699"/>
                  </a:lnTo>
                  <a:lnTo>
                    <a:pt x="9680" y="7966"/>
                  </a:lnTo>
                  <a:lnTo>
                    <a:pt x="9633" y="6994"/>
                  </a:lnTo>
                  <a:lnTo>
                    <a:pt x="9633" y="5975"/>
                  </a:lnTo>
                  <a:lnTo>
                    <a:pt x="9633" y="4956"/>
                  </a:lnTo>
                  <a:lnTo>
                    <a:pt x="9633" y="3937"/>
                  </a:lnTo>
                  <a:lnTo>
                    <a:pt x="9494" y="2965"/>
                  </a:lnTo>
                  <a:lnTo>
                    <a:pt x="9448" y="2455"/>
                  </a:lnTo>
                  <a:lnTo>
                    <a:pt x="9309" y="1992"/>
                  </a:lnTo>
                  <a:lnTo>
                    <a:pt x="9170" y="1575"/>
                  </a:lnTo>
                  <a:lnTo>
                    <a:pt x="8985" y="1112"/>
                  </a:lnTo>
                  <a:lnTo>
                    <a:pt x="8753" y="695"/>
                  </a:lnTo>
                  <a:lnTo>
                    <a:pt x="8475" y="325"/>
                  </a:lnTo>
                  <a:lnTo>
                    <a:pt x="8244" y="140"/>
                  </a:lnTo>
                  <a:lnTo>
                    <a:pt x="8012" y="47"/>
                  </a:lnTo>
                  <a:lnTo>
                    <a:pt x="7734" y="1"/>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grpSp>
        <p:nvGrpSpPr>
          <p:cNvPr id="552" name="Google Shape;552;p34"/>
          <p:cNvGrpSpPr/>
          <p:nvPr/>
        </p:nvGrpSpPr>
        <p:grpSpPr>
          <a:xfrm flipH="1">
            <a:off x="0" y="10231110"/>
            <a:ext cx="20320000" cy="1182509"/>
            <a:chOff x="0" y="4611399"/>
            <a:chExt cx="9144000" cy="532129"/>
          </a:xfrm>
        </p:grpSpPr>
        <p:sp>
          <p:nvSpPr>
            <p:cNvPr id="553" name="Google Shape;553;p34"/>
            <p:cNvSpPr/>
            <p:nvPr/>
          </p:nvSpPr>
          <p:spPr>
            <a:xfrm>
              <a:off x="0" y="4611433"/>
              <a:ext cx="9144000" cy="532075"/>
            </a:xfrm>
            <a:custGeom>
              <a:avLst/>
              <a:gdLst/>
              <a:ahLst/>
              <a:cxnLst/>
              <a:rect l="l" t="t" r="r" b="b"/>
              <a:pathLst>
                <a:path w="285750" h="81326" extrusionOk="0">
                  <a:moveTo>
                    <a:pt x="84150" y="1"/>
                  </a:moveTo>
                  <a:lnTo>
                    <a:pt x="83270" y="47"/>
                  </a:lnTo>
                  <a:lnTo>
                    <a:pt x="82437" y="186"/>
                  </a:lnTo>
                  <a:lnTo>
                    <a:pt x="80723" y="464"/>
                  </a:lnTo>
                  <a:lnTo>
                    <a:pt x="78917" y="835"/>
                  </a:lnTo>
                  <a:lnTo>
                    <a:pt x="77111" y="1205"/>
                  </a:lnTo>
                  <a:lnTo>
                    <a:pt x="75258" y="1668"/>
                  </a:lnTo>
                  <a:lnTo>
                    <a:pt x="73359" y="2178"/>
                  </a:lnTo>
                  <a:lnTo>
                    <a:pt x="71414" y="2687"/>
                  </a:lnTo>
                  <a:lnTo>
                    <a:pt x="67478" y="3845"/>
                  </a:lnTo>
                  <a:lnTo>
                    <a:pt x="63402" y="5095"/>
                  </a:lnTo>
                  <a:lnTo>
                    <a:pt x="59280" y="6438"/>
                  </a:lnTo>
                  <a:lnTo>
                    <a:pt x="51037" y="9217"/>
                  </a:lnTo>
                  <a:lnTo>
                    <a:pt x="46961" y="10606"/>
                  </a:lnTo>
                  <a:lnTo>
                    <a:pt x="42932" y="11950"/>
                  </a:lnTo>
                  <a:lnTo>
                    <a:pt x="39042" y="13154"/>
                  </a:lnTo>
                  <a:lnTo>
                    <a:pt x="35290" y="14265"/>
                  </a:lnTo>
                  <a:lnTo>
                    <a:pt x="33484" y="14775"/>
                  </a:lnTo>
                  <a:lnTo>
                    <a:pt x="31724" y="15238"/>
                  </a:lnTo>
                  <a:lnTo>
                    <a:pt x="30011" y="15655"/>
                  </a:lnTo>
                  <a:lnTo>
                    <a:pt x="28390" y="16025"/>
                  </a:lnTo>
                  <a:lnTo>
                    <a:pt x="26815" y="16349"/>
                  </a:lnTo>
                  <a:lnTo>
                    <a:pt x="25287" y="16627"/>
                  </a:lnTo>
                  <a:lnTo>
                    <a:pt x="23851" y="16812"/>
                  </a:lnTo>
                  <a:lnTo>
                    <a:pt x="22462" y="16951"/>
                  </a:lnTo>
                  <a:lnTo>
                    <a:pt x="19868" y="17183"/>
                  </a:lnTo>
                  <a:lnTo>
                    <a:pt x="17414" y="17368"/>
                  </a:lnTo>
                  <a:lnTo>
                    <a:pt x="15098" y="17646"/>
                  </a:lnTo>
                  <a:lnTo>
                    <a:pt x="12921" y="17878"/>
                  </a:lnTo>
                  <a:lnTo>
                    <a:pt x="9077" y="18433"/>
                  </a:lnTo>
                  <a:lnTo>
                    <a:pt x="5882" y="18896"/>
                  </a:lnTo>
                  <a:lnTo>
                    <a:pt x="3335" y="19360"/>
                  </a:lnTo>
                  <a:lnTo>
                    <a:pt x="1528" y="19730"/>
                  </a:lnTo>
                  <a:lnTo>
                    <a:pt x="0" y="20101"/>
                  </a:lnTo>
                  <a:lnTo>
                    <a:pt x="0" y="81325"/>
                  </a:lnTo>
                  <a:lnTo>
                    <a:pt x="285750" y="81325"/>
                  </a:lnTo>
                  <a:lnTo>
                    <a:pt x="285750" y="16951"/>
                  </a:lnTo>
                  <a:lnTo>
                    <a:pt x="281906" y="16396"/>
                  </a:lnTo>
                  <a:lnTo>
                    <a:pt x="277460" y="15793"/>
                  </a:lnTo>
                  <a:lnTo>
                    <a:pt x="271578" y="15006"/>
                  </a:lnTo>
                  <a:lnTo>
                    <a:pt x="264492" y="14173"/>
                  </a:lnTo>
                  <a:lnTo>
                    <a:pt x="256388" y="13339"/>
                  </a:lnTo>
                  <a:lnTo>
                    <a:pt x="252034" y="12922"/>
                  </a:lnTo>
                  <a:lnTo>
                    <a:pt x="247496" y="12505"/>
                  </a:lnTo>
                  <a:lnTo>
                    <a:pt x="242818" y="12135"/>
                  </a:lnTo>
                  <a:lnTo>
                    <a:pt x="238002" y="11811"/>
                  </a:lnTo>
                  <a:lnTo>
                    <a:pt x="233139" y="11486"/>
                  </a:lnTo>
                  <a:lnTo>
                    <a:pt x="228137" y="11255"/>
                  </a:lnTo>
                  <a:lnTo>
                    <a:pt x="223135" y="11023"/>
                  </a:lnTo>
                  <a:lnTo>
                    <a:pt x="218133" y="10931"/>
                  </a:lnTo>
                  <a:lnTo>
                    <a:pt x="213132" y="10838"/>
                  </a:lnTo>
                  <a:lnTo>
                    <a:pt x="208130" y="10838"/>
                  </a:lnTo>
                  <a:lnTo>
                    <a:pt x="203221" y="10977"/>
                  </a:lnTo>
                  <a:lnTo>
                    <a:pt x="198404" y="11162"/>
                  </a:lnTo>
                  <a:lnTo>
                    <a:pt x="196042" y="11301"/>
                  </a:lnTo>
                  <a:lnTo>
                    <a:pt x="193680" y="11440"/>
                  </a:lnTo>
                  <a:lnTo>
                    <a:pt x="191365" y="11625"/>
                  </a:lnTo>
                  <a:lnTo>
                    <a:pt x="189141" y="11857"/>
                  </a:lnTo>
                  <a:lnTo>
                    <a:pt x="186918" y="12088"/>
                  </a:lnTo>
                  <a:lnTo>
                    <a:pt x="184695" y="12366"/>
                  </a:lnTo>
                  <a:lnTo>
                    <a:pt x="182565" y="12691"/>
                  </a:lnTo>
                  <a:lnTo>
                    <a:pt x="180527" y="13015"/>
                  </a:lnTo>
                  <a:lnTo>
                    <a:pt x="178490" y="13385"/>
                  </a:lnTo>
                  <a:lnTo>
                    <a:pt x="176498" y="13756"/>
                  </a:lnTo>
                  <a:lnTo>
                    <a:pt x="174599" y="14219"/>
                  </a:lnTo>
                  <a:lnTo>
                    <a:pt x="172747" y="14682"/>
                  </a:lnTo>
                  <a:lnTo>
                    <a:pt x="170987" y="15191"/>
                  </a:lnTo>
                  <a:lnTo>
                    <a:pt x="169273" y="15747"/>
                  </a:lnTo>
                  <a:lnTo>
                    <a:pt x="167652" y="16349"/>
                  </a:lnTo>
                  <a:lnTo>
                    <a:pt x="166124" y="16951"/>
                  </a:lnTo>
                  <a:lnTo>
                    <a:pt x="164596" y="17553"/>
                  </a:lnTo>
                  <a:lnTo>
                    <a:pt x="163114" y="18109"/>
                  </a:lnTo>
                  <a:lnTo>
                    <a:pt x="161585" y="18572"/>
                  </a:lnTo>
                  <a:lnTo>
                    <a:pt x="160057" y="18989"/>
                  </a:lnTo>
                  <a:lnTo>
                    <a:pt x="158529" y="19360"/>
                  </a:lnTo>
                  <a:lnTo>
                    <a:pt x="157047" y="19637"/>
                  </a:lnTo>
                  <a:lnTo>
                    <a:pt x="155518" y="19869"/>
                  </a:lnTo>
                  <a:lnTo>
                    <a:pt x="153990" y="20054"/>
                  </a:lnTo>
                  <a:lnTo>
                    <a:pt x="152508" y="20193"/>
                  </a:lnTo>
                  <a:lnTo>
                    <a:pt x="150980" y="20286"/>
                  </a:lnTo>
                  <a:lnTo>
                    <a:pt x="147969" y="20286"/>
                  </a:lnTo>
                  <a:lnTo>
                    <a:pt x="146487" y="20193"/>
                  </a:lnTo>
                  <a:lnTo>
                    <a:pt x="144959" y="20101"/>
                  </a:lnTo>
                  <a:lnTo>
                    <a:pt x="143477" y="19915"/>
                  </a:lnTo>
                  <a:lnTo>
                    <a:pt x="141995" y="19730"/>
                  </a:lnTo>
                  <a:lnTo>
                    <a:pt x="140513" y="19498"/>
                  </a:lnTo>
                  <a:lnTo>
                    <a:pt x="139031" y="19221"/>
                  </a:lnTo>
                  <a:lnTo>
                    <a:pt x="137549" y="18896"/>
                  </a:lnTo>
                  <a:lnTo>
                    <a:pt x="136067" y="18572"/>
                  </a:lnTo>
                  <a:lnTo>
                    <a:pt x="134585" y="18202"/>
                  </a:lnTo>
                  <a:lnTo>
                    <a:pt x="133149" y="17831"/>
                  </a:lnTo>
                  <a:lnTo>
                    <a:pt x="130232" y="16951"/>
                  </a:lnTo>
                  <a:lnTo>
                    <a:pt x="127360" y="15979"/>
                  </a:lnTo>
                  <a:lnTo>
                    <a:pt x="124535" y="14914"/>
                  </a:lnTo>
                  <a:lnTo>
                    <a:pt x="121710" y="13802"/>
                  </a:lnTo>
                  <a:lnTo>
                    <a:pt x="118931" y="12644"/>
                  </a:lnTo>
                  <a:lnTo>
                    <a:pt x="116245" y="11440"/>
                  </a:lnTo>
                  <a:lnTo>
                    <a:pt x="113559" y="10236"/>
                  </a:lnTo>
                  <a:lnTo>
                    <a:pt x="108326" y="7874"/>
                  </a:lnTo>
                  <a:lnTo>
                    <a:pt x="103324" y="5558"/>
                  </a:lnTo>
                  <a:lnTo>
                    <a:pt x="100916" y="4493"/>
                  </a:lnTo>
                  <a:lnTo>
                    <a:pt x="98554" y="3521"/>
                  </a:lnTo>
                  <a:lnTo>
                    <a:pt x="96284" y="2641"/>
                  </a:lnTo>
                  <a:lnTo>
                    <a:pt x="94061" y="1853"/>
                  </a:lnTo>
                  <a:lnTo>
                    <a:pt x="91931" y="1159"/>
                  </a:lnTo>
                  <a:lnTo>
                    <a:pt x="90912" y="881"/>
                  </a:lnTo>
                  <a:lnTo>
                    <a:pt x="89893" y="649"/>
                  </a:lnTo>
                  <a:lnTo>
                    <a:pt x="88874" y="418"/>
                  </a:lnTo>
                  <a:lnTo>
                    <a:pt x="87902" y="279"/>
                  </a:lnTo>
                  <a:lnTo>
                    <a:pt x="86929" y="140"/>
                  </a:lnTo>
                  <a:lnTo>
                    <a:pt x="86003" y="47"/>
                  </a:lnTo>
                  <a:lnTo>
                    <a:pt x="85077" y="1"/>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554" name="Google Shape;554;p34"/>
            <p:cNvSpPr/>
            <p:nvPr/>
          </p:nvSpPr>
          <p:spPr>
            <a:xfrm>
              <a:off x="0" y="4611399"/>
              <a:ext cx="9143916" cy="532129"/>
            </a:xfrm>
            <a:custGeom>
              <a:avLst/>
              <a:gdLst/>
              <a:ahLst/>
              <a:cxnLst/>
              <a:rect l="l" t="t" r="r" b="b"/>
              <a:pathLst>
                <a:path w="285057" h="22555" extrusionOk="0">
                  <a:moveTo>
                    <a:pt x="1" y="0"/>
                  </a:moveTo>
                  <a:lnTo>
                    <a:pt x="1" y="22554"/>
                  </a:lnTo>
                  <a:lnTo>
                    <a:pt x="285056" y="22554"/>
                  </a:lnTo>
                  <a:lnTo>
                    <a:pt x="285056" y="16904"/>
                  </a:lnTo>
                  <a:lnTo>
                    <a:pt x="281860" y="16673"/>
                  </a:lnTo>
                  <a:lnTo>
                    <a:pt x="273246" y="16117"/>
                  </a:lnTo>
                  <a:lnTo>
                    <a:pt x="267365" y="15654"/>
                  </a:lnTo>
                  <a:lnTo>
                    <a:pt x="260695" y="15144"/>
                  </a:lnTo>
                  <a:lnTo>
                    <a:pt x="253424" y="14496"/>
                  </a:lnTo>
                  <a:lnTo>
                    <a:pt x="245736" y="13801"/>
                  </a:lnTo>
                  <a:lnTo>
                    <a:pt x="237771" y="12968"/>
                  </a:lnTo>
                  <a:lnTo>
                    <a:pt x="229759" y="12088"/>
                  </a:lnTo>
                  <a:lnTo>
                    <a:pt x="225822" y="11625"/>
                  </a:lnTo>
                  <a:lnTo>
                    <a:pt x="221885" y="11115"/>
                  </a:lnTo>
                  <a:lnTo>
                    <a:pt x="218088" y="10606"/>
                  </a:lnTo>
                  <a:lnTo>
                    <a:pt x="214336" y="10050"/>
                  </a:lnTo>
                  <a:lnTo>
                    <a:pt x="210770" y="9494"/>
                  </a:lnTo>
                  <a:lnTo>
                    <a:pt x="207297" y="8892"/>
                  </a:lnTo>
                  <a:lnTo>
                    <a:pt x="204009" y="8290"/>
                  </a:lnTo>
                  <a:lnTo>
                    <a:pt x="200952" y="7688"/>
                  </a:lnTo>
                  <a:lnTo>
                    <a:pt x="198081" y="7040"/>
                  </a:lnTo>
                  <a:lnTo>
                    <a:pt x="195441" y="6391"/>
                  </a:lnTo>
                  <a:lnTo>
                    <a:pt x="193079" y="5697"/>
                  </a:lnTo>
                  <a:lnTo>
                    <a:pt x="192014" y="5326"/>
                  </a:lnTo>
                  <a:lnTo>
                    <a:pt x="190995" y="5002"/>
                  </a:lnTo>
                  <a:lnTo>
                    <a:pt x="190022" y="4632"/>
                  </a:lnTo>
                  <a:lnTo>
                    <a:pt x="189096" y="4354"/>
                  </a:lnTo>
                  <a:lnTo>
                    <a:pt x="188123" y="4030"/>
                  </a:lnTo>
                  <a:lnTo>
                    <a:pt x="187151" y="3798"/>
                  </a:lnTo>
                  <a:lnTo>
                    <a:pt x="186132" y="3566"/>
                  </a:lnTo>
                  <a:lnTo>
                    <a:pt x="185159" y="3381"/>
                  </a:lnTo>
                  <a:lnTo>
                    <a:pt x="183214" y="3057"/>
                  </a:lnTo>
                  <a:lnTo>
                    <a:pt x="181223" y="2872"/>
                  </a:lnTo>
                  <a:lnTo>
                    <a:pt x="179231" y="2733"/>
                  </a:lnTo>
                  <a:lnTo>
                    <a:pt x="177193" y="2733"/>
                  </a:lnTo>
                  <a:lnTo>
                    <a:pt x="175156" y="2779"/>
                  </a:lnTo>
                  <a:lnTo>
                    <a:pt x="173118" y="2918"/>
                  </a:lnTo>
                  <a:lnTo>
                    <a:pt x="171034" y="3103"/>
                  </a:lnTo>
                  <a:lnTo>
                    <a:pt x="168996" y="3381"/>
                  </a:lnTo>
                  <a:lnTo>
                    <a:pt x="166866" y="3705"/>
                  </a:lnTo>
                  <a:lnTo>
                    <a:pt x="164735" y="4076"/>
                  </a:lnTo>
                  <a:lnTo>
                    <a:pt x="162605" y="4493"/>
                  </a:lnTo>
                  <a:lnTo>
                    <a:pt x="160475" y="4956"/>
                  </a:lnTo>
                  <a:lnTo>
                    <a:pt x="158298" y="5465"/>
                  </a:lnTo>
                  <a:lnTo>
                    <a:pt x="153852" y="6484"/>
                  </a:lnTo>
                  <a:lnTo>
                    <a:pt x="149359" y="7596"/>
                  </a:lnTo>
                  <a:lnTo>
                    <a:pt x="144775" y="8707"/>
                  </a:lnTo>
                  <a:lnTo>
                    <a:pt x="140097" y="9772"/>
                  </a:lnTo>
                  <a:lnTo>
                    <a:pt x="137735" y="10282"/>
                  </a:lnTo>
                  <a:lnTo>
                    <a:pt x="135327" y="10745"/>
                  </a:lnTo>
                  <a:lnTo>
                    <a:pt x="132918" y="11162"/>
                  </a:lnTo>
                  <a:lnTo>
                    <a:pt x="130464" y="11532"/>
                  </a:lnTo>
                  <a:lnTo>
                    <a:pt x="127963" y="11903"/>
                  </a:lnTo>
                  <a:lnTo>
                    <a:pt x="125462" y="12180"/>
                  </a:lnTo>
                  <a:lnTo>
                    <a:pt x="122961" y="12366"/>
                  </a:lnTo>
                  <a:lnTo>
                    <a:pt x="120414" y="12505"/>
                  </a:lnTo>
                  <a:lnTo>
                    <a:pt x="117635" y="12597"/>
                  </a:lnTo>
                  <a:lnTo>
                    <a:pt x="114532" y="12597"/>
                  </a:lnTo>
                  <a:lnTo>
                    <a:pt x="111105" y="12505"/>
                  </a:lnTo>
                  <a:lnTo>
                    <a:pt x="107354" y="12319"/>
                  </a:lnTo>
                  <a:lnTo>
                    <a:pt x="103371" y="12088"/>
                  </a:lnTo>
                  <a:lnTo>
                    <a:pt x="99110" y="11810"/>
                  </a:lnTo>
                  <a:lnTo>
                    <a:pt x="94664" y="11486"/>
                  </a:lnTo>
                  <a:lnTo>
                    <a:pt x="90033" y="11069"/>
                  </a:lnTo>
                  <a:lnTo>
                    <a:pt x="85263" y="10606"/>
                  </a:lnTo>
                  <a:lnTo>
                    <a:pt x="80353" y="10143"/>
                  </a:lnTo>
                  <a:lnTo>
                    <a:pt x="70257" y="9078"/>
                  </a:lnTo>
                  <a:lnTo>
                    <a:pt x="60068" y="7920"/>
                  </a:lnTo>
                  <a:lnTo>
                    <a:pt x="49926" y="6716"/>
                  </a:lnTo>
                  <a:lnTo>
                    <a:pt x="40108" y="5465"/>
                  </a:lnTo>
                  <a:lnTo>
                    <a:pt x="30891" y="4261"/>
                  </a:lnTo>
                  <a:lnTo>
                    <a:pt x="22416" y="3150"/>
                  </a:lnTo>
                  <a:lnTo>
                    <a:pt x="14960" y="2131"/>
                  </a:lnTo>
                  <a:lnTo>
                    <a:pt x="4076" y="602"/>
                  </a:lnTo>
                  <a:lnTo>
                    <a:pt x="1" y="0"/>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Tree>
    <p:extLst>
      <p:ext uri="{BB962C8B-B14F-4D97-AF65-F5344CB8AC3E}">
        <p14:creationId xmlns:p14="http://schemas.microsoft.com/office/powerpoint/2010/main" val="3503627860"/>
      </p:ext>
    </p:extLst>
  </p:cSld>
  <p:clrMapOvr>
    <a:masterClrMapping/>
  </p:clrMapOvr>
</p:sldLayout>
</file>

<file path=ppt/slideLayouts/slideLayout117.xml><?xml version="1.0" encoding="utf-8"?>
<p:sldLayout xmlns:a="http://schemas.openxmlformats.org/drawingml/2006/main" xmlns:r="http://schemas.openxmlformats.org/officeDocument/2006/relationships" xmlns:p="http://schemas.openxmlformats.org/presentationml/2006/main" matchingName="Thanks">
  <p:cSld name="Thanks">
    <p:spTree>
      <p:nvGrpSpPr>
        <p:cNvPr id="1" name="Shape 555"/>
        <p:cNvGrpSpPr/>
        <p:nvPr/>
      </p:nvGrpSpPr>
      <p:grpSpPr>
        <a:xfrm>
          <a:off x="0" y="0"/>
          <a:ext cx="0" cy="0"/>
          <a:chOff x="0" y="0"/>
          <a:chExt cx="0" cy="0"/>
        </a:xfrm>
      </p:grpSpPr>
      <p:pic>
        <p:nvPicPr>
          <p:cNvPr id="556" name="Google Shape;556;p35"/>
          <p:cNvPicPr preferRelativeResize="0"/>
          <p:nvPr/>
        </p:nvPicPr>
        <p:blipFill rotWithShape="1">
          <a:blip r:embed="rId2">
            <a:alphaModFix amt="58999"/>
          </a:blip>
          <a:srcRect/>
          <a:stretch/>
        </p:blipFill>
        <p:spPr>
          <a:xfrm>
            <a:off x="0" y="0"/>
            <a:ext cx="20320000" cy="11430000"/>
          </a:xfrm>
          <a:prstGeom prst="rect">
            <a:avLst/>
          </a:prstGeom>
          <a:noFill/>
          <a:ln>
            <a:noFill/>
          </a:ln>
        </p:spPr>
      </p:pic>
      <p:grpSp>
        <p:nvGrpSpPr>
          <p:cNvPr id="557" name="Google Shape;557;p35"/>
          <p:cNvGrpSpPr/>
          <p:nvPr/>
        </p:nvGrpSpPr>
        <p:grpSpPr>
          <a:xfrm>
            <a:off x="921445" y="681333"/>
            <a:ext cx="18477111" cy="481333"/>
            <a:chOff x="414650" y="306600"/>
            <a:chExt cx="8314700" cy="216600"/>
          </a:xfrm>
        </p:grpSpPr>
        <p:grpSp>
          <p:nvGrpSpPr>
            <p:cNvPr id="558" name="Google Shape;558;p35"/>
            <p:cNvGrpSpPr/>
            <p:nvPr/>
          </p:nvGrpSpPr>
          <p:grpSpPr>
            <a:xfrm>
              <a:off x="713281" y="389286"/>
              <a:ext cx="7717437" cy="51251"/>
              <a:chOff x="450050" y="465475"/>
              <a:chExt cx="8367600" cy="51241"/>
            </a:xfrm>
          </p:grpSpPr>
          <p:cxnSp>
            <p:nvCxnSpPr>
              <p:cNvPr id="559" name="Google Shape;559;p35"/>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560" name="Google Shape;560;p35"/>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561" name="Google Shape;561;p35"/>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562" name="Google Shape;562;p35"/>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563" name="Google Shape;563;p35"/>
          <p:cNvSpPr txBox="1">
            <a:spLocks noGrp="1"/>
          </p:cNvSpPr>
          <p:nvPr>
            <p:ph type="title"/>
          </p:nvPr>
        </p:nvSpPr>
        <p:spPr>
          <a:xfrm>
            <a:off x="8297389" y="1378055"/>
            <a:ext cx="9884667" cy="2352667"/>
          </a:xfrm>
          <a:prstGeom prst="rect">
            <a:avLst/>
          </a:prstGeom>
        </p:spPr>
        <p:txBody>
          <a:bodyPr spcFirstLastPara="1" wrap="square" lIns="91425" tIns="91425" rIns="91425" bIns="91425" anchor="b" anchorCtr="0">
            <a:noAutofit/>
          </a:bodyPr>
          <a:lstStyle>
            <a:lvl1pPr lvl="0" algn="ctr" rtl="0">
              <a:spcBef>
                <a:spcPts val="0"/>
              </a:spcBef>
              <a:spcAft>
                <a:spcPts val="0"/>
              </a:spcAft>
              <a:buSzPts val="3500"/>
              <a:buNone/>
              <a:defRPr sz="13333"/>
            </a:lvl1pPr>
            <a:lvl2pPr lvl="1" rtl="0">
              <a:spcBef>
                <a:spcPts val="0"/>
              </a:spcBef>
              <a:spcAft>
                <a:spcPts val="0"/>
              </a:spcAft>
              <a:buSzPts val="3500"/>
              <a:buNone/>
              <a:defRPr/>
            </a:lvl2pPr>
            <a:lvl3pPr lvl="2" rtl="0">
              <a:spcBef>
                <a:spcPts val="0"/>
              </a:spcBef>
              <a:spcAft>
                <a:spcPts val="0"/>
              </a:spcAft>
              <a:buSzPts val="3500"/>
              <a:buNone/>
              <a:defRPr/>
            </a:lvl3pPr>
            <a:lvl4pPr lvl="3" rtl="0">
              <a:spcBef>
                <a:spcPts val="0"/>
              </a:spcBef>
              <a:spcAft>
                <a:spcPts val="0"/>
              </a:spcAft>
              <a:buSzPts val="3500"/>
              <a:buNone/>
              <a:defRPr/>
            </a:lvl4pPr>
            <a:lvl5pPr lvl="4" rtl="0">
              <a:spcBef>
                <a:spcPts val="0"/>
              </a:spcBef>
              <a:spcAft>
                <a:spcPts val="0"/>
              </a:spcAft>
              <a:buSzPts val="3500"/>
              <a:buNone/>
              <a:defRPr/>
            </a:lvl5pPr>
            <a:lvl6pPr lvl="5" rtl="0">
              <a:spcBef>
                <a:spcPts val="0"/>
              </a:spcBef>
              <a:spcAft>
                <a:spcPts val="0"/>
              </a:spcAft>
              <a:buSzPts val="3500"/>
              <a:buNone/>
              <a:defRPr/>
            </a:lvl6pPr>
            <a:lvl7pPr lvl="6" rtl="0">
              <a:spcBef>
                <a:spcPts val="0"/>
              </a:spcBef>
              <a:spcAft>
                <a:spcPts val="0"/>
              </a:spcAft>
              <a:buSzPts val="3500"/>
              <a:buNone/>
              <a:defRPr/>
            </a:lvl7pPr>
            <a:lvl8pPr lvl="7" rtl="0">
              <a:spcBef>
                <a:spcPts val="0"/>
              </a:spcBef>
              <a:spcAft>
                <a:spcPts val="0"/>
              </a:spcAft>
              <a:buSzPts val="3500"/>
              <a:buNone/>
              <a:defRPr/>
            </a:lvl8pPr>
            <a:lvl9pPr lvl="8" rtl="0">
              <a:spcBef>
                <a:spcPts val="0"/>
              </a:spcBef>
              <a:spcAft>
                <a:spcPts val="0"/>
              </a:spcAft>
              <a:buSzPts val="3500"/>
              <a:buNone/>
              <a:defRPr/>
            </a:lvl9pPr>
          </a:lstStyle>
          <a:p>
            <a:endParaRPr/>
          </a:p>
        </p:txBody>
      </p:sp>
      <p:sp>
        <p:nvSpPr>
          <p:cNvPr id="564" name="Google Shape;564;p35"/>
          <p:cNvSpPr txBox="1">
            <a:spLocks noGrp="1"/>
          </p:cNvSpPr>
          <p:nvPr>
            <p:ph type="subTitle" idx="1"/>
          </p:nvPr>
        </p:nvSpPr>
        <p:spPr>
          <a:xfrm>
            <a:off x="8297278" y="3730722"/>
            <a:ext cx="9884667" cy="2352667"/>
          </a:xfrm>
          <a:prstGeom prst="rect">
            <a:avLst/>
          </a:prstGeom>
        </p:spPr>
        <p:txBody>
          <a:bodyPr spcFirstLastPara="1" wrap="square" lIns="91425" tIns="91425" rIns="91425" bIns="91425" anchor="t" anchorCtr="0">
            <a:noAutofit/>
          </a:bodyPr>
          <a:lstStyle>
            <a:lvl1pPr lvl="0" algn="ctr" rtl="0">
              <a:lnSpc>
                <a:spcPct val="100000"/>
              </a:lnSpc>
              <a:spcBef>
                <a:spcPts val="0"/>
              </a:spcBef>
              <a:spcAft>
                <a:spcPts val="0"/>
              </a:spcAft>
              <a:buSzPts val="1400"/>
              <a:buNone/>
              <a:defRPr/>
            </a:lvl1pPr>
            <a:lvl2pPr lvl="1" algn="ctr" rtl="0">
              <a:lnSpc>
                <a:spcPct val="100000"/>
              </a:lnSpc>
              <a:spcBef>
                <a:spcPts val="0"/>
              </a:spcBef>
              <a:spcAft>
                <a:spcPts val="0"/>
              </a:spcAft>
              <a:buSzPts val="1400"/>
              <a:buNone/>
              <a:defRPr/>
            </a:lvl2pPr>
            <a:lvl3pPr lvl="2" algn="ctr" rtl="0">
              <a:lnSpc>
                <a:spcPct val="100000"/>
              </a:lnSpc>
              <a:spcBef>
                <a:spcPts val="3556"/>
              </a:spcBef>
              <a:spcAft>
                <a:spcPts val="0"/>
              </a:spcAft>
              <a:buSzPts val="1400"/>
              <a:buNone/>
              <a:defRPr/>
            </a:lvl3pPr>
            <a:lvl4pPr lvl="3" algn="ctr" rtl="0">
              <a:lnSpc>
                <a:spcPct val="100000"/>
              </a:lnSpc>
              <a:spcBef>
                <a:spcPts val="3556"/>
              </a:spcBef>
              <a:spcAft>
                <a:spcPts val="0"/>
              </a:spcAft>
              <a:buSzPts val="1400"/>
              <a:buNone/>
              <a:defRPr/>
            </a:lvl4pPr>
            <a:lvl5pPr lvl="4" algn="ctr" rtl="0">
              <a:lnSpc>
                <a:spcPct val="100000"/>
              </a:lnSpc>
              <a:spcBef>
                <a:spcPts val="3556"/>
              </a:spcBef>
              <a:spcAft>
                <a:spcPts val="0"/>
              </a:spcAft>
              <a:buSzPts val="1400"/>
              <a:buNone/>
              <a:defRPr/>
            </a:lvl5pPr>
            <a:lvl6pPr lvl="5" algn="ctr" rtl="0">
              <a:lnSpc>
                <a:spcPct val="100000"/>
              </a:lnSpc>
              <a:spcBef>
                <a:spcPts val="3556"/>
              </a:spcBef>
              <a:spcAft>
                <a:spcPts val="0"/>
              </a:spcAft>
              <a:buSzPts val="1400"/>
              <a:buNone/>
              <a:defRPr/>
            </a:lvl6pPr>
            <a:lvl7pPr lvl="6" algn="ctr" rtl="0">
              <a:lnSpc>
                <a:spcPct val="100000"/>
              </a:lnSpc>
              <a:spcBef>
                <a:spcPts val="3556"/>
              </a:spcBef>
              <a:spcAft>
                <a:spcPts val="0"/>
              </a:spcAft>
              <a:buSzPts val="1400"/>
              <a:buNone/>
              <a:defRPr/>
            </a:lvl7pPr>
            <a:lvl8pPr lvl="7" algn="ctr" rtl="0">
              <a:lnSpc>
                <a:spcPct val="100000"/>
              </a:lnSpc>
              <a:spcBef>
                <a:spcPts val="3556"/>
              </a:spcBef>
              <a:spcAft>
                <a:spcPts val="0"/>
              </a:spcAft>
              <a:buSzPts val="1400"/>
              <a:buNone/>
              <a:defRPr/>
            </a:lvl8pPr>
            <a:lvl9pPr lvl="8" algn="ctr" rtl="0">
              <a:lnSpc>
                <a:spcPct val="100000"/>
              </a:lnSpc>
              <a:spcBef>
                <a:spcPts val="3556"/>
              </a:spcBef>
              <a:spcAft>
                <a:spcPts val="3556"/>
              </a:spcAft>
              <a:buSzPts val="1400"/>
              <a:buNone/>
              <a:defRPr/>
            </a:lvl9pPr>
          </a:lstStyle>
          <a:p>
            <a:endParaRPr/>
          </a:p>
        </p:txBody>
      </p:sp>
      <p:grpSp>
        <p:nvGrpSpPr>
          <p:cNvPr id="565" name="Google Shape;565;p35"/>
          <p:cNvGrpSpPr/>
          <p:nvPr/>
        </p:nvGrpSpPr>
        <p:grpSpPr>
          <a:xfrm flipH="1">
            <a:off x="970" y="10051627"/>
            <a:ext cx="20319753" cy="1758769"/>
            <a:chOff x="-42851" y="4313292"/>
            <a:chExt cx="9229725" cy="871349"/>
          </a:xfrm>
        </p:grpSpPr>
        <p:sp>
          <p:nvSpPr>
            <p:cNvPr id="566" name="Google Shape;566;p35"/>
            <p:cNvSpPr/>
            <p:nvPr/>
          </p:nvSpPr>
          <p:spPr>
            <a:xfrm flipH="1">
              <a:off x="-42851" y="4349091"/>
              <a:ext cx="9229725" cy="799841"/>
            </a:xfrm>
            <a:custGeom>
              <a:avLst/>
              <a:gdLst/>
              <a:ahLst/>
              <a:cxnLst/>
              <a:rect l="l" t="t" r="r" b="b"/>
              <a:pathLst>
                <a:path w="285750" h="81326" extrusionOk="0">
                  <a:moveTo>
                    <a:pt x="84150" y="1"/>
                  </a:moveTo>
                  <a:lnTo>
                    <a:pt x="83270" y="47"/>
                  </a:lnTo>
                  <a:lnTo>
                    <a:pt x="82437" y="186"/>
                  </a:lnTo>
                  <a:lnTo>
                    <a:pt x="80723" y="464"/>
                  </a:lnTo>
                  <a:lnTo>
                    <a:pt x="78917" y="835"/>
                  </a:lnTo>
                  <a:lnTo>
                    <a:pt x="77111" y="1205"/>
                  </a:lnTo>
                  <a:lnTo>
                    <a:pt x="75258" y="1668"/>
                  </a:lnTo>
                  <a:lnTo>
                    <a:pt x="73359" y="2178"/>
                  </a:lnTo>
                  <a:lnTo>
                    <a:pt x="71414" y="2687"/>
                  </a:lnTo>
                  <a:lnTo>
                    <a:pt x="67478" y="3845"/>
                  </a:lnTo>
                  <a:lnTo>
                    <a:pt x="63402" y="5095"/>
                  </a:lnTo>
                  <a:lnTo>
                    <a:pt x="59280" y="6438"/>
                  </a:lnTo>
                  <a:lnTo>
                    <a:pt x="51037" y="9217"/>
                  </a:lnTo>
                  <a:lnTo>
                    <a:pt x="46961" y="10606"/>
                  </a:lnTo>
                  <a:lnTo>
                    <a:pt x="42932" y="11950"/>
                  </a:lnTo>
                  <a:lnTo>
                    <a:pt x="39042" y="13154"/>
                  </a:lnTo>
                  <a:lnTo>
                    <a:pt x="35290" y="14265"/>
                  </a:lnTo>
                  <a:lnTo>
                    <a:pt x="33484" y="14775"/>
                  </a:lnTo>
                  <a:lnTo>
                    <a:pt x="31724" y="15238"/>
                  </a:lnTo>
                  <a:lnTo>
                    <a:pt x="30011" y="15655"/>
                  </a:lnTo>
                  <a:lnTo>
                    <a:pt x="28390" y="16025"/>
                  </a:lnTo>
                  <a:lnTo>
                    <a:pt x="26815" y="16349"/>
                  </a:lnTo>
                  <a:lnTo>
                    <a:pt x="25287" y="16627"/>
                  </a:lnTo>
                  <a:lnTo>
                    <a:pt x="23851" y="16812"/>
                  </a:lnTo>
                  <a:lnTo>
                    <a:pt x="22462" y="16951"/>
                  </a:lnTo>
                  <a:lnTo>
                    <a:pt x="19868" y="17183"/>
                  </a:lnTo>
                  <a:lnTo>
                    <a:pt x="17414" y="17368"/>
                  </a:lnTo>
                  <a:lnTo>
                    <a:pt x="15098" y="17646"/>
                  </a:lnTo>
                  <a:lnTo>
                    <a:pt x="12921" y="17878"/>
                  </a:lnTo>
                  <a:lnTo>
                    <a:pt x="9077" y="18433"/>
                  </a:lnTo>
                  <a:lnTo>
                    <a:pt x="5882" y="18896"/>
                  </a:lnTo>
                  <a:lnTo>
                    <a:pt x="3335" y="19360"/>
                  </a:lnTo>
                  <a:lnTo>
                    <a:pt x="1528" y="19730"/>
                  </a:lnTo>
                  <a:lnTo>
                    <a:pt x="0" y="20101"/>
                  </a:lnTo>
                  <a:lnTo>
                    <a:pt x="0" y="81325"/>
                  </a:lnTo>
                  <a:lnTo>
                    <a:pt x="285750" y="81325"/>
                  </a:lnTo>
                  <a:lnTo>
                    <a:pt x="285750" y="16951"/>
                  </a:lnTo>
                  <a:lnTo>
                    <a:pt x="281906" y="16396"/>
                  </a:lnTo>
                  <a:lnTo>
                    <a:pt x="277460" y="15793"/>
                  </a:lnTo>
                  <a:lnTo>
                    <a:pt x="271578" y="15006"/>
                  </a:lnTo>
                  <a:lnTo>
                    <a:pt x="264492" y="14173"/>
                  </a:lnTo>
                  <a:lnTo>
                    <a:pt x="256388" y="13339"/>
                  </a:lnTo>
                  <a:lnTo>
                    <a:pt x="252034" y="12922"/>
                  </a:lnTo>
                  <a:lnTo>
                    <a:pt x="247496" y="12505"/>
                  </a:lnTo>
                  <a:lnTo>
                    <a:pt x="242818" y="12135"/>
                  </a:lnTo>
                  <a:lnTo>
                    <a:pt x="238002" y="11811"/>
                  </a:lnTo>
                  <a:lnTo>
                    <a:pt x="233139" y="11486"/>
                  </a:lnTo>
                  <a:lnTo>
                    <a:pt x="228137" y="11255"/>
                  </a:lnTo>
                  <a:lnTo>
                    <a:pt x="223135" y="11023"/>
                  </a:lnTo>
                  <a:lnTo>
                    <a:pt x="218133" y="10931"/>
                  </a:lnTo>
                  <a:lnTo>
                    <a:pt x="213132" y="10838"/>
                  </a:lnTo>
                  <a:lnTo>
                    <a:pt x="208130" y="10838"/>
                  </a:lnTo>
                  <a:lnTo>
                    <a:pt x="203221" y="10977"/>
                  </a:lnTo>
                  <a:lnTo>
                    <a:pt x="198404" y="11162"/>
                  </a:lnTo>
                  <a:lnTo>
                    <a:pt x="196042" y="11301"/>
                  </a:lnTo>
                  <a:lnTo>
                    <a:pt x="193680" y="11440"/>
                  </a:lnTo>
                  <a:lnTo>
                    <a:pt x="191365" y="11625"/>
                  </a:lnTo>
                  <a:lnTo>
                    <a:pt x="189141" y="11857"/>
                  </a:lnTo>
                  <a:lnTo>
                    <a:pt x="186918" y="12088"/>
                  </a:lnTo>
                  <a:lnTo>
                    <a:pt x="184695" y="12366"/>
                  </a:lnTo>
                  <a:lnTo>
                    <a:pt x="182565" y="12691"/>
                  </a:lnTo>
                  <a:lnTo>
                    <a:pt x="180527" y="13015"/>
                  </a:lnTo>
                  <a:lnTo>
                    <a:pt x="178490" y="13385"/>
                  </a:lnTo>
                  <a:lnTo>
                    <a:pt x="176498" y="13756"/>
                  </a:lnTo>
                  <a:lnTo>
                    <a:pt x="174599" y="14219"/>
                  </a:lnTo>
                  <a:lnTo>
                    <a:pt x="172747" y="14682"/>
                  </a:lnTo>
                  <a:lnTo>
                    <a:pt x="170987" y="15191"/>
                  </a:lnTo>
                  <a:lnTo>
                    <a:pt x="169273" y="15747"/>
                  </a:lnTo>
                  <a:lnTo>
                    <a:pt x="167652" y="16349"/>
                  </a:lnTo>
                  <a:lnTo>
                    <a:pt x="166124" y="16951"/>
                  </a:lnTo>
                  <a:lnTo>
                    <a:pt x="164596" y="17553"/>
                  </a:lnTo>
                  <a:lnTo>
                    <a:pt x="163114" y="18109"/>
                  </a:lnTo>
                  <a:lnTo>
                    <a:pt x="161585" y="18572"/>
                  </a:lnTo>
                  <a:lnTo>
                    <a:pt x="160057" y="18989"/>
                  </a:lnTo>
                  <a:lnTo>
                    <a:pt x="158529" y="19360"/>
                  </a:lnTo>
                  <a:lnTo>
                    <a:pt x="157047" y="19637"/>
                  </a:lnTo>
                  <a:lnTo>
                    <a:pt x="155518" y="19869"/>
                  </a:lnTo>
                  <a:lnTo>
                    <a:pt x="153990" y="20054"/>
                  </a:lnTo>
                  <a:lnTo>
                    <a:pt x="152508" y="20193"/>
                  </a:lnTo>
                  <a:lnTo>
                    <a:pt x="150980" y="20286"/>
                  </a:lnTo>
                  <a:lnTo>
                    <a:pt x="147969" y="20286"/>
                  </a:lnTo>
                  <a:lnTo>
                    <a:pt x="146487" y="20193"/>
                  </a:lnTo>
                  <a:lnTo>
                    <a:pt x="144959" y="20101"/>
                  </a:lnTo>
                  <a:lnTo>
                    <a:pt x="143477" y="19915"/>
                  </a:lnTo>
                  <a:lnTo>
                    <a:pt x="141995" y="19730"/>
                  </a:lnTo>
                  <a:lnTo>
                    <a:pt x="140513" y="19498"/>
                  </a:lnTo>
                  <a:lnTo>
                    <a:pt x="139031" y="19221"/>
                  </a:lnTo>
                  <a:lnTo>
                    <a:pt x="137549" y="18896"/>
                  </a:lnTo>
                  <a:lnTo>
                    <a:pt x="136067" y="18572"/>
                  </a:lnTo>
                  <a:lnTo>
                    <a:pt x="134585" y="18202"/>
                  </a:lnTo>
                  <a:lnTo>
                    <a:pt x="133149" y="17831"/>
                  </a:lnTo>
                  <a:lnTo>
                    <a:pt x="130232" y="16951"/>
                  </a:lnTo>
                  <a:lnTo>
                    <a:pt x="127360" y="15979"/>
                  </a:lnTo>
                  <a:lnTo>
                    <a:pt x="124535" y="14914"/>
                  </a:lnTo>
                  <a:lnTo>
                    <a:pt x="121710" y="13802"/>
                  </a:lnTo>
                  <a:lnTo>
                    <a:pt x="118931" y="12644"/>
                  </a:lnTo>
                  <a:lnTo>
                    <a:pt x="116245" y="11440"/>
                  </a:lnTo>
                  <a:lnTo>
                    <a:pt x="113559" y="10236"/>
                  </a:lnTo>
                  <a:lnTo>
                    <a:pt x="108326" y="7874"/>
                  </a:lnTo>
                  <a:lnTo>
                    <a:pt x="103324" y="5558"/>
                  </a:lnTo>
                  <a:lnTo>
                    <a:pt x="100916" y="4493"/>
                  </a:lnTo>
                  <a:lnTo>
                    <a:pt x="98554" y="3521"/>
                  </a:lnTo>
                  <a:lnTo>
                    <a:pt x="96284" y="2641"/>
                  </a:lnTo>
                  <a:lnTo>
                    <a:pt x="94061" y="1853"/>
                  </a:lnTo>
                  <a:lnTo>
                    <a:pt x="91931" y="1159"/>
                  </a:lnTo>
                  <a:lnTo>
                    <a:pt x="90912" y="881"/>
                  </a:lnTo>
                  <a:lnTo>
                    <a:pt x="89893" y="649"/>
                  </a:lnTo>
                  <a:lnTo>
                    <a:pt x="88874" y="418"/>
                  </a:lnTo>
                  <a:lnTo>
                    <a:pt x="87902" y="279"/>
                  </a:lnTo>
                  <a:lnTo>
                    <a:pt x="86929" y="140"/>
                  </a:lnTo>
                  <a:lnTo>
                    <a:pt x="86003" y="47"/>
                  </a:lnTo>
                  <a:lnTo>
                    <a:pt x="85077" y="1"/>
                  </a:lnTo>
                  <a:close/>
                </a:path>
              </a:pathLst>
            </a:cu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567" name="Google Shape;567;p35"/>
            <p:cNvSpPr/>
            <p:nvPr/>
          </p:nvSpPr>
          <p:spPr>
            <a:xfrm>
              <a:off x="-42610" y="4313292"/>
              <a:ext cx="9229433" cy="799800"/>
            </a:xfrm>
            <a:custGeom>
              <a:avLst/>
              <a:gdLst/>
              <a:ahLst/>
              <a:cxnLst/>
              <a:rect l="l" t="t" r="r" b="b"/>
              <a:pathLst>
                <a:path w="285057" h="22555" extrusionOk="0">
                  <a:moveTo>
                    <a:pt x="1" y="0"/>
                  </a:moveTo>
                  <a:lnTo>
                    <a:pt x="1" y="22554"/>
                  </a:lnTo>
                  <a:lnTo>
                    <a:pt x="285056" y="22554"/>
                  </a:lnTo>
                  <a:lnTo>
                    <a:pt x="285056" y="16904"/>
                  </a:lnTo>
                  <a:lnTo>
                    <a:pt x="281860" y="16673"/>
                  </a:lnTo>
                  <a:lnTo>
                    <a:pt x="273246" y="16117"/>
                  </a:lnTo>
                  <a:lnTo>
                    <a:pt x="267365" y="15654"/>
                  </a:lnTo>
                  <a:lnTo>
                    <a:pt x="260695" y="15144"/>
                  </a:lnTo>
                  <a:lnTo>
                    <a:pt x="253424" y="14496"/>
                  </a:lnTo>
                  <a:lnTo>
                    <a:pt x="245736" y="13801"/>
                  </a:lnTo>
                  <a:lnTo>
                    <a:pt x="237771" y="12968"/>
                  </a:lnTo>
                  <a:lnTo>
                    <a:pt x="229759" y="12088"/>
                  </a:lnTo>
                  <a:lnTo>
                    <a:pt x="225822" y="11625"/>
                  </a:lnTo>
                  <a:lnTo>
                    <a:pt x="221885" y="11115"/>
                  </a:lnTo>
                  <a:lnTo>
                    <a:pt x="218088" y="10606"/>
                  </a:lnTo>
                  <a:lnTo>
                    <a:pt x="214336" y="10050"/>
                  </a:lnTo>
                  <a:lnTo>
                    <a:pt x="210770" y="9494"/>
                  </a:lnTo>
                  <a:lnTo>
                    <a:pt x="207297" y="8892"/>
                  </a:lnTo>
                  <a:lnTo>
                    <a:pt x="204009" y="8290"/>
                  </a:lnTo>
                  <a:lnTo>
                    <a:pt x="200952" y="7688"/>
                  </a:lnTo>
                  <a:lnTo>
                    <a:pt x="198081" y="7040"/>
                  </a:lnTo>
                  <a:lnTo>
                    <a:pt x="195441" y="6391"/>
                  </a:lnTo>
                  <a:lnTo>
                    <a:pt x="193079" y="5697"/>
                  </a:lnTo>
                  <a:lnTo>
                    <a:pt x="192014" y="5326"/>
                  </a:lnTo>
                  <a:lnTo>
                    <a:pt x="190995" y="5002"/>
                  </a:lnTo>
                  <a:lnTo>
                    <a:pt x="190022" y="4632"/>
                  </a:lnTo>
                  <a:lnTo>
                    <a:pt x="189096" y="4354"/>
                  </a:lnTo>
                  <a:lnTo>
                    <a:pt x="188123" y="4030"/>
                  </a:lnTo>
                  <a:lnTo>
                    <a:pt x="187151" y="3798"/>
                  </a:lnTo>
                  <a:lnTo>
                    <a:pt x="186132" y="3566"/>
                  </a:lnTo>
                  <a:lnTo>
                    <a:pt x="185159" y="3381"/>
                  </a:lnTo>
                  <a:lnTo>
                    <a:pt x="183214" y="3057"/>
                  </a:lnTo>
                  <a:lnTo>
                    <a:pt x="181223" y="2872"/>
                  </a:lnTo>
                  <a:lnTo>
                    <a:pt x="179231" y="2733"/>
                  </a:lnTo>
                  <a:lnTo>
                    <a:pt x="177193" y="2733"/>
                  </a:lnTo>
                  <a:lnTo>
                    <a:pt x="175156" y="2779"/>
                  </a:lnTo>
                  <a:lnTo>
                    <a:pt x="173118" y="2918"/>
                  </a:lnTo>
                  <a:lnTo>
                    <a:pt x="171034" y="3103"/>
                  </a:lnTo>
                  <a:lnTo>
                    <a:pt x="168996" y="3381"/>
                  </a:lnTo>
                  <a:lnTo>
                    <a:pt x="166866" y="3705"/>
                  </a:lnTo>
                  <a:lnTo>
                    <a:pt x="164735" y="4076"/>
                  </a:lnTo>
                  <a:lnTo>
                    <a:pt x="162605" y="4493"/>
                  </a:lnTo>
                  <a:lnTo>
                    <a:pt x="160475" y="4956"/>
                  </a:lnTo>
                  <a:lnTo>
                    <a:pt x="158298" y="5465"/>
                  </a:lnTo>
                  <a:lnTo>
                    <a:pt x="153852" y="6484"/>
                  </a:lnTo>
                  <a:lnTo>
                    <a:pt x="149359" y="7596"/>
                  </a:lnTo>
                  <a:lnTo>
                    <a:pt x="144775" y="8707"/>
                  </a:lnTo>
                  <a:lnTo>
                    <a:pt x="140097" y="9772"/>
                  </a:lnTo>
                  <a:lnTo>
                    <a:pt x="137735" y="10282"/>
                  </a:lnTo>
                  <a:lnTo>
                    <a:pt x="135327" y="10745"/>
                  </a:lnTo>
                  <a:lnTo>
                    <a:pt x="132918" y="11162"/>
                  </a:lnTo>
                  <a:lnTo>
                    <a:pt x="130464" y="11532"/>
                  </a:lnTo>
                  <a:lnTo>
                    <a:pt x="127963" y="11903"/>
                  </a:lnTo>
                  <a:lnTo>
                    <a:pt x="125462" y="12180"/>
                  </a:lnTo>
                  <a:lnTo>
                    <a:pt x="122961" y="12366"/>
                  </a:lnTo>
                  <a:lnTo>
                    <a:pt x="120414" y="12505"/>
                  </a:lnTo>
                  <a:lnTo>
                    <a:pt x="117635" y="12597"/>
                  </a:lnTo>
                  <a:lnTo>
                    <a:pt x="114532" y="12597"/>
                  </a:lnTo>
                  <a:lnTo>
                    <a:pt x="111105" y="12505"/>
                  </a:lnTo>
                  <a:lnTo>
                    <a:pt x="107354" y="12319"/>
                  </a:lnTo>
                  <a:lnTo>
                    <a:pt x="103371" y="12088"/>
                  </a:lnTo>
                  <a:lnTo>
                    <a:pt x="99110" y="11810"/>
                  </a:lnTo>
                  <a:lnTo>
                    <a:pt x="94664" y="11486"/>
                  </a:lnTo>
                  <a:lnTo>
                    <a:pt x="90033" y="11069"/>
                  </a:lnTo>
                  <a:lnTo>
                    <a:pt x="85263" y="10606"/>
                  </a:lnTo>
                  <a:lnTo>
                    <a:pt x="80353" y="10143"/>
                  </a:lnTo>
                  <a:lnTo>
                    <a:pt x="70257" y="9078"/>
                  </a:lnTo>
                  <a:lnTo>
                    <a:pt x="60068" y="7920"/>
                  </a:lnTo>
                  <a:lnTo>
                    <a:pt x="49926" y="6716"/>
                  </a:lnTo>
                  <a:lnTo>
                    <a:pt x="40108" y="5465"/>
                  </a:lnTo>
                  <a:lnTo>
                    <a:pt x="30891" y="4261"/>
                  </a:lnTo>
                  <a:lnTo>
                    <a:pt x="22416" y="3150"/>
                  </a:lnTo>
                  <a:lnTo>
                    <a:pt x="14960" y="2131"/>
                  </a:lnTo>
                  <a:lnTo>
                    <a:pt x="4076" y="602"/>
                  </a:lnTo>
                  <a:lnTo>
                    <a:pt x="1" y="0"/>
                  </a:lnTo>
                  <a:close/>
                </a:path>
              </a:pathLst>
            </a:custGeom>
            <a:solidFill>
              <a:schemeClr val="l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568" name="Google Shape;568;p35"/>
            <p:cNvSpPr/>
            <p:nvPr/>
          </p:nvSpPr>
          <p:spPr>
            <a:xfrm>
              <a:off x="-42610" y="4671968"/>
              <a:ext cx="9229433" cy="441093"/>
            </a:xfrm>
            <a:custGeom>
              <a:avLst/>
              <a:gdLst/>
              <a:ahLst/>
              <a:cxnLst/>
              <a:rect l="l" t="t" r="r" b="b"/>
              <a:pathLst>
                <a:path w="285057" h="13941" extrusionOk="0">
                  <a:moveTo>
                    <a:pt x="238141" y="0"/>
                  </a:moveTo>
                  <a:lnTo>
                    <a:pt x="234529" y="47"/>
                  </a:lnTo>
                  <a:lnTo>
                    <a:pt x="230777" y="186"/>
                  </a:lnTo>
                  <a:lnTo>
                    <a:pt x="226933" y="325"/>
                  </a:lnTo>
                  <a:lnTo>
                    <a:pt x="222997" y="602"/>
                  </a:lnTo>
                  <a:lnTo>
                    <a:pt x="218921" y="927"/>
                  </a:lnTo>
                  <a:lnTo>
                    <a:pt x="214799" y="1343"/>
                  </a:lnTo>
                  <a:lnTo>
                    <a:pt x="210585" y="1853"/>
                  </a:lnTo>
                  <a:lnTo>
                    <a:pt x="206278" y="2455"/>
                  </a:lnTo>
                  <a:lnTo>
                    <a:pt x="204009" y="2733"/>
                  </a:lnTo>
                  <a:lnTo>
                    <a:pt x="201647" y="3057"/>
                  </a:lnTo>
                  <a:lnTo>
                    <a:pt x="199053" y="3289"/>
                  </a:lnTo>
                  <a:lnTo>
                    <a:pt x="196367" y="3566"/>
                  </a:lnTo>
                  <a:lnTo>
                    <a:pt x="193542" y="3798"/>
                  </a:lnTo>
                  <a:lnTo>
                    <a:pt x="190578" y="4030"/>
                  </a:lnTo>
                  <a:lnTo>
                    <a:pt x="184279" y="4400"/>
                  </a:lnTo>
                  <a:lnTo>
                    <a:pt x="177518" y="4724"/>
                  </a:lnTo>
                  <a:lnTo>
                    <a:pt x="170386" y="5002"/>
                  </a:lnTo>
                  <a:lnTo>
                    <a:pt x="162883" y="5187"/>
                  </a:lnTo>
                  <a:lnTo>
                    <a:pt x="155056" y="5326"/>
                  </a:lnTo>
                  <a:lnTo>
                    <a:pt x="146998" y="5465"/>
                  </a:lnTo>
                  <a:lnTo>
                    <a:pt x="138708" y="5512"/>
                  </a:lnTo>
                  <a:lnTo>
                    <a:pt x="130232" y="5512"/>
                  </a:lnTo>
                  <a:lnTo>
                    <a:pt x="121711" y="5465"/>
                  </a:lnTo>
                  <a:lnTo>
                    <a:pt x="113050" y="5419"/>
                  </a:lnTo>
                  <a:lnTo>
                    <a:pt x="104436" y="5280"/>
                  </a:lnTo>
                  <a:lnTo>
                    <a:pt x="95776" y="5187"/>
                  </a:lnTo>
                  <a:lnTo>
                    <a:pt x="87254" y="5002"/>
                  </a:lnTo>
                  <a:lnTo>
                    <a:pt x="70581" y="4632"/>
                  </a:lnTo>
                  <a:lnTo>
                    <a:pt x="54789" y="4215"/>
                  </a:lnTo>
                  <a:lnTo>
                    <a:pt x="40293" y="3752"/>
                  </a:lnTo>
                  <a:lnTo>
                    <a:pt x="27418" y="3242"/>
                  </a:lnTo>
                  <a:lnTo>
                    <a:pt x="16534" y="2825"/>
                  </a:lnTo>
                  <a:lnTo>
                    <a:pt x="8105" y="2409"/>
                  </a:lnTo>
                  <a:lnTo>
                    <a:pt x="2455" y="2131"/>
                  </a:lnTo>
                  <a:lnTo>
                    <a:pt x="834" y="1992"/>
                  </a:lnTo>
                  <a:lnTo>
                    <a:pt x="1" y="1946"/>
                  </a:lnTo>
                  <a:lnTo>
                    <a:pt x="1" y="13940"/>
                  </a:lnTo>
                  <a:lnTo>
                    <a:pt x="285056" y="13940"/>
                  </a:lnTo>
                  <a:lnTo>
                    <a:pt x="285056" y="5512"/>
                  </a:lnTo>
                  <a:lnTo>
                    <a:pt x="283574" y="5095"/>
                  </a:lnTo>
                  <a:lnTo>
                    <a:pt x="281768" y="4632"/>
                  </a:lnTo>
                  <a:lnTo>
                    <a:pt x="279267" y="4076"/>
                  </a:lnTo>
                  <a:lnTo>
                    <a:pt x="276118" y="3428"/>
                  </a:lnTo>
                  <a:lnTo>
                    <a:pt x="272366" y="2733"/>
                  </a:lnTo>
                  <a:lnTo>
                    <a:pt x="270236" y="2362"/>
                  </a:lnTo>
                  <a:lnTo>
                    <a:pt x="268013" y="2038"/>
                  </a:lnTo>
                  <a:lnTo>
                    <a:pt x="265605" y="1714"/>
                  </a:lnTo>
                  <a:lnTo>
                    <a:pt x="263057" y="1390"/>
                  </a:lnTo>
                  <a:lnTo>
                    <a:pt x="260371" y="1112"/>
                  </a:lnTo>
                  <a:lnTo>
                    <a:pt x="257593" y="834"/>
                  </a:lnTo>
                  <a:lnTo>
                    <a:pt x="254629" y="602"/>
                  </a:lnTo>
                  <a:lnTo>
                    <a:pt x="251572" y="371"/>
                  </a:lnTo>
                  <a:lnTo>
                    <a:pt x="248423" y="232"/>
                  </a:lnTo>
                  <a:lnTo>
                    <a:pt x="245088" y="93"/>
                  </a:lnTo>
                  <a:lnTo>
                    <a:pt x="241661" y="47"/>
                  </a:lnTo>
                  <a:lnTo>
                    <a:pt x="238141" y="0"/>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569" name="Google Shape;569;p35"/>
            <p:cNvSpPr/>
            <p:nvPr/>
          </p:nvSpPr>
          <p:spPr>
            <a:xfrm flipH="1">
              <a:off x="-42610" y="4743542"/>
              <a:ext cx="9229433" cy="441099"/>
            </a:xfrm>
            <a:custGeom>
              <a:avLst/>
              <a:gdLst/>
              <a:ahLst/>
              <a:cxnLst/>
              <a:rect l="l" t="t" r="r" b="b"/>
              <a:pathLst>
                <a:path w="285057" h="21397" extrusionOk="0">
                  <a:moveTo>
                    <a:pt x="60439" y="1"/>
                  </a:moveTo>
                  <a:lnTo>
                    <a:pt x="57058" y="47"/>
                  </a:lnTo>
                  <a:lnTo>
                    <a:pt x="55530" y="47"/>
                  </a:lnTo>
                  <a:lnTo>
                    <a:pt x="54048" y="140"/>
                  </a:lnTo>
                  <a:lnTo>
                    <a:pt x="52658" y="232"/>
                  </a:lnTo>
                  <a:lnTo>
                    <a:pt x="51362" y="371"/>
                  </a:lnTo>
                  <a:lnTo>
                    <a:pt x="50157" y="510"/>
                  </a:lnTo>
                  <a:lnTo>
                    <a:pt x="49046" y="695"/>
                  </a:lnTo>
                  <a:lnTo>
                    <a:pt x="48073" y="927"/>
                  </a:lnTo>
                  <a:lnTo>
                    <a:pt x="47147" y="1205"/>
                  </a:lnTo>
                  <a:lnTo>
                    <a:pt x="43674" y="2270"/>
                  </a:lnTo>
                  <a:lnTo>
                    <a:pt x="40015" y="3335"/>
                  </a:lnTo>
                  <a:lnTo>
                    <a:pt x="36171" y="4400"/>
                  </a:lnTo>
                  <a:lnTo>
                    <a:pt x="32234" y="5419"/>
                  </a:lnTo>
                  <a:lnTo>
                    <a:pt x="28298" y="6392"/>
                  </a:lnTo>
                  <a:lnTo>
                    <a:pt x="24361" y="7318"/>
                  </a:lnTo>
                  <a:lnTo>
                    <a:pt x="16859" y="9032"/>
                  </a:lnTo>
                  <a:lnTo>
                    <a:pt x="10190" y="10467"/>
                  </a:lnTo>
                  <a:lnTo>
                    <a:pt x="4864" y="11579"/>
                  </a:lnTo>
                  <a:lnTo>
                    <a:pt x="1" y="12551"/>
                  </a:lnTo>
                  <a:lnTo>
                    <a:pt x="1" y="21397"/>
                  </a:lnTo>
                  <a:lnTo>
                    <a:pt x="285056" y="21397"/>
                  </a:lnTo>
                  <a:lnTo>
                    <a:pt x="285056" y="1205"/>
                  </a:lnTo>
                  <a:lnTo>
                    <a:pt x="280934" y="1853"/>
                  </a:lnTo>
                  <a:lnTo>
                    <a:pt x="275840" y="2687"/>
                  </a:lnTo>
                  <a:lnTo>
                    <a:pt x="263382" y="4910"/>
                  </a:lnTo>
                  <a:lnTo>
                    <a:pt x="248700" y="7503"/>
                  </a:lnTo>
                  <a:lnTo>
                    <a:pt x="240874" y="8846"/>
                  </a:lnTo>
                  <a:lnTo>
                    <a:pt x="232861" y="10143"/>
                  </a:lnTo>
                  <a:lnTo>
                    <a:pt x="224849" y="11440"/>
                  </a:lnTo>
                  <a:lnTo>
                    <a:pt x="216884" y="12551"/>
                  </a:lnTo>
                  <a:lnTo>
                    <a:pt x="212993" y="13107"/>
                  </a:lnTo>
                  <a:lnTo>
                    <a:pt x="209196" y="13570"/>
                  </a:lnTo>
                  <a:lnTo>
                    <a:pt x="205491" y="14033"/>
                  </a:lnTo>
                  <a:lnTo>
                    <a:pt x="201878" y="14404"/>
                  </a:lnTo>
                  <a:lnTo>
                    <a:pt x="198405" y="14728"/>
                  </a:lnTo>
                  <a:lnTo>
                    <a:pt x="195070" y="15006"/>
                  </a:lnTo>
                  <a:lnTo>
                    <a:pt x="191875" y="15191"/>
                  </a:lnTo>
                  <a:lnTo>
                    <a:pt x="188864" y="15330"/>
                  </a:lnTo>
                  <a:lnTo>
                    <a:pt x="186039" y="15423"/>
                  </a:lnTo>
                  <a:lnTo>
                    <a:pt x="183446" y="15376"/>
                  </a:lnTo>
                  <a:lnTo>
                    <a:pt x="181037" y="15284"/>
                  </a:lnTo>
                  <a:lnTo>
                    <a:pt x="179926" y="15191"/>
                  </a:lnTo>
                  <a:lnTo>
                    <a:pt x="178907" y="15052"/>
                  </a:lnTo>
                  <a:lnTo>
                    <a:pt x="174044" y="14404"/>
                  </a:lnTo>
                  <a:lnTo>
                    <a:pt x="167746" y="13478"/>
                  </a:lnTo>
                  <a:lnTo>
                    <a:pt x="151721" y="10977"/>
                  </a:lnTo>
                  <a:lnTo>
                    <a:pt x="142366" y="9495"/>
                  </a:lnTo>
                  <a:lnTo>
                    <a:pt x="132455" y="8013"/>
                  </a:lnTo>
                  <a:lnTo>
                    <a:pt x="122128" y="6484"/>
                  </a:lnTo>
                  <a:lnTo>
                    <a:pt x="111661" y="4956"/>
                  </a:lnTo>
                  <a:lnTo>
                    <a:pt x="101194" y="3567"/>
                  </a:lnTo>
                  <a:lnTo>
                    <a:pt x="96053" y="2965"/>
                  </a:lnTo>
                  <a:lnTo>
                    <a:pt x="91005" y="2363"/>
                  </a:lnTo>
                  <a:lnTo>
                    <a:pt x="86096" y="1807"/>
                  </a:lnTo>
                  <a:lnTo>
                    <a:pt x="81280" y="1344"/>
                  </a:lnTo>
                  <a:lnTo>
                    <a:pt x="76695" y="881"/>
                  </a:lnTo>
                  <a:lnTo>
                    <a:pt x="72249" y="556"/>
                  </a:lnTo>
                  <a:lnTo>
                    <a:pt x="68081" y="279"/>
                  </a:lnTo>
                  <a:lnTo>
                    <a:pt x="64098" y="93"/>
                  </a:lnTo>
                  <a:lnTo>
                    <a:pt x="60439" y="1"/>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grpSp>
        <p:nvGrpSpPr>
          <p:cNvPr id="570" name="Google Shape;570;p35"/>
          <p:cNvGrpSpPr/>
          <p:nvPr/>
        </p:nvGrpSpPr>
        <p:grpSpPr>
          <a:xfrm>
            <a:off x="-730189" y="5588004"/>
            <a:ext cx="20491911" cy="6038747"/>
            <a:chOff x="-328585" y="2514602"/>
            <a:chExt cx="9221360" cy="2717436"/>
          </a:xfrm>
        </p:grpSpPr>
        <p:sp>
          <p:nvSpPr>
            <p:cNvPr id="571" name="Google Shape;571;p35"/>
            <p:cNvSpPr/>
            <p:nvPr/>
          </p:nvSpPr>
          <p:spPr>
            <a:xfrm flipH="1">
              <a:off x="-328585" y="2514602"/>
              <a:ext cx="706286" cy="2717436"/>
            </a:xfrm>
            <a:custGeom>
              <a:avLst/>
              <a:gdLst/>
              <a:ahLst/>
              <a:cxnLst/>
              <a:rect l="l" t="t" r="r" b="b"/>
              <a:pathLst>
                <a:path w="24361" h="93737" extrusionOk="0">
                  <a:moveTo>
                    <a:pt x="11069" y="0"/>
                  </a:moveTo>
                  <a:lnTo>
                    <a:pt x="10606" y="47"/>
                  </a:lnTo>
                  <a:lnTo>
                    <a:pt x="10189" y="139"/>
                  </a:lnTo>
                  <a:lnTo>
                    <a:pt x="9957" y="232"/>
                  </a:lnTo>
                  <a:lnTo>
                    <a:pt x="9818" y="371"/>
                  </a:lnTo>
                  <a:lnTo>
                    <a:pt x="9679" y="510"/>
                  </a:lnTo>
                  <a:lnTo>
                    <a:pt x="9541" y="649"/>
                  </a:lnTo>
                  <a:lnTo>
                    <a:pt x="9263" y="1297"/>
                  </a:lnTo>
                  <a:lnTo>
                    <a:pt x="9031" y="1899"/>
                  </a:lnTo>
                  <a:lnTo>
                    <a:pt x="8800" y="2548"/>
                  </a:lnTo>
                  <a:lnTo>
                    <a:pt x="8661" y="3196"/>
                  </a:lnTo>
                  <a:lnTo>
                    <a:pt x="8522" y="3844"/>
                  </a:lnTo>
                  <a:lnTo>
                    <a:pt x="8429" y="4539"/>
                  </a:lnTo>
                  <a:lnTo>
                    <a:pt x="8383" y="5187"/>
                  </a:lnTo>
                  <a:lnTo>
                    <a:pt x="8336" y="5836"/>
                  </a:lnTo>
                  <a:lnTo>
                    <a:pt x="8336" y="7179"/>
                  </a:lnTo>
                  <a:lnTo>
                    <a:pt x="8429" y="8522"/>
                  </a:lnTo>
                  <a:lnTo>
                    <a:pt x="8661" y="11208"/>
                  </a:lnTo>
                  <a:lnTo>
                    <a:pt x="8938" y="14172"/>
                  </a:lnTo>
                  <a:lnTo>
                    <a:pt x="9124" y="17090"/>
                  </a:lnTo>
                  <a:lnTo>
                    <a:pt x="9216" y="20054"/>
                  </a:lnTo>
                  <a:lnTo>
                    <a:pt x="9216" y="21489"/>
                  </a:lnTo>
                  <a:lnTo>
                    <a:pt x="9216" y="22971"/>
                  </a:lnTo>
                  <a:lnTo>
                    <a:pt x="9124" y="25194"/>
                  </a:lnTo>
                  <a:lnTo>
                    <a:pt x="8985" y="27417"/>
                  </a:lnTo>
                  <a:lnTo>
                    <a:pt x="8707" y="31863"/>
                  </a:lnTo>
                  <a:lnTo>
                    <a:pt x="8383" y="36263"/>
                  </a:lnTo>
                  <a:lnTo>
                    <a:pt x="8058" y="40709"/>
                  </a:lnTo>
                  <a:lnTo>
                    <a:pt x="7873" y="40061"/>
                  </a:lnTo>
                  <a:lnTo>
                    <a:pt x="7595" y="39412"/>
                  </a:lnTo>
                  <a:lnTo>
                    <a:pt x="7225" y="38857"/>
                  </a:lnTo>
                  <a:lnTo>
                    <a:pt x="6808" y="38347"/>
                  </a:lnTo>
                  <a:lnTo>
                    <a:pt x="6669" y="38254"/>
                  </a:lnTo>
                  <a:lnTo>
                    <a:pt x="6438" y="38208"/>
                  </a:lnTo>
                  <a:lnTo>
                    <a:pt x="6252" y="38208"/>
                  </a:lnTo>
                  <a:lnTo>
                    <a:pt x="6160" y="38254"/>
                  </a:lnTo>
                  <a:lnTo>
                    <a:pt x="6067" y="38347"/>
                  </a:lnTo>
                  <a:lnTo>
                    <a:pt x="5835" y="38671"/>
                  </a:lnTo>
                  <a:lnTo>
                    <a:pt x="5650" y="39042"/>
                  </a:lnTo>
                  <a:lnTo>
                    <a:pt x="5465" y="39412"/>
                  </a:lnTo>
                  <a:lnTo>
                    <a:pt x="5326" y="39783"/>
                  </a:lnTo>
                  <a:lnTo>
                    <a:pt x="5233" y="40153"/>
                  </a:lnTo>
                  <a:lnTo>
                    <a:pt x="5141" y="40570"/>
                  </a:lnTo>
                  <a:lnTo>
                    <a:pt x="5048" y="41357"/>
                  </a:lnTo>
                  <a:lnTo>
                    <a:pt x="5048" y="42191"/>
                  </a:lnTo>
                  <a:lnTo>
                    <a:pt x="5048" y="43025"/>
                  </a:lnTo>
                  <a:lnTo>
                    <a:pt x="5094" y="44646"/>
                  </a:lnTo>
                  <a:lnTo>
                    <a:pt x="5141" y="46730"/>
                  </a:lnTo>
                  <a:lnTo>
                    <a:pt x="5187" y="48814"/>
                  </a:lnTo>
                  <a:lnTo>
                    <a:pt x="5419" y="52935"/>
                  </a:lnTo>
                  <a:lnTo>
                    <a:pt x="5511" y="54927"/>
                  </a:lnTo>
                  <a:lnTo>
                    <a:pt x="5558" y="56965"/>
                  </a:lnTo>
                  <a:lnTo>
                    <a:pt x="5558" y="56965"/>
                  </a:lnTo>
                  <a:lnTo>
                    <a:pt x="5326" y="56177"/>
                  </a:lnTo>
                  <a:lnTo>
                    <a:pt x="5141" y="55436"/>
                  </a:lnTo>
                  <a:lnTo>
                    <a:pt x="4956" y="54649"/>
                  </a:lnTo>
                  <a:lnTo>
                    <a:pt x="4817" y="53862"/>
                  </a:lnTo>
                  <a:lnTo>
                    <a:pt x="4770" y="53074"/>
                  </a:lnTo>
                  <a:lnTo>
                    <a:pt x="4724" y="52287"/>
                  </a:lnTo>
                  <a:lnTo>
                    <a:pt x="4678" y="50759"/>
                  </a:lnTo>
                  <a:lnTo>
                    <a:pt x="4817" y="47656"/>
                  </a:lnTo>
                  <a:lnTo>
                    <a:pt x="4817" y="45896"/>
                  </a:lnTo>
                  <a:lnTo>
                    <a:pt x="4770" y="44090"/>
                  </a:lnTo>
                  <a:lnTo>
                    <a:pt x="4678" y="42330"/>
                  </a:lnTo>
                  <a:lnTo>
                    <a:pt x="4585" y="40524"/>
                  </a:lnTo>
                  <a:lnTo>
                    <a:pt x="4261" y="36958"/>
                  </a:lnTo>
                  <a:lnTo>
                    <a:pt x="4029" y="33392"/>
                  </a:lnTo>
                  <a:lnTo>
                    <a:pt x="3937" y="31400"/>
                  </a:lnTo>
                  <a:lnTo>
                    <a:pt x="3844" y="30428"/>
                  </a:lnTo>
                  <a:lnTo>
                    <a:pt x="3751" y="29918"/>
                  </a:lnTo>
                  <a:lnTo>
                    <a:pt x="3659" y="29455"/>
                  </a:lnTo>
                  <a:lnTo>
                    <a:pt x="3520" y="29038"/>
                  </a:lnTo>
                  <a:lnTo>
                    <a:pt x="3335" y="28621"/>
                  </a:lnTo>
                  <a:lnTo>
                    <a:pt x="3103" y="28251"/>
                  </a:lnTo>
                  <a:lnTo>
                    <a:pt x="2779" y="27927"/>
                  </a:lnTo>
                  <a:lnTo>
                    <a:pt x="2455" y="27649"/>
                  </a:lnTo>
                  <a:lnTo>
                    <a:pt x="2038" y="27464"/>
                  </a:lnTo>
                  <a:lnTo>
                    <a:pt x="1528" y="27278"/>
                  </a:lnTo>
                  <a:lnTo>
                    <a:pt x="973" y="27232"/>
                  </a:lnTo>
                  <a:lnTo>
                    <a:pt x="648" y="27232"/>
                  </a:lnTo>
                  <a:lnTo>
                    <a:pt x="463" y="27325"/>
                  </a:lnTo>
                  <a:lnTo>
                    <a:pt x="278" y="27417"/>
                  </a:lnTo>
                  <a:lnTo>
                    <a:pt x="139" y="27510"/>
                  </a:lnTo>
                  <a:lnTo>
                    <a:pt x="46" y="27695"/>
                  </a:lnTo>
                  <a:lnTo>
                    <a:pt x="0" y="27834"/>
                  </a:lnTo>
                  <a:lnTo>
                    <a:pt x="0" y="28019"/>
                  </a:lnTo>
                  <a:lnTo>
                    <a:pt x="232" y="28668"/>
                  </a:lnTo>
                  <a:lnTo>
                    <a:pt x="324" y="29316"/>
                  </a:lnTo>
                  <a:lnTo>
                    <a:pt x="417" y="30011"/>
                  </a:lnTo>
                  <a:lnTo>
                    <a:pt x="463" y="30706"/>
                  </a:lnTo>
                  <a:lnTo>
                    <a:pt x="463" y="32049"/>
                  </a:lnTo>
                  <a:lnTo>
                    <a:pt x="463" y="33392"/>
                  </a:lnTo>
                  <a:lnTo>
                    <a:pt x="556" y="35244"/>
                  </a:lnTo>
                  <a:lnTo>
                    <a:pt x="648" y="37097"/>
                  </a:lnTo>
                  <a:lnTo>
                    <a:pt x="648" y="38023"/>
                  </a:lnTo>
                  <a:lnTo>
                    <a:pt x="648" y="38949"/>
                  </a:lnTo>
                  <a:lnTo>
                    <a:pt x="648" y="39875"/>
                  </a:lnTo>
                  <a:lnTo>
                    <a:pt x="556" y="40802"/>
                  </a:lnTo>
                  <a:lnTo>
                    <a:pt x="371" y="42469"/>
                  </a:lnTo>
                  <a:lnTo>
                    <a:pt x="232" y="44229"/>
                  </a:lnTo>
                  <a:lnTo>
                    <a:pt x="139" y="45989"/>
                  </a:lnTo>
                  <a:lnTo>
                    <a:pt x="93" y="47795"/>
                  </a:lnTo>
                  <a:lnTo>
                    <a:pt x="93" y="49555"/>
                  </a:lnTo>
                  <a:lnTo>
                    <a:pt x="185" y="51315"/>
                  </a:lnTo>
                  <a:lnTo>
                    <a:pt x="324" y="53074"/>
                  </a:lnTo>
                  <a:lnTo>
                    <a:pt x="556" y="54742"/>
                  </a:lnTo>
                  <a:lnTo>
                    <a:pt x="695" y="55575"/>
                  </a:lnTo>
                  <a:lnTo>
                    <a:pt x="880" y="56409"/>
                  </a:lnTo>
                  <a:lnTo>
                    <a:pt x="1297" y="57984"/>
                  </a:lnTo>
                  <a:lnTo>
                    <a:pt x="1714" y="59604"/>
                  </a:lnTo>
                  <a:lnTo>
                    <a:pt x="1899" y="60438"/>
                  </a:lnTo>
                  <a:lnTo>
                    <a:pt x="2038" y="61272"/>
                  </a:lnTo>
                  <a:lnTo>
                    <a:pt x="2223" y="62661"/>
                  </a:lnTo>
                  <a:lnTo>
                    <a:pt x="2408" y="64097"/>
                  </a:lnTo>
                  <a:lnTo>
                    <a:pt x="2547" y="64791"/>
                  </a:lnTo>
                  <a:lnTo>
                    <a:pt x="2686" y="65486"/>
                  </a:lnTo>
                  <a:lnTo>
                    <a:pt x="2918" y="66181"/>
                  </a:lnTo>
                  <a:lnTo>
                    <a:pt x="3196" y="66829"/>
                  </a:lnTo>
                  <a:lnTo>
                    <a:pt x="3566" y="67478"/>
                  </a:lnTo>
                  <a:lnTo>
                    <a:pt x="3983" y="68126"/>
                  </a:lnTo>
                  <a:lnTo>
                    <a:pt x="4446" y="68682"/>
                  </a:lnTo>
                  <a:lnTo>
                    <a:pt x="4956" y="69237"/>
                  </a:lnTo>
                  <a:lnTo>
                    <a:pt x="5511" y="69701"/>
                  </a:lnTo>
                  <a:lnTo>
                    <a:pt x="6113" y="70164"/>
                  </a:lnTo>
                  <a:lnTo>
                    <a:pt x="6715" y="70534"/>
                  </a:lnTo>
                  <a:lnTo>
                    <a:pt x="7364" y="70812"/>
                  </a:lnTo>
                  <a:lnTo>
                    <a:pt x="7179" y="72572"/>
                  </a:lnTo>
                  <a:lnTo>
                    <a:pt x="7086" y="73452"/>
                  </a:lnTo>
                  <a:lnTo>
                    <a:pt x="7040" y="74332"/>
                  </a:lnTo>
                  <a:lnTo>
                    <a:pt x="7086" y="75767"/>
                  </a:lnTo>
                  <a:lnTo>
                    <a:pt x="7179" y="77203"/>
                  </a:lnTo>
                  <a:lnTo>
                    <a:pt x="7317" y="78639"/>
                  </a:lnTo>
                  <a:lnTo>
                    <a:pt x="7410" y="80075"/>
                  </a:lnTo>
                  <a:lnTo>
                    <a:pt x="7456" y="81603"/>
                  </a:lnTo>
                  <a:lnTo>
                    <a:pt x="7456" y="83131"/>
                  </a:lnTo>
                  <a:lnTo>
                    <a:pt x="7503" y="86188"/>
                  </a:lnTo>
                  <a:lnTo>
                    <a:pt x="7549" y="87716"/>
                  </a:lnTo>
                  <a:lnTo>
                    <a:pt x="7642" y="89244"/>
                  </a:lnTo>
                  <a:lnTo>
                    <a:pt x="7827" y="90773"/>
                  </a:lnTo>
                  <a:lnTo>
                    <a:pt x="7966" y="91514"/>
                  </a:lnTo>
                  <a:lnTo>
                    <a:pt x="8151" y="92208"/>
                  </a:lnTo>
                  <a:lnTo>
                    <a:pt x="8197" y="92440"/>
                  </a:lnTo>
                  <a:lnTo>
                    <a:pt x="8290" y="92625"/>
                  </a:lnTo>
                  <a:lnTo>
                    <a:pt x="8522" y="92996"/>
                  </a:lnTo>
                  <a:lnTo>
                    <a:pt x="8846" y="93274"/>
                  </a:lnTo>
                  <a:lnTo>
                    <a:pt x="9263" y="93505"/>
                  </a:lnTo>
                  <a:lnTo>
                    <a:pt x="9679" y="93644"/>
                  </a:lnTo>
                  <a:lnTo>
                    <a:pt x="10143" y="93737"/>
                  </a:lnTo>
                  <a:lnTo>
                    <a:pt x="10652" y="93737"/>
                  </a:lnTo>
                  <a:lnTo>
                    <a:pt x="11161" y="93690"/>
                  </a:lnTo>
                  <a:lnTo>
                    <a:pt x="11671" y="93598"/>
                  </a:lnTo>
                  <a:lnTo>
                    <a:pt x="12180" y="93459"/>
                  </a:lnTo>
                  <a:lnTo>
                    <a:pt x="12643" y="93274"/>
                  </a:lnTo>
                  <a:lnTo>
                    <a:pt x="13060" y="93042"/>
                  </a:lnTo>
                  <a:lnTo>
                    <a:pt x="13431" y="92764"/>
                  </a:lnTo>
                  <a:lnTo>
                    <a:pt x="13709" y="92440"/>
                  </a:lnTo>
                  <a:lnTo>
                    <a:pt x="13940" y="92116"/>
                  </a:lnTo>
                  <a:lnTo>
                    <a:pt x="14079" y="91699"/>
                  </a:lnTo>
                  <a:lnTo>
                    <a:pt x="14218" y="91004"/>
                  </a:lnTo>
                  <a:lnTo>
                    <a:pt x="14311" y="90310"/>
                  </a:lnTo>
                  <a:lnTo>
                    <a:pt x="14403" y="88874"/>
                  </a:lnTo>
                  <a:lnTo>
                    <a:pt x="14450" y="87392"/>
                  </a:lnTo>
                  <a:lnTo>
                    <a:pt x="14403" y="85910"/>
                  </a:lnTo>
                  <a:lnTo>
                    <a:pt x="14264" y="82992"/>
                  </a:lnTo>
                  <a:lnTo>
                    <a:pt x="14218" y="81510"/>
                  </a:lnTo>
                  <a:lnTo>
                    <a:pt x="14218" y="80075"/>
                  </a:lnTo>
                  <a:lnTo>
                    <a:pt x="14218" y="78546"/>
                  </a:lnTo>
                  <a:lnTo>
                    <a:pt x="14311" y="76972"/>
                  </a:lnTo>
                  <a:lnTo>
                    <a:pt x="14311" y="75443"/>
                  </a:lnTo>
                  <a:lnTo>
                    <a:pt x="14311" y="74656"/>
                  </a:lnTo>
                  <a:lnTo>
                    <a:pt x="14264" y="73915"/>
                  </a:lnTo>
                  <a:lnTo>
                    <a:pt x="14125" y="72711"/>
                  </a:lnTo>
                  <a:lnTo>
                    <a:pt x="13940" y="71507"/>
                  </a:lnTo>
                  <a:lnTo>
                    <a:pt x="14403" y="71321"/>
                  </a:lnTo>
                  <a:lnTo>
                    <a:pt x="14820" y="71136"/>
                  </a:lnTo>
                  <a:lnTo>
                    <a:pt x="15237" y="70905"/>
                  </a:lnTo>
                  <a:lnTo>
                    <a:pt x="15654" y="70627"/>
                  </a:lnTo>
                  <a:lnTo>
                    <a:pt x="16395" y="70025"/>
                  </a:lnTo>
                  <a:lnTo>
                    <a:pt x="17089" y="69376"/>
                  </a:lnTo>
                  <a:lnTo>
                    <a:pt x="17738" y="68635"/>
                  </a:lnTo>
                  <a:lnTo>
                    <a:pt x="18294" y="67848"/>
                  </a:lnTo>
                  <a:lnTo>
                    <a:pt x="18849" y="66968"/>
                  </a:lnTo>
                  <a:lnTo>
                    <a:pt x="19313" y="66088"/>
                  </a:lnTo>
                  <a:lnTo>
                    <a:pt x="19729" y="65162"/>
                  </a:lnTo>
                  <a:lnTo>
                    <a:pt x="20100" y="64189"/>
                  </a:lnTo>
                  <a:lnTo>
                    <a:pt x="20424" y="63263"/>
                  </a:lnTo>
                  <a:lnTo>
                    <a:pt x="20702" y="62291"/>
                  </a:lnTo>
                  <a:lnTo>
                    <a:pt x="20933" y="61318"/>
                  </a:lnTo>
                  <a:lnTo>
                    <a:pt x="21119" y="60345"/>
                  </a:lnTo>
                  <a:lnTo>
                    <a:pt x="21258" y="59419"/>
                  </a:lnTo>
                  <a:lnTo>
                    <a:pt x="21350" y="58493"/>
                  </a:lnTo>
                  <a:lnTo>
                    <a:pt x="21628" y="55622"/>
                  </a:lnTo>
                  <a:lnTo>
                    <a:pt x="21906" y="52797"/>
                  </a:lnTo>
                  <a:lnTo>
                    <a:pt x="22091" y="51407"/>
                  </a:lnTo>
                  <a:lnTo>
                    <a:pt x="22277" y="49971"/>
                  </a:lnTo>
                  <a:lnTo>
                    <a:pt x="22508" y="48582"/>
                  </a:lnTo>
                  <a:lnTo>
                    <a:pt x="22786" y="47146"/>
                  </a:lnTo>
                  <a:lnTo>
                    <a:pt x="23064" y="45942"/>
                  </a:lnTo>
                  <a:lnTo>
                    <a:pt x="23434" y="44738"/>
                  </a:lnTo>
                  <a:lnTo>
                    <a:pt x="23759" y="43488"/>
                  </a:lnTo>
                  <a:lnTo>
                    <a:pt x="24083" y="42237"/>
                  </a:lnTo>
                  <a:lnTo>
                    <a:pt x="24175" y="41635"/>
                  </a:lnTo>
                  <a:lnTo>
                    <a:pt x="24268" y="41033"/>
                  </a:lnTo>
                  <a:lnTo>
                    <a:pt x="24361" y="40385"/>
                  </a:lnTo>
                  <a:lnTo>
                    <a:pt x="24361" y="39783"/>
                  </a:lnTo>
                  <a:lnTo>
                    <a:pt x="24361" y="39181"/>
                  </a:lnTo>
                  <a:lnTo>
                    <a:pt x="24268" y="38532"/>
                  </a:lnTo>
                  <a:lnTo>
                    <a:pt x="24129" y="37930"/>
                  </a:lnTo>
                  <a:lnTo>
                    <a:pt x="23944" y="37375"/>
                  </a:lnTo>
                  <a:lnTo>
                    <a:pt x="23897" y="37236"/>
                  </a:lnTo>
                  <a:lnTo>
                    <a:pt x="23805" y="37189"/>
                  </a:lnTo>
                  <a:lnTo>
                    <a:pt x="23666" y="37143"/>
                  </a:lnTo>
                  <a:lnTo>
                    <a:pt x="23573" y="37097"/>
                  </a:lnTo>
                  <a:lnTo>
                    <a:pt x="23295" y="37097"/>
                  </a:lnTo>
                  <a:lnTo>
                    <a:pt x="23064" y="37189"/>
                  </a:lnTo>
                  <a:lnTo>
                    <a:pt x="22647" y="37513"/>
                  </a:lnTo>
                  <a:lnTo>
                    <a:pt x="22277" y="37838"/>
                  </a:lnTo>
                  <a:lnTo>
                    <a:pt x="21906" y="38162"/>
                  </a:lnTo>
                  <a:lnTo>
                    <a:pt x="21582" y="38532"/>
                  </a:lnTo>
                  <a:lnTo>
                    <a:pt x="20933" y="39273"/>
                  </a:lnTo>
                  <a:lnTo>
                    <a:pt x="20378" y="40107"/>
                  </a:lnTo>
                  <a:lnTo>
                    <a:pt x="20378" y="39459"/>
                  </a:lnTo>
                  <a:lnTo>
                    <a:pt x="20331" y="38764"/>
                  </a:lnTo>
                  <a:lnTo>
                    <a:pt x="20239" y="38162"/>
                  </a:lnTo>
                  <a:lnTo>
                    <a:pt x="20100" y="37560"/>
                  </a:lnTo>
                  <a:lnTo>
                    <a:pt x="19915" y="36958"/>
                  </a:lnTo>
                  <a:lnTo>
                    <a:pt x="19637" y="36402"/>
                  </a:lnTo>
                  <a:lnTo>
                    <a:pt x="19266" y="35893"/>
                  </a:lnTo>
                  <a:lnTo>
                    <a:pt x="18849" y="35383"/>
                  </a:lnTo>
                  <a:lnTo>
                    <a:pt x="18757" y="35290"/>
                  </a:lnTo>
                  <a:lnTo>
                    <a:pt x="18618" y="35244"/>
                  </a:lnTo>
                  <a:lnTo>
                    <a:pt x="18340" y="35152"/>
                  </a:lnTo>
                  <a:lnTo>
                    <a:pt x="18016" y="35198"/>
                  </a:lnTo>
                  <a:lnTo>
                    <a:pt x="17877" y="35244"/>
                  </a:lnTo>
                  <a:lnTo>
                    <a:pt x="17738" y="35290"/>
                  </a:lnTo>
                  <a:lnTo>
                    <a:pt x="17414" y="35568"/>
                  </a:lnTo>
                  <a:lnTo>
                    <a:pt x="17136" y="35893"/>
                  </a:lnTo>
                  <a:lnTo>
                    <a:pt x="16904" y="36170"/>
                  </a:lnTo>
                  <a:lnTo>
                    <a:pt x="16673" y="36495"/>
                  </a:lnTo>
                  <a:lnTo>
                    <a:pt x="16256" y="37097"/>
                  </a:lnTo>
                  <a:lnTo>
                    <a:pt x="15978" y="37791"/>
                  </a:lnTo>
                  <a:lnTo>
                    <a:pt x="15746" y="38532"/>
                  </a:lnTo>
                  <a:lnTo>
                    <a:pt x="15607" y="39273"/>
                  </a:lnTo>
                  <a:lnTo>
                    <a:pt x="15469" y="40061"/>
                  </a:lnTo>
                  <a:lnTo>
                    <a:pt x="15376" y="40894"/>
                  </a:lnTo>
                  <a:lnTo>
                    <a:pt x="15144" y="42978"/>
                  </a:lnTo>
                  <a:lnTo>
                    <a:pt x="15005" y="45062"/>
                  </a:lnTo>
                  <a:lnTo>
                    <a:pt x="14774" y="49277"/>
                  </a:lnTo>
                  <a:lnTo>
                    <a:pt x="14728" y="51268"/>
                  </a:lnTo>
                  <a:lnTo>
                    <a:pt x="14589" y="53260"/>
                  </a:lnTo>
                  <a:lnTo>
                    <a:pt x="14542" y="54279"/>
                  </a:lnTo>
                  <a:lnTo>
                    <a:pt x="14403" y="55251"/>
                  </a:lnTo>
                  <a:lnTo>
                    <a:pt x="14218" y="56224"/>
                  </a:lnTo>
                  <a:lnTo>
                    <a:pt x="13987" y="57196"/>
                  </a:lnTo>
                  <a:lnTo>
                    <a:pt x="13801" y="57752"/>
                  </a:lnTo>
                  <a:lnTo>
                    <a:pt x="13570" y="58261"/>
                  </a:lnTo>
                  <a:lnTo>
                    <a:pt x="13338" y="58678"/>
                  </a:lnTo>
                  <a:lnTo>
                    <a:pt x="13060" y="59095"/>
                  </a:lnTo>
                  <a:lnTo>
                    <a:pt x="12968" y="55853"/>
                  </a:lnTo>
                  <a:lnTo>
                    <a:pt x="12921" y="52611"/>
                  </a:lnTo>
                  <a:lnTo>
                    <a:pt x="12875" y="46128"/>
                  </a:lnTo>
                  <a:lnTo>
                    <a:pt x="12829" y="40477"/>
                  </a:lnTo>
                  <a:lnTo>
                    <a:pt x="12782" y="34827"/>
                  </a:lnTo>
                  <a:lnTo>
                    <a:pt x="12551" y="23527"/>
                  </a:lnTo>
                  <a:lnTo>
                    <a:pt x="12458" y="17877"/>
                  </a:lnTo>
                  <a:lnTo>
                    <a:pt x="12412" y="12227"/>
                  </a:lnTo>
                  <a:lnTo>
                    <a:pt x="12412" y="9402"/>
                  </a:lnTo>
                  <a:lnTo>
                    <a:pt x="12458" y="6530"/>
                  </a:lnTo>
                  <a:lnTo>
                    <a:pt x="12458" y="5141"/>
                  </a:lnTo>
                  <a:lnTo>
                    <a:pt x="12458" y="3705"/>
                  </a:lnTo>
                  <a:lnTo>
                    <a:pt x="12412" y="2316"/>
                  </a:lnTo>
                  <a:lnTo>
                    <a:pt x="12319" y="927"/>
                  </a:lnTo>
                  <a:lnTo>
                    <a:pt x="12273" y="695"/>
                  </a:lnTo>
                  <a:lnTo>
                    <a:pt x="12180" y="510"/>
                  </a:lnTo>
                  <a:lnTo>
                    <a:pt x="12041" y="371"/>
                  </a:lnTo>
                  <a:lnTo>
                    <a:pt x="11902" y="232"/>
                  </a:lnTo>
                  <a:lnTo>
                    <a:pt x="11717" y="139"/>
                  </a:lnTo>
                  <a:lnTo>
                    <a:pt x="11486" y="47"/>
                  </a:lnTo>
                  <a:lnTo>
                    <a:pt x="11069" y="0"/>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572" name="Google Shape;572;p35"/>
            <p:cNvSpPr/>
            <p:nvPr/>
          </p:nvSpPr>
          <p:spPr>
            <a:xfrm>
              <a:off x="8430775" y="3609888"/>
              <a:ext cx="462000" cy="1352350"/>
            </a:xfrm>
            <a:custGeom>
              <a:avLst/>
              <a:gdLst/>
              <a:ahLst/>
              <a:cxnLst/>
              <a:rect l="l" t="t" r="r" b="b"/>
              <a:pathLst>
                <a:path w="18480" h="54094" extrusionOk="0">
                  <a:moveTo>
                    <a:pt x="2177" y="27464"/>
                  </a:moveTo>
                  <a:lnTo>
                    <a:pt x="2363" y="27973"/>
                  </a:lnTo>
                  <a:lnTo>
                    <a:pt x="2594" y="28436"/>
                  </a:lnTo>
                  <a:lnTo>
                    <a:pt x="2872" y="28853"/>
                  </a:lnTo>
                  <a:lnTo>
                    <a:pt x="3243" y="29224"/>
                  </a:lnTo>
                  <a:lnTo>
                    <a:pt x="3613" y="29548"/>
                  </a:lnTo>
                  <a:lnTo>
                    <a:pt x="4122" y="29779"/>
                  </a:lnTo>
                  <a:lnTo>
                    <a:pt x="4632" y="30011"/>
                  </a:lnTo>
                  <a:lnTo>
                    <a:pt x="5188" y="30196"/>
                  </a:lnTo>
                  <a:lnTo>
                    <a:pt x="5327" y="31539"/>
                  </a:lnTo>
                  <a:lnTo>
                    <a:pt x="4863" y="31493"/>
                  </a:lnTo>
                  <a:lnTo>
                    <a:pt x="4447" y="31400"/>
                  </a:lnTo>
                  <a:lnTo>
                    <a:pt x="3984" y="31261"/>
                  </a:lnTo>
                  <a:lnTo>
                    <a:pt x="3613" y="31076"/>
                  </a:lnTo>
                  <a:lnTo>
                    <a:pt x="3243" y="30845"/>
                  </a:lnTo>
                  <a:lnTo>
                    <a:pt x="2918" y="30613"/>
                  </a:lnTo>
                  <a:lnTo>
                    <a:pt x="2687" y="30335"/>
                  </a:lnTo>
                  <a:lnTo>
                    <a:pt x="2502" y="30011"/>
                  </a:lnTo>
                  <a:lnTo>
                    <a:pt x="2409" y="29733"/>
                  </a:lnTo>
                  <a:lnTo>
                    <a:pt x="2316" y="29455"/>
                  </a:lnTo>
                  <a:lnTo>
                    <a:pt x="2224" y="28807"/>
                  </a:lnTo>
                  <a:lnTo>
                    <a:pt x="2224" y="28158"/>
                  </a:lnTo>
                  <a:lnTo>
                    <a:pt x="2177" y="27464"/>
                  </a:lnTo>
                  <a:close/>
                  <a:moveTo>
                    <a:pt x="7457" y="1"/>
                  </a:moveTo>
                  <a:lnTo>
                    <a:pt x="7179" y="47"/>
                  </a:lnTo>
                  <a:lnTo>
                    <a:pt x="6901" y="140"/>
                  </a:lnTo>
                  <a:lnTo>
                    <a:pt x="6670" y="278"/>
                  </a:lnTo>
                  <a:lnTo>
                    <a:pt x="6484" y="510"/>
                  </a:lnTo>
                  <a:lnTo>
                    <a:pt x="6299" y="881"/>
                  </a:lnTo>
                  <a:lnTo>
                    <a:pt x="6114" y="1251"/>
                  </a:lnTo>
                  <a:lnTo>
                    <a:pt x="5882" y="2038"/>
                  </a:lnTo>
                  <a:lnTo>
                    <a:pt x="5697" y="2826"/>
                  </a:lnTo>
                  <a:lnTo>
                    <a:pt x="5604" y="3613"/>
                  </a:lnTo>
                  <a:lnTo>
                    <a:pt x="5558" y="4400"/>
                  </a:lnTo>
                  <a:lnTo>
                    <a:pt x="5558" y="5234"/>
                  </a:lnTo>
                  <a:lnTo>
                    <a:pt x="5558" y="6901"/>
                  </a:lnTo>
                  <a:lnTo>
                    <a:pt x="5558" y="10004"/>
                  </a:lnTo>
                  <a:lnTo>
                    <a:pt x="5604" y="13107"/>
                  </a:lnTo>
                  <a:lnTo>
                    <a:pt x="5651" y="14913"/>
                  </a:lnTo>
                  <a:lnTo>
                    <a:pt x="5604" y="16719"/>
                  </a:lnTo>
                  <a:lnTo>
                    <a:pt x="5558" y="18479"/>
                  </a:lnTo>
                  <a:lnTo>
                    <a:pt x="5466" y="19405"/>
                  </a:lnTo>
                  <a:lnTo>
                    <a:pt x="5327" y="20285"/>
                  </a:lnTo>
                  <a:lnTo>
                    <a:pt x="5095" y="21860"/>
                  </a:lnTo>
                  <a:lnTo>
                    <a:pt x="4817" y="23388"/>
                  </a:lnTo>
                  <a:lnTo>
                    <a:pt x="4771" y="24176"/>
                  </a:lnTo>
                  <a:lnTo>
                    <a:pt x="4725" y="24963"/>
                  </a:lnTo>
                  <a:lnTo>
                    <a:pt x="4725" y="25750"/>
                  </a:lnTo>
                  <a:lnTo>
                    <a:pt x="4817" y="26538"/>
                  </a:lnTo>
                  <a:lnTo>
                    <a:pt x="4910" y="27603"/>
                  </a:lnTo>
                  <a:lnTo>
                    <a:pt x="4539" y="27047"/>
                  </a:lnTo>
                  <a:lnTo>
                    <a:pt x="4261" y="26445"/>
                  </a:lnTo>
                  <a:lnTo>
                    <a:pt x="4030" y="25797"/>
                  </a:lnTo>
                  <a:lnTo>
                    <a:pt x="3891" y="25195"/>
                  </a:lnTo>
                  <a:lnTo>
                    <a:pt x="3845" y="24546"/>
                  </a:lnTo>
                  <a:lnTo>
                    <a:pt x="3798" y="23851"/>
                  </a:lnTo>
                  <a:lnTo>
                    <a:pt x="3845" y="22416"/>
                  </a:lnTo>
                  <a:lnTo>
                    <a:pt x="3798" y="21721"/>
                  </a:lnTo>
                  <a:lnTo>
                    <a:pt x="3752" y="21397"/>
                  </a:lnTo>
                  <a:lnTo>
                    <a:pt x="3659" y="21073"/>
                  </a:lnTo>
                  <a:lnTo>
                    <a:pt x="3567" y="20795"/>
                  </a:lnTo>
                  <a:lnTo>
                    <a:pt x="3428" y="20517"/>
                  </a:lnTo>
                  <a:lnTo>
                    <a:pt x="3243" y="20285"/>
                  </a:lnTo>
                  <a:lnTo>
                    <a:pt x="3011" y="20054"/>
                  </a:lnTo>
                  <a:lnTo>
                    <a:pt x="2965" y="20008"/>
                  </a:lnTo>
                  <a:lnTo>
                    <a:pt x="2872" y="20054"/>
                  </a:lnTo>
                  <a:lnTo>
                    <a:pt x="2502" y="20332"/>
                  </a:lnTo>
                  <a:lnTo>
                    <a:pt x="2224" y="20656"/>
                  </a:lnTo>
                  <a:lnTo>
                    <a:pt x="1992" y="21026"/>
                  </a:lnTo>
                  <a:lnTo>
                    <a:pt x="1853" y="21490"/>
                  </a:lnTo>
                  <a:lnTo>
                    <a:pt x="1761" y="21953"/>
                  </a:lnTo>
                  <a:lnTo>
                    <a:pt x="1714" y="22416"/>
                  </a:lnTo>
                  <a:lnTo>
                    <a:pt x="1668" y="22925"/>
                  </a:lnTo>
                  <a:lnTo>
                    <a:pt x="1668" y="23435"/>
                  </a:lnTo>
                  <a:lnTo>
                    <a:pt x="1483" y="22694"/>
                  </a:lnTo>
                  <a:lnTo>
                    <a:pt x="1297" y="21953"/>
                  </a:lnTo>
                  <a:lnTo>
                    <a:pt x="1020" y="21212"/>
                  </a:lnTo>
                  <a:lnTo>
                    <a:pt x="742" y="20424"/>
                  </a:lnTo>
                  <a:lnTo>
                    <a:pt x="695" y="20378"/>
                  </a:lnTo>
                  <a:lnTo>
                    <a:pt x="603" y="20424"/>
                  </a:lnTo>
                  <a:lnTo>
                    <a:pt x="371" y="21397"/>
                  </a:lnTo>
                  <a:lnTo>
                    <a:pt x="232" y="22323"/>
                  </a:lnTo>
                  <a:lnTo>
                    <a:pt x="93" y="23296"/>
                  </a:lnTo>
                  <a:lnTo>
                    <a:pt x="1" y="24268"/>
                  </a:lnTo>
                  <a:lnTo>
                    <a:pt x="1" y="25195"/>
                  </a:lnTo>
                  <a:lnTo>
                    <a:pt x="1" y="26167"/>
                  </a:lnTo>
                  <a:lnTo>
                    <a:pt x="47" y="28158"/>
                  </a:lnTo>
                  <a:lnTo>
                    <a:pt x="140" y="28853"/>
                  </a:lnTo>
                  <a:lnTo>
                    <a:pt x="186" y="29455"/>
                  </a:lnTo>
                  <a:lnTo>
                    <a:pt x="325" y="30057"/>
                  </a:lnTo>
                  <a:lnTo>
                    <a:pt x="510" y="30567"/>
                  </a:lnTo>
                  <a:lnTo>
                    <a:pt x="788" y="31030"/>
                  </a:lnTo>
                  <a:lnTo>
                    <a:pt x="1112" y="31493"/>
                  </a:lnTo>
                  <a:lnTo>
                    <a:pt x="1575" y="31863"/>
                  </a:lnTo>
                  <a:lnTo>
                    <a:pt x="2177" y="32234"/>
                  </a:lnTo>
                  <a:lnTo>
                    <a:pt x="2548" y="32419"/>
                  </a:lnTo>
                  <a:lnTo>
                    <a:pt x="2918" y="32604"/>
                  </a:lnTo>
                  <a:lnTo>
                    <a:pt x="3752" y="32836"/>
                  </a:lnTo>
                  <a:lnTo>
                    <a:pt x="4586" y="33021"/>
                  </a:lnTo>
                  <a:lnTo>
                    <a:pt x="5002" y="33068"/>
                  </a:lnTo>
                  <a:lnTo>
                    <a:pt x="5419" y="33068"/>
                  </a:lnTo>
                  <a:lnTo>
                    <a:pt x="5466" y="34503"/>
                  </a:lnTo>
                  <a:lnTo>
                    <a:pt x="5466" y="35985"/>
                  </a:lnTo>
                  <a:lnTo>
                    <a:pt x="5466" y="37514"/>
                  </a:lnTo>
                  <a:lnTo>
                    <a:pt x="5419" y="39042"/>
                  </a:lnTo>
                  <a:lnTo>
                    <a:pt x="5141" y="45711"/>
                  </a:lnTo>
                  <a:lnTo>
                    <a:pt x="5002" y="47517"/>
                  </a:lnTo>
                  <a:lnTo>
                    <a:pt x="4863" y="49370"/>
                  </a:lnTo>
                  <a:lnTo>
                    <a:pt x="4863" y="50249"/>
                  </a:lnTo>
                  <a:lnTo>
                    <a:pt x="4863" y="51176"/>
                  </a:lnTo>
                  <a:lnTo>
                    <a:pt x="4863" y="52056"/>
                  </a:lnTo>
                  <a:lnTo>
                    <a:pt x="5002" y="52936"/>
                  </a:lnTo>
                  <a:lnTo>
                    <a:pt x="5095" y="53260"/>
                  </a:lnTo>
                  <a:lnTo>
                    <a:pt x="5234" y="53538"/>
                  </a:lnTo>
                  <a:lnTo>
                    <a:pt x="5419" y="53769"/>
                  </a:lnTo>
                  <a:lnTo>
                    <a:pt x="5697" y="53908"/>
                  </a:lnTo>
                  <a:lnTo>
                    <a:pt x="5975" y="54001"/>
                  </a:lnTo>
                  <a:lnTo>
                    <a:pt x="6299" y="54093"/>
                  </a:lnTo>
                  <a:lnTo>
                    <a:pt x="6948" y="54093"/>
                  </a:lnTo>
                  <a:lnTo>
                    <a:pt x="7272" y="54047"/>
                  </a:lnTo>
                  <a:lnTo>
                    <a:pt x="7596" y="53954"/>
                  </a:lnTo>
                  <a:lnTo>
                    <a:pt x="7874" y="53816"/>
                  </a:lnTo>
                  <a:lnTo>
                    <a:pt x="8105" y="53677"/>
                  </a:lnTo>
                  <a:lnTo>
                    <a:pt x="8337" y="53538"/>
                  </a:lnTo>
                  <a:lnTo>
                    <a:pt x="8476" y="53352"/>
                  </a:lnTo>
                  <a:lnTo>
                    <a:pt x="8568" y="53121"/>
                  </a:lnTo>
                  <a:lnTo>
                    <a:pt x="8568" y="52936"/>
                  </a:lnTo>
                  <a:lnTo>
                    <a:pt x="8754" y="52102"/>
                  </a:lnTo>
                  <a:lnTo>
                    <a:pt x="8939" y="51315"/>
                  </a:lnTo>
                  <a:lnTo>
                    <a:pt x="9171" y="49647"/>
                  </a:lnTo>
                  <a:lnTo>
                    <a:pt x="9310" y="47980"/>
                  </a:lnTo>
                  <a:lnTo>
                    <a:pt x="9356" y="46267"/>
                  </a:lnTo>
                  <a:lnTo>
                    <a:pt x="9402" y="42840"/>
                  </a:lnTo>
                  <a:lnTo>
                    <a:pt x="9448" y="41172"/>
                  </a:lnTo>
                  <a:lnTo>
                    <a:pt x="9495" y="39551"/>
                  </a:lnTo>
                  <a:lnTo>
                    <a:pt x="9541" y="38255"/>
                  </a:lnTo>
                  <a:lnTo>
                    <a:pt x="10282" y="38255"/>
                  </a:lnTo>
                  <a:lnTo>
                    <a:pt x="10699" y="38162"/>
                  </a:lnTo>
                  <a:lnTo>
                    <a:pt x="11162" y="38069"/>
                  </a:lnTo>
                  <a:lnTo>
                    <a:pt x="11579" y="37977"/>
                  </a:lnTo>
                  <a:lnTo>
                    <a:pt x="11996" y="37838"/>
                  </a:lnTo>
                  <a:lnTo>
                    <a:pt x="12366" y="37653"/>
                  </a:lnTo>
                  <a:lnTo>
                    <a:pt x="12737" y="37467"/>
                  </a:lnTo>
                  <a:lnTo>
                    <a:pt x="13107" y="37236"/>
                  </a:lnTo>
                  <a:lnTo>
                    <a:pt x="13478" y="36958"/>
                  </a:lnTo>
                  <a:lnTo>
                    <a:pt x="13802" y="36726"/>
                  </a:lnTo>
                  <a:lnTo>
                    <a:pt x="14080" y="36402"/>
                  </a:lnTo>
                  <a:lnTo>
                    <a:pt x="14358" y="36078"/>
                  </a:lnTo>
                  <a:lnTo>
                    <a:pt x="14635" y="35754"/>
                  </a:lnTo>
                  <a:lnTo>
                    <a:pt x="14867" y="35383"/>
                  </a:lnTo>
                  <a:lnTo>
                    <a:pt x="15099" y="34966"/>
                  </a:lnTo>
                  <a:lnTo>
                    <a:pt x="15284" y="34550"/>
                  </a:lnTo>
                  <a:lnTo>
                    <a:pt x="15562" y="33901"/>
                  </a:lnTo>
                  <a:lnTo>
                    <a:pt x="15840" y="33207"/>
                  </a:lnTo>
                  <a:lnTo>
                    <a:pt x="16303" y="31863"/>
                  </a:lnTo>
                  <a:lnTo>
                    <a:pt x="17136" y="29085"/>
                  </a:lnTo>
                  <a:lnTo>
                    <a:pt x="17553" y="27788"/>
                  </a:lnTo>
                  <a:lnTo>
                    <a:pt x="17970" y="26538"/>
                  </a:lnTo>
                  <a:lnTo>
                    <a:pt x="18155" y="25889"/>
                  </a:lnTo>
                  <a:lnTo>
                    <a:pt x="18294" y="25241"/>
                  </a:lnTo>
                  <a:lnTo>
                    <a:pt x="18433" y="24592"/>
                  </a:lnTo>
                  <a:lnTo>
                    <a:pt x="18479" y="23898"/>
                  </a:lnTo>
                  <a:lnTo>
                    <a:pt x="18479" y="23620"/>
                  </a:lnTo>
                  <a:lnTo>
                    <a:pt x="18433" y="23157"/>
                  </a:lnTo>
                  <a:lnTo>
                    <a:pt x="18340" y="22601"/>
                  </a:lnTo>
                  <a:lnTo>
                    <a:pt x="18202" y="21999"/>
                  </a:lnTo>
                  <a:lnTo>
                    <a:pt x="17970" y="21443"/>
                  </a:lnTo>
                  <a:lnTo>
                    <a:pt x="17831" y="21212"/>
                  </a:lnTo>
                  <a:lnTo>
                    <a:pt x="17692" y="21026"/>
                  </a:lnTo>
                  <a:lnTo>
                    <a:pt x="17507" y="20887"/>
                  </a:lnTo>
                  <a:lnTo>
                    <a:pt x="17322" y="20795"/>
                  </a:lnTo>
                  <a:lnTo>
                    <a:pt x="17090" y="20841"/>
                  </a:lnTo>
                  <a:lnTo>
                    <a:pt x="16858" y="20934"/>
                  </a:lnTo>
                  <a:lnTo>
                    <a:pt x="16442" y="21212"/>
                  </a:lnTo>
                  <a:lnTo>
                    <a:pt x="16117" y="21490"/>
                  </a:lnTo>
                  <a:lnTo>
                    <a:pt x="15886" y="21767"/>
                  </a:lnTo>
                  <a:lnTo>
                    <a:pt x="15701" y="22092"/>
                  </a:lnTo>
                  <a:lnTo>
                    <a:pt x="15515" y="22416"/>
                  </a:lnTo>
                  <a:lnTo>
                    <a:pt x="15423" y="22833"/>
                  </a:lnTo>
                  <a:lnTo>
                    <a:pt x="15191" y="23759"/>
                  </a:lnTo>
                  <a:lnTo>
                    <a:pt x="14821" y="25195"/>
                  </a:lnTo>
                  <a:lnTo>
                    <a:pt x="14404" y="26630"/>
                  </a:lnTo>
                  <a:lnTo>
                    <a:pt x="13524" y="29502"/>
                  </a:lnTo>
                  <a:lnTo>
                    <a:pt x="12876" y="31771"/>
                  </a:lnTo>
                  <a:lnTo>
                    <a:pt x="12505" y="32882"/>
                  </a:lnTo>
                  <a:lnTo>
                    <a:pt x="12274" y="33438"/>
                  </a:lnTo>
                  <a:lnTo>
                    <a:pt x="12042" y="33994"/>
                  </a:lnTo>
                  <a:lnTo>
                    <a:pt x="11857" y="34411"/>
                  </a:lnTo>
                  <a:lnTo>
                    <a:pt x="11579" y="34781"/>
                  </a:lnTo>
                  <a:lnTo>
                    <a:pt x="11347" y="35105"/>
                  </a:lnTo>
                  <a:lnTo>
                    <a:pt x="11069" y="35337"/>
                  </a:lnTo>
                  <a:lnTo>
                    <a:pt x="10745" y="35568"/>
                  </a:lnTo>
                  <a:lnTo>
                    <a:pt x="10375" y="35707"/>
                  </a:lnTo>
                  <a:lnTo>
                    <a:pt x="10004" y="35846"/>
                  </a:lnTo>
                  <a:lnTo>
                    <a:pt x="9587" y="35939"/>
                  </a:lnTo>
                  <a:lnTo>
                    <a:pt x="9587" y="33716"/>
                  </a:lnTo>
                  <a:lnTo>
                    <a:pt x="9495" y="31493"/>
                  </a:lnTo>
                  <a:lnTo>
                    <a:pt x="9310" y="29270"/>
                  </a:lnTo>
                  <a:lnTo>
                    <a:pt x="9078" y="27047"/>
                  </a:lnTo>
                  <a:lnTo>
                    <a:pt x="8985" y="26213"/>
                  </a:lnTo>
                  <a:lnTo>
                    <a:pt x="8939" y="25426"/>
                  </a:lnTo>
                  <a:lnTo>
                    <a:pt x="8939" y="24639"/>
                  </a:lnTo>
                  <a:lnTo>
                    <a:pt x="8985" y="23898"/>
                  </a:lnTo>
                  <a:lnTo>
                    <a:pt x="9171" y="22369"/>
                  </a:lnTo>
                  <a:lnTo>
                    <a:pt x="9448" y="20749"/>
                  </a:lnTo>
                  <a:lnTo>
                    <a:pt x="9587" y="19915"/>
                  </a:lnTo>
                  <a:lnTo>
                    <a:pt x="9680" y="19128"/>
                  </a:lnTo>
                  <a:lnTo>
                    <a:pt x="9819" y="17460"/>
                  </a:lnTo>
                  <a:lnTo>
                    <a:pt x="9865" y="15793"/>
                  </a:lnTo>
                  <a:lnTo>
                    <a:pt x="9865" y="14126"/>
                  </a:lnTo>
                  <a:lnTo>
                    <a:pt x="9773" y="10513"/>
                  </a:lnTo>
                  <a:lnTo>
                    <a:pt x="9634" y="6901"/>
                  </a:lnTo>
                  <a:lnTo>
                    <a:pt x="9587" y="5234"/>
                  </a:lnTo>
                  <a:lnTo>
                    <a:pt x="9541" y="4400"/>
                  </a:lnTo>
                  <a:lnTo>
                    <a:pt x="9448" y="3613"/>
                  </a:lnTo>
                  <a:lnTo>
                    <a:pt x="9310" y="2779"/>
                  </a:lnTo>
                  <a:lnTo>
                    <a:pt x="9124" y="1992"/>
                  </a:lnTo>
                  <a:lnTo>
                    <a:pt x="8846" y="1251"/>
                  </a:lnTo>
                  <a:lnTo>
                    <a:pt x="8661" y="881"/>
                  </a:lnTo>
                  <a:lnTo>
                    <a:pt x="8430" y="510"/>
                  </a:lnTo>
                  <a:lnTo>
                    <a:pt x="8244" y="278"/>
                  </a:lnTo>
                  <a:lnTo>
                    <a:pt x="8013" y="140"/>
                  </a:lnTo>
                  <a:lnTo>
                    <a:pt x="7735" y="47"/>
                  </a:lnTo>
                  <a:lnTo>
                    <a:pt x="7457" y="1"/>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573" name="Google Shape;573;p35"/>
          <p:cNvSpPr txBox="1"/>
          <p:nvPr/>
        </p:nvSpPr>
        <p:spPr>
          <a:xfrm>
            <a:off x="7744389" y="7741778"/>
            <a:ext cx="10990667" cy="1175333"/>
          </a:xfrm>
          <a:prstGeom prst="rect">
            <a:avLst/>
          </a:prstGeom>
          <a:noFill/>
          <a:ln>
            <a:noFill/>
          </a:ln>
        </p:spPr>
        <p:txBody>
          <a:bodyPr spcFirstLastPara="1" wrap="square" lIns="203167" tIns="203167" rIns="203167" bIns="203167" anchor="t" anchorCtr="0">
            <a:noAutofit/>
          </a:bodyPr>
          <a:lstStyle/>
          <a:p>
            <a:pPr marL="0" lvl="0" indent="0" algn="ctr" rtl="0">
              <a:spcBef>
                <a:spcPts val="667"/>
              </a:spcBef>
              <a:spcAft>
                <a:spcPts val="0"/>
              </a:spcAft>
              <a:buNone/>
            </a:pPr>
            <a:r>
              <a:rPr lang="en" sz="2667" b="1">
                <a:solidFill>
                  <a:schemeClr val="dk1"/>
                </a:solidFill>
                <a:latin typeface="Lato"/>
                <a:ea typeface="Lato"/>
                <a:cs typeface="Lato"/>
                <a:sym typeface="Lato"/>
              </a:rPr>
              <a:t>CREDITS:</a:t>
            </a:r>
            <a:r>
              <a:rPr lang="en" sz="2667">
                <a:solidFill>
                  <a:schemeClr val="dk1"/>
                </a:solidFill>
                <a:latin typeface="Lato"/>
                <a:ea typeface="Lato"/>
                <a:cs typeface="Lato"/>
                <a:sym typeface="Lato"/>
              </a:rPr>
              <a:t> This presentation template was created by </a:t>
            </a:r>
            <a:r>
              <a:rPr lang="en" sz="2667" b="1" u="sng">
                <a:solidFill>
                  <a:schemeClr val="dk1"/>
                </a:solidFill>
                <a:latin typeface="Lato"/>
                <a:ea typeface="Lato"/>
                <a:cs typeface="Lato"/>
                <a:sym typeface="Lato"/>
                <a:hlinkClick r:id="rId3">
                  <a:extLst>
                    <a:ext uri="{A12FA001-AC4F-418D-AE19-62706E023703}">
                      <ahyp:hlinkClr xmlns:ahyp="http://schemas.microsoft.com/office/drawing/2018/hyperlinkcolor" xmlns="" val="tx"/>
                    </a:ext>
                  </a:extLst>
                </a:hlinkClick>
              </a:rPr>
              <a:t>Slidesgo</a:t>
            </a:r>
            <a:r>
              <a:rPr lang="en" sz="2667">
                <a:solidFill>
                  <a:schemeClr val="dk1"/>
                </a:solidFill>
                <a:latin typeface="Lato"/>
                <a:ea typeface="Lato"/>
                <a:cs typeface="Lato"/>
                <a:sym typeface="Lato"/>
              </a:rPr>
              <a:t>, and includes icons by </a:t>
            </a:r>
            <a:r>
              <a:rPr lang="en" sz="2667" b="1" u="sng">
                <a:solidFill>
                  <a:schemeClr val="dk1"/>
                </a:solidFill>
                <a:latin typeface="Lato"/>
                <a:ea typeface="Lato"/>
                <a:cs typeface="Lato"/>
                <a:sym typeface="Lato"/>
                <a:hlinkClick r:id="rId4">
                  <a:extLst>
                    <a:ext uri="{A12FA001-AC4F-418D-AE19-62706E023703}">
                      <ahyp:hlinkClr xmlns:ahyp="http://schemas.microsoft.com/office/drawing/2018/hyperlinkcolor" xmlns="" val="tx"/>
                    </a:ext>
                  </a:extLst>
                </a:hlinkClick>
              </a:rPr>
              <a:t>Flaticon</a:t>
            </a:r>
            <a:r>
              <a:rPr lang="en" sz="2667">
                <a:solidFill>
                  <a:schemeClr val="dk1"/>
                </a:solidFill>
                <a:latin typeface="Lato"/>
                <a:ea typeface="Lato"/>
                <a:cs typeface="Lato"/>
                <a:sym typeface="Lato"/>
              </a:rPr>
              <a:t>, and infographics &amp; images by </a:t>
            </a:r>
            <a:r>
              <a:rPr lang="en" sz="2667" b="1" u="sng">
                <a:solidFill>
                  <a:schemeClr val="dk1"/>
                </a:solidFill>
                <a:latin typeface="Lato"/>
                <a:ea typeface="Lato"/>
                <a:cs typeface="Lato"/>
                <a:sym typeface="Lato"/>
                <a:hlinkClick r:id="rId5">
                  <a:extLst>
                    <a:ext uri="{A12FA001-AC4F-418D-AE19-62706E023703}">
                      <ahyp:hlinkClr xmlns:ahyp="http://schemas.microsoft.com/office/drawing/2018/hyperlinkcolor" xmlns="" val="tx"/>
                    </a:ext>
                  </a:extLst>
                </a:hlinkClick>
              </a:rPr>
              <a:t>Freepik</a:t>
            </a:r>
            <a:r>
              <a:rPr lang="en" sz="2667" u="sng">
                <a:solidFill>
                  <a:schemeClr val="dk1"/>
                </a:solidFill>
                <a:latin typeface="Lato"/>
                <a:ea typeface="Lato"/>
                <a:cs typeface="Lato"/>
                <a:sym typeface="Lato"/>
              </a:rPr>
              <a:t> </a:t>
            </a:r>
            <a:endParaRPr sz="2667" b="1" u="sng">
              <a:solidFill>
                <a:schemeClr val="dk1"/>
              </a:solidFill>
              <a:latin typeface="Lato"/>
              <a:ea typeface="Lato"/>
              <a:cs typeface="Lato"/>
              <a:sym typeface="Lato"/>
            </a:endParaRPr>
          </a:p>
        </p:txBody>
      </p:sp>
    </p:spTree>
    <p:extLst>
      <p:ext uri="{BB962C8B-B14F-4D97-AF65-F5344CB8AC3E}">
        <p14:creationId xmlns:p14="http://schemas.microsoft.com/office/powerpoint/2010/main" val="431570578"/>
      </p:ext>
    </p:extLst>
  </p:cSld>
  <p:clrMapOvr>
    <a:masterClrMapping/>
  </p:clrMapOvr>
</p:sldLayout>
</file>

<file path=ppt/slideLayouts/slideLayout118.xml><?xml version="1.0" encoding="utf-8"?>
<p:sldLayout xmlns:a="http://schemas.openxmlformats.org/drawingml/2006/main" xmlns:r="http://schemas.openxmlformats.org/officeDocument/2006/relationships" xmlns:p="http://schemas.openxmlformats.org/presentationml/2006/main" matchingName="Background">
  <p:cSld name="Background">
    <p:spTree>
      <p:nvGrpSpPr>
        <p:cNvPr id="1" name="Shape 574"/>
        <p:cNvGrpSpPr/>
        <p:nvPr/>
      </p:nvGrpSpPr>
      <p:grpSpPr>
        <a:xfrm>
          <a:off x="0" y="0"/>
          <a:ext cx="0" cy="0"/>
          <a:chOff x="0" y="0"/>
          <a:chExt cx="0" cy="0"/>
        </a:xfrm>
      </p:grpSpPr>
      <p:pic>
        <p:nvPicPr>
          <p:cNvPr id="575" name="Google Shape;575;p36"/>
          <p:cNvPicPr preferRelativeResize="0"/>
          <p:nvPr/>
        </p:nvPicPr>
        <p:blipFill rotWithShape="1">
          <a:blip r:embed="rId2">
            <a:alphaModFix amt="58999"/>
          </a:blip>
          <a:srcRect/>
          <a:stretch/>
        </p:blipFill>
        <p:spPr>
          <a:xfrm>
            <a:off x="0" y="0"/>
            <a:ext cx="20320000" cy="11430000"/>
          </a:xfrm>
          <a:prstGeom prst="rect">
            <a:avLst/>
          </a:prstGeom>
          <a:noFill/>
          <a:ln>
            <a:noFill/>
          </a:ln>
        </p:spPr>
      </p:pic>
      <p:grpSp>
        <p:nvGrpSpPr>
          <p:cNvPr id="576" name="Google Shape;576;p36"/>
          <p:cNvGrpSpPr/>
          <p:nvPr/>
        </p:nvGrpSpPr>
        <p:grpSpPr>
          <a:xfrm>
            <a:off x="921445" y="681333"/>
            <a:ext cx="18477111" cy="481333"/>
            <a:chOff x="414650" y="306600"/>
            <a:chExt cx="8314700" cy="216600"/>
          </a:xfrm>
        </p:grpSpPr>
        <p:grpSp>
          <p:nvGrpSpPr>
            <p:cNvPr id="577" name="Google Shape;577;p36"/>
            <p:cNvGrpSpPr/>
            <p:nvPr/>
          </p:nvGrpSpPr>
          <p:grpSpPr>
            <a:xfrm>
              <a:off x="713281" y="389286"/>
              <a:ext cx="7717437" cy="51251"/>
              <a:chOff x="450050" y="465475"/>
              <a:chExt cx="8367600" cy="51241"/>
            </a:xfrm>
          </p:grpSpPr>
          <p:cxnSp>
            <p:nvCxnSpPr>
              <p:cNvPr id="578" name="Google Shape;578;p36"/>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579" name="Google Shape;579;p36"/>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580" name="Google Shape;580;p36"/>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581" name="Google Shape;581;p36"/>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grpSp>
        <p:nvGrpSpPr>
          <p:cNvPr id="582" name="Google Shape;582;p36"/>
          <p:cNvGrpSpPr/>
          <p:nvPr/>
        </p:nvGrpSpPr>
        <p:grpSpPr>
          <a:xfrm>
            <a:off x="0" y="9292971"/>
            <a:ext cx="20320000" cy="2120644"/>
            <a:chOff x="0" y="4181837"/>
            <a:chExt cx="9144000" cy="954290"/>
          </a:xfrm>
        </p:grpSpPr>
        <p:sp>
          <p:nvSpPr>
            <p:cNvPr id="583" name="Google Shape;583;p36"/>
            <p:cNvSpPr/>
            <p:nvPr/>
          </p:nvSpPr>
          <p:spPr>
            <a:xfrm>
              <a:off x="0" y="4181837"/>
              <a:ext cx="9143916" cy="673365"/>
            </a:xfrm>
            <a:custGeom>
              <a:avLst/>
              <a:gdLst/>
              <a:ahLst/>
              <a:cxnLst/>
              <a:rect l="l" t="t" r="r" b="b"/>
              <a:pathLst>
                <a:path w="285057" h="22555" extrusionOk="0">
                  <a:moveTo>
                    <a:pt x="1" y="0"/>
                  </a:moveTo>
                  <a:lnTo>
                    <a:pt x="1" y="22554"/>
                  </a:lnTo>
                  <a:lnTo>
                    <a:pt x="285056" y="22554"/>
                  </a:lnTo>
                  <a:lnTo>
                    <a:pt x="285056" y="16904"/>
                  </a:lnTo>
                  <a:lnTo>
                    <a:pt x="281860" y="16673"/>
                  </a:lnTo>
                  <a:lnTo>
                    <a:pt x="273246" y="16117"/>
                  </a:lnTo>
                  <a:lnTo>
                    <a:pt x="267365" y="15654"/>
                  </a:lnTo>
                  <a:lnTo>
                    <a:pt x="260695" y="15144"/>
                  </a:lnTo>
                  <a:lnTo>
                    <a:pt x="253424" y="14496"/>
                  </a:lnTo>
                  <a:lnTo>
                    <a:pt x="245736" y="13801"/>
                  </a:lnTo>
                  <a:lnTo>
                    <a:pt x="237771" y="12968"/>
                  </a:lnTo>
                  <a:lnTo>
                    <a:pt x="229759" y="12088"/>
                  </a:lnTo>
                  <a:lnTo>
                    <a:pt x="225822" y="11625"/>
                  </a:lnTo>
                  <a:lnTo>
                    <a:pt x="221885" y="11115"/>
                  </a:lnTo>
                  <a:lnTo>
                    <a:pt x="218088" y="10606"/>
                  </a:lnTo>
                  <a:lnTo>
                    <a:pt x="214336" y="10050"/>
                  </a:lnTo>
                  <a:lnTo>
                    <a:pt x="210770" y="9494"/>
                  </a:lnTo>
                  <a:lnTo>
                    <a:pt x="207297" y="8892"/>
                  </a:lnTo>
                  <a:lnTo>
                    <a:pt x="204009" y="8290"/>
                  </a:lnTo>
                  <a:lnTo>
                    <a:pt x="200952" y="7688"/>
                  </a:lnTo>
                  <a:lnTo>
                    <a:pt x="198081" y="7040"/>
                  </a:lnTo>
                  <a:lnTo>
                    <a:pt x="195441" y="6391"/>
                  </a:lnTo>
                  <a:lnTo>
                    <a:pt x="193079" y="5697"/>
                  </a:lnTo>
                  <a:lnTo>
                    <a:pt x="192014" y="5326"/>
                  </a:lnTo>
                  <a:lnTo>
                    <a:pt x="190995" y="5002"/>
                  </a:lnTo>
                  <a:lnTo>
                    <a:pt x="190022" y="4632"/>
                  </a:lnTo>
                  <a:lnTo>
                    <a:pt x="189096" y="4354"/>
                  </a:lnTo>
                  <a:lnTo>
                    <a:pt x="188123" y="4030"/>
                  </a:lnTo>
                  <a:lnTo>
                    <a:pt x="187151" y="3798"/>
                  </a:lnTo>
                  <a:lnTo>
                    <a:pt x="186132" y="3566"/>
                  </a:lnTo>
                  <a:lnTo>
                    <a:pt x="185159" y="3381"/>
                  </a:lnTo>
                  <a:lnTo>
                    <a:pt x="183214" y="3057"/>
                  </a:lnTo>
                  <a:lnTo>
                    <a:pt x="181223" y="2872"/>
                  </a:lnTo>
                  <a:lnTo>
                    <a:pt x="179231" y="2733"/>
                  </a:lnTo>
                  <a:lnTo>
                    <a:pt x="177193" y="2733"/>
                  </a:lnTo>
                  <a:lnTo>
                    <a:pt x="175156" y="2779"/>
                  </a:lnTo>
                  <a:lnTo>
                    <a:pt x="173118" y="2918"/>
                  </a:lnTo>
                  <a:lnTo>
                    <a:pt x="171034" y="3103"/>
                  </a:lnTo>
                  <a:lnTo>
                    <a:pt x="168996" y="3381"/>
                  </a:lnTo>
                  <a:lnTo>
                    <a:pt x="166866" y="3705"/>
                  </a:lnTo>
                  <a:lnTo>
                    <a:pt x="164735" y="4076"/>
                  </a:lnTo>
                  <a:lnTo>
                    <a:pt x="162605" y="4493"/>
                  </a:lnTo>
                  <a:lnTo>
                    <a:pt x="160475" y="4956"/>
                  </a:lnTo>
                  <a:lnTo>
                    <a:pt x="158298" y="5465"/>
                  </a:lnTo>
                  <a:lnTo>
                    <a:pt x="153852" y="6484"/>
                  </a:lnTo>
                  <a:lnTo>
                    <a:pt x="149359" y="7596"/>
                  </a:lnTo>
                  <a:lnTo>
                    <a:pt x="144775" y="8707"/>
                  </a:lnTo>
                  <a:lnTo>
                    <a:pt x="140097" y="9772"/>
                  </a:lnTo>
                  <a:lnTo>
                    <a:pt x="137735" y="10282"/>
                  </a:lnTo>
                  <a:lnTo>
                    <a:pt x="135327" y="10745"/>
                  </a:lnTo>
                  <a:lnTo>
                    <a:pt x="132918" y="11162"/>
                  </a:lnTo>
                  <a:lnTo>
                    <a:pt x="130464" y="11532"/>
                  </a:lnTo>
                  <a:lnTo>
                    <a:pt x="127963" y="11903"/>
                  </a:lnTo>
                  <a:lnTo>
                    <a:pt x="125462" y="12180"/>
                  </a:lnTo>
                  <a:lnTo>
                    <a:pt x="122961" y="12366"/>
                  </a:lnTo>
                  <a:lnTo>
                    <a:pt x="120414" y="12505"/>
                  </a:lnTo>
                  <a:lnTo>
                    <a:pt x="117635" y="12597"/>
                  </a:lnTo>
                  <a:lnTo>
                    <a:pt x="114532" y="12597"/>
                  </a:lnTo>
                  <a:lnTo>
                    <a:pt x="111105" y="12505"/>
                  </a:lnTo>
                  <a:lnTo>
                    <a:pt x="107354" y="12319"/>
                  </a:lnTo>
                  <a:lnTo>
                    <a:pt x="103371" y="12088"/>
                  </a:lnTo>
                  <a:lnTo>
                    <a:pt x="99110" y="11810"/>
                  </a:lnTo>
                  <a:lnTo>
                    <a:pt x="94664" y="11486"/>
                  </a:lnTo>
                  <a:lnTo>
                    <a:pt x="90033" y="11069"/>
                  </a:lnTo>
                  <a:lnTo>
                    <a:pt x="85263" y="10606"/>
                  </a:lnTo>
                  <a:lnTo>
                    <a:pt x="80353" y="10143"/>
                  </a:lnTo>
                  <a:lnTo>
                    <a:pt x="70257" y="9078"/>
                  </a:lnTo>
                  <a:lnTo>
                    <a:pt x="60068" y="7920"/>
                  </a:lnTo>
                  <a:lnTo>
                    <a:pt x="49926" y="6716"/>
                  </a:lnTo>
                  <a:lnTo>
                    <a:pt x="40108" y="5465"/>
                  </a:lnTo>
                  <a:lnTo>
                    <a:pt x="30891" y="4261"/>
                  </a:lnTo>
                  <a:lnTo>
                    <a:pt x="22416" y="3150"/>
                  </a:lnTo>
                  <a:lnTo>
                    <a:pt x="14960" y="2131"/>
                  </a:lnTo>
                  <a:lnTo>
                    <a:pt x="4076" y="602"/>
                  </a:lnTo>
                  <a:lnTo>
                    <a:pt x="1" y="0"/>
                  </a:lnTo>
                  <a:close/>
                </a:path>
              </a:pathLst>
            </a:custGeom>
            <a:solidFill>
              <a:schemeClr val="l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nvGrpSpPr>
            <p:cNvPr id="584" name="Google Shape;584;p36"/>
            <p:cNvGrpSpPr/>
            <p:nvPr/>
          </p:nvGrpSpPr>
          <p:grpSpPr>
            <a:xfrm>
              <a:off x="0" y="4603999"/>
              <a:ext cx="9144000" cy="532129"/>
              <a:chOff x="0" y="4611399"/>
              <a:chExt cx="9144000" cy="532129"/>
            </a:xfrm>
          </p:grpSpPr>
          <p:sp>
            <p:nvSpPr>
              <p:cNvPr id="585" name="Google Shape;585;p36"/>
              <p:cNvSpPr/>
              <p:nvPr/>
            </p:nvSpPr>
            <p:spPr>
              <a:xfrm>
                <a:off x="0" y="4611433"/>
                <a:ext cx="9144000" cy="532075"/>
              </a:xfrm>
              <a:custGeom>
                <a:avLst/>
                <a:gdLst/>
                <a:ahLst/>
                <a:cxnLst/>
                <a:rect l="l" t="t" r="r" b="b"/>
                <a:pathLst>
                  <a:path w="285750" h="81326" extrusionOk="0">
                    <a:moveTo>
                      <a:pt x="84150" y="1"/>
                    </a:moveTo>
                    <a:lnTo>
                      <a:pt x="83270" y="47"/>
                    </a:lnTo>
                    <a:lnTo>
                      <a:pt x="82437" y="186"/>
                    </a:lnTo>
                    <a:lnTo>
                      <a:pt x="80723" y="464"/>
                    </a:lnTo>
                    <a:lnTo>
                      <a:pt x="78917" y="835"/>
                    </a:lnTo>
                    <a:lnTo>
                      <a:pt x="77111" y="1205"/>
                    </a:lnTo>
                    <a:lnTo>
                      <a:pt x="75258" y="1668"/>
                    </a:lnTo>
                    <a:lnTo>
                      <a:pt x="73359" y="2178"/>
                    </a:lnTo>
                    <a:lnTo>
                      <a:pt x="71414" y="2687"/>
                    </a:lnTo>
                    <a:lnTo>
                      <a:pt x="67478" y="3845"/>
                    </a:lnTo>
                    <a:lnTo>
                      <a:pt x="63402" y="5095"/>
                    </a:lnTo>
                    <a:lnTo>
                      <a:pt x="59280" y="6438"/>
                    </a:lnTo>
                    <a:lnTo>
                      <a:pt x="51037" y="9217"/>
                    </a:lnTo>
                    <a:lnTo>
                      <a:pt x="46961" y="10606"/>
                    </a:lnTo>
                    <a:lnTo>
                      <a:pt x="42932" y="11950"/>
                    </a:lnTo>
                    <a:lnTo>
                      <a:pt x="39042" y="13154"/>
                    </a:lnTo>
                    <a:lnTo>
                      <a:pt x="35290" y="14265"/>
                    </a:lnTo>
                    <a:lnTo>
                      <a:pt x="33484" y="14775"/>
                    </a:lnTo>
                    <a:lnTo>
                      <a:pt x="31724" y="15238"/>
                    </a:lnTo>
                    <a:lnTo>
                      <a:pt x="30011" y="15655"/>
                    </a:lnTo>
                    <a:lnTo>
                      <a:pt x="28390" y="16025"/>
                    </a:lnTo>
                    <a:lnTo>
                      <a:pt x="26815" y="16349"/>
                    </a:lnTo>
                    <a:lnTo>
                      <a:pt x="25287" y="16627"/>
                    </a:lnTo>
                    <a:lnTo>
                      <a:pt x="23851" y="16812"/>
                    </a:lnTo>
                    <a:lnTo>
                      <a:pt x="22462" y="16951"/>
                    </a:lnTo>
                    <a:lnTo>
                      <a:pt x="19868" y="17183"/>
                    </a:lnTo>
                    <a:lnTo>
                      <a:pt x="17414" y="17368"/>
                    </a:lnTo>
                    <a:lnTo>
                      <a:pt x="15098" y="17646"/>
                    </a:lnTo>
                    <a:lnTo>
                      <a:pt x="12921" y="17878"/>
                    </a:lnTo>
                    <a:lnTo>
                      <a:pt x="9077" y="18433"/>
                    </a:lnTo>
                    <a:lnTo>
                      <a:pt x="5882" y="18896"/>
                    </a:lnTo>
                    <a:lnTo>
                      <a:pt x="3335" y="19360"/>
                    </a:lnTo>
                    <a:lnTo>
                      <a:pt x="1528" y="19730"/>
                    </a:lnTo>
                    <a:lnTo>
                      <a:pt x="0" y="20101"/>
                    </a:lnTo>
                    <a:lnTo>
                      <a:pt x="0" y="81325"/>
                    </a:lnTo>
                    <a:lnTo>
                      <a:pt x="285750" y="81325"/>
                    </a:lnTo>
                    <a:lnTo>
                      <a:pt x="285750" y="16951"/>
                    </a:lnTo>
                    <a:lnTo>
                      <a:pt x="281906" y="16396"/>
                    </a:lnTo>
                    <a:lnTo>
                      <a:pt x="277460" y="15793"/>
                    </a:lnTo>
                    <a:lnTo>
                      <a:pt x="271578" y="15006"/>
                    </a:lnTo>
                    <a:lnTo>
                      <a:pt x="264492" y="14173"/>
                    </a:lnTo>
                    <a:lnTo>
                      <a:pt x="256388" y="13339"/>
                    </a:lnTo>
                    <a:lnTo>
                      <a:pt x="252034" y="12922"/>
                    </a:lnTo>
                    <a:lnTo>
                      <a:pt x="247496" y="12505"/>
                    </a:lnTo>
                    <a:lnTo>
                      <a:pt x="242818" y="12135"/>
                    </a:lnTo>
                    <a:lnTo>
                      <a:pt x="238002" y="11811"/>
                    </a:lnTo>
                    <a:lnTo>
                      <a:pt x="233139" y="11486"/>
                    </a:lnTo>
                    <a:lnTo>
                      <a:pt x="228137" y="11255"/>
                    </a:lnTo>
                    <a:lnTo>
                      <a:pt x="223135" y="11023"/>
                    </a:lnTo>
                    <a:lnTo>
                      <a:pt x="218133" y="10931"/>
                    </a:lnTo>
                    <a:lnTo>
                      <a:pt x="213132" y="10838"/>
                    </a:lnTo>
                    <a:lnTo>
                      <a:pt x="208130" y="10838"/>
                    </a:lnTo>
                    <a:lnTo>
                      <a:pt x="203221" y="10977"/>
                    </a:lnTo>
                    <a:lnTo>
                      <a:pt x="198404" y="11162"/>
                    </a:lnTo>
                    <a:lnTo>
                      <a:pt x="196042" y="11301"/>
                    </a:lnTo>
                    <a:lnTo>
                      <a:pt x="193680" y="11440"/>
                    </a:lnTo>
                    <a:lnTo>
                      <a:pt x="191365" y="11625"/>
                    </a:lnTo>
                    <a:lnTo>
                      <a:pt x="189141" y="11857"/>
                    </a:lnTo>
                    <a:lnTo>
                      <a:pt x="186918" y="12088"/>
                    </a:lnTo>
                    <a:lnTo>
                      <a:pt x="184695" y="12366"/>
                    </a:lnTo>
                    <a:lnTo>
                      <a:pt x="182565" y="12691"/>
                    </a:lnTo>
                    <a:lnTo>
                      <a:pt x="180527" y="13015"/>
                    </a:lnTo>
                    <a:lnTo>
                      <a:pt x="178490" y="13385"/>
                    </a:lnTo>
                    <a:lnTo>
                      <a:pt x="176498" y="13756"/>
                    </a:lnTo>
                    <a:lnTo>
                      <a:pt x="174599" y="14219"/>
                    </a:lnTo>
                    <a:lnTo>
                      <a:pt x="172747" y="14682"/>
                    </a:lnTo>
                    <a:lnTo>
                      <a:pt x="170987" y="15191"/>
                    </a:lnTo>
                    <a:lnTo>
                      <a:pt x="169273" y="15747"/>
                    </a:lnTo>
                    <a:lnTo>
                      <a:pt x="167652" y="16349"/>
                    </a:lnTo>
                    <a:lnTo>
                      <a:pt x="166124" y="16951"/>
                    </a:lnTo>
                    <a:lnTo>
                      <a:pt x="164596" y="17553"/>
                    </a:lnTo>
                    <a:lnTo>
                      <a:pt x="163114" y="18109"/>
                    </a:lnTo>
                    <a:lnTo>
                      <a:pt x="161585" y="18572"/>
                    </a:lnTo>
                    <a:lnTo>
                      <a:pt x="160057" y="18989"/>
                    </a:lnTo>
                    <a:lnTo>
                      <a:pt x="158529" y="19360"/>
                    </a:lnTo>
                    <a:lnTo>
                      <a:pt x="157047" y="19637"/>
                    </a:lnTo>
                    <a:lnTo>
                      <a:pt x="155518" y="19869"/>
                    </a:lnTo>
                    <a:lnTo>
                      <a:pt x="153990" y="20054"/>
                    </a:lnTo>
                    <a:lnTo>
                      <a:pt x="152508" y="20193"/>
                    </a:lnTo>
                    <a:lnTo>
                      <a:pt x="150980" y="20286"/>
                    </a:lnTo>
                    <a:lnTo>
                      <a:pt x="147969" y="20286"/>
                    </a:lnTo>
                    <a:lnTo>
                      <a:pt x="146487" y="20193"/>
                    </a:lnTo>
                    <a:lnTo>
                      <a:pt x="144959" y="20101"/>
                    </a:lnTo>
                    <a:lnTo>
                      <a:pt x="143477" y="19915"/>
                    </a:lnTo>
                    <a:lnTo>
                      <a:pt x="141995" y="19730"/>
                    </a:lnTo>
                    <a:lnTo>
                      <a:pt x="140513" y="19498"/>
                    </a:lnTo>
                    <a:lnTo>
                      <a:pt x="139031" y="19221"/>
                    </a:lnTo>
                    <a:lnTo>
                      <a:pt x="137549" y="18896"/>
                    </a:lnTo>
                    <a:lnTo>
                      <a:pt x="136067" y="18572"/>
                    </a:lnTo>
                    <a:lnTo>
                      <a:pt x="134585" y="18202"/>
                    </a:lnTo>
                    <a:lnTo>
                      <a:pt x="133149" y="17831"/>
                    </a:lnTo>
                    <a:lnTo>
                      <a:pt x="130232" y="16951"/>
                    </a:lnTo>
                    <a:lnTo>
                      <a:pt x="127360" y="15979"/>
                    </a:lnTo>
                    <a:lnTo>
                      <a:pt x="124535" y="14914"/>
                    </a:lnTo>
                    <a:lnTo>
                      <a:pt x="121710" y="13802"/>
                    </a:lnTo>
                    <a:lnTo>
                      <a:pt x="118931" y="12644"/>
                    </a:lnTo>
                    <a:lnTo>
                      <a:pt x="116245" y="11440"/>
                    </a:lnTo>
                    <a:lnTo>
                      <a:pt x="113559" y="10236"/>
                    </a:lnTo>
                    <a:lnTo>
                      <a:pt x="108326" y="7874"/>
                    </a:lnTo>
                    <a:lnTo>
                      <a:pt x="103324" y="5558"/>
                    </a:lnTo>
                    <a:lnTo>
                      <a:pt x="100916" y="4493"/>
                    </a:lnTo>
                    <a:lnTo>
                      <a:pt x="98554" y="3521"/>
                    </a:lnTo>
                    <a:lnTo>
                      <a:pt x="96284" y="2641"/>
                    </a:lnTo>
                    <a:lnTo>
                      <a:pt x="94061" y="1853"/>
                    </a:lnTo>
                    <a:lnTo>
                      <a:pt x="91931" y="1159"/>
                    </a:lnTo>
                    <a:lnTo>
                      <a:pt x="90912" y="881"/>
                    </a:lnTo>
                    <a:lnTo>
                      <a:pt x="89893" y="649"/>
                    </a:lnTo>
                    <a:lnTo>
                      <a:pt x="88874" y="418"/>
                    </a:lnTo>
                    <a:lnTo>
                      <a:pt x="87902" y="279"/>
                    </a:lnTo>
                    <a:lnTo>
                      <a:pt x="86929" y="140"/>
                    </a:lnTo>
                    <a:lnTo>
                      <a:pt x="86003" y="47"/>
                    </a:lnTo>
                    <a:lnTo>
                      <a:pt x="85077" y="1"/>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586" name="Google Shape;586;p36"/>
              <p:cNvSpPr/>
              <p:nvPr/>
            </p:nvSpPr>
            <p:spPr>
              <a:xfrm>
                <a:off x="0" y="4611399"/>
                <a:ext cx="9143916" cy="532129"/>
              </a:xfrm>
              <a:custGeom>
                <a:avLst/>
                <a:gdLst/>
                <a:ahLst/>
                <a:cxnLst/>
                <a:rect l="l" t="t" r="r" b="b"/>
                <a:pathLst>
                  <a:path w="285057" h="22555" extrusionOk="0">
                    <a:moveTo>
                      <a:pt x="1" y="0"/>
                    </a:moveTo>
                    <a:lnTo>
                      <a:pt x="1" y="22554"/>
                    </a:lnTo>
                    <a:lnTo>
                      <a:pt x="285056" y="22554"/>
                    </a:lnTo>
                    <a:lnTo>
                      <a:pt x="285056" y="16904"/>
                    </a:lnTo>
                    <a:lnTo>
                      <a:pt x="281860" y="16673"/>
                    </a:lnTo>
                    <a:lnTo>
                      <a:pt x="273246" y="16117"/>
                    </a:lnTo>
                    <a:lnTo>
                      <a:pt x="267365" y="15654"/>
                    </a:lnTo>
                    <a:lnTo>
                      <a:pt x="260695" y="15144"/>
                    </a:lnTo>
                    <a:lnTo>
                      <a:pt x="253424" y="14496"/>
                    </a:lnTo>
                    <a:lnTo>
                      <a:pt x="245736" y="13801"/>
                    </a:lnTo>
                    <a:lnTo>
                      <a:pt x="237771" y="12968"/>
                    </a:lnTo>
                    <a:lnTo>
                      <a:pt x="229759" y="12088"/>
                    </a:lnTo>
                    <a:lnTo>
                      <a:pt x="225822" y="11625"/>
                    </a:lnTo>
                    <a:lnTo>
                      <a:pt x="221885" y="11115"/>
                    </a:lnTo>
                    <a:lnTo>
                      <a:pt x="218088" y="10606"/>
                    </a:lnTo>
                    <a:lnTo>
                      <a:pt x="214336" y="10050"/>
                    </a:lnTo>
                    <a:lnTo>
                      <a:pt x="210770" y="9494"/>
                    </a:lnTo>
                    <a:lnTo>
                      <a:pt x="207297" y="8892"/>
                    </a:lnTo>
                    <a:lnTo>
                      <a:pt x="204009" y="8290"/>
                    </a:lnTo>
                    <a:lnTo>
                      <a:pt x="200952" y="7688"/>
                    </a:lnTo>
                    <a:lnTo>
                      <a:pt x="198081" y="7040"/>
                    </a:lnTo>
                    <a:lnTo>
                      <a:pt x="195441" y="6391"/>
                    </a:lnTo>
                    <a:lnTo>
                      <a:pt x="193079" y="5697"/>
                    </a:lnTo>
                    <a:lnTo>
                      <a:pt x="192014" y="5326"/>
                    </a:lnTo>
                    <a:lnTo>
                      <a:pt x="190995" y="5002"/>
                    </a:lnTo>
                    <a:lnTo>
                      <a:pt x="190022" y="4632"/>
                    </a:lnTo>
                    <a:lnTo>
                      <a:pt x="189096" y="4354"/>
                    </a:lnTo>
                    <a:lnTo>
                      <a:pt x="188123" y="4030"/>
                    </a:lnTo>
                    <a:lnTo>
                      <a:pt x="187151" y="3798"/>
                    </a:lnTo>
                    <a:lnTo>
                      <a:pt x="186132" y="3566"/>
                    </a:lnTo>
                    <a:lnTo>
                      <a:pt x="185159" y="3381"/>
                    </a:lnTo>
                    <a:lnTo>
                      <a:pt x="183214" y="3057"/>
                    </a:lnTo>
                    <a:lnTo>
                      <a:pt x="181223" y="2872"/>
                    </a:lnTo>
                    <a:lnTo>
                      <a:pt x="179231" y="2733"/>
                    </a:lnTo>
                    <a:lnTo>
                      <a:pt x="177193" y="2733"/>
                    </a:lnTo>
                    <a:lnTo>
                      <a:pt x="175156" y="2779"/>
                    </a:lnTo>
                    <a:lnTo>
                      <a:pt x="173118" y="2918"/>
                    </a:lnTo>
                    <a:lnTo>
                      <a:pt x="171034" y="3103"/>
                    </a:lnTo>
                    <a:lnTo>
                      <a:pt x="168996" y="3381"/>
                    </a:lnTo>
                    <a:lnTo>
                      <a:pt x="166866" y="3705"/>
                    </a:lnTo>
                    <a:lnTo>
                      <a:pt x="164735" y="4076"/>
                    </a:lnTo>
                    <a:lnTo>
                      <a:pt x="162605" y="4493"/>
                    </a:lnTo>
                    <a:lnTo>
                      <a:pt x="160475" y="4956"/>
                    </a:lnTo>
                    <a:lnTo>
                      <a:pt x="158298" y="5465"/>
                    </a:lnTo>
                    <a:lnTo>
                      <a:pt x="153852" y="6484"/>
                    </a:lnTo>
                    <a:lnTo>
                      <a:pt x="149359" y="7596"/>
                    </a:lnTo>
                    <a:lnTo>
                      <a:pt x="144775" y="8707"/>
                    </a:lnTo>
                    <a:lnTo>
                      <a:pt x="140097" y="9772"/>
                    </a:lnTo>
                    <a:lnTo>
                      <a:pt x="137735" y="10282"/>
                    </a:lnTo>
                    <a:lnTo>
                      <a:pt x="135327" y="10745"/>
                    </a:lnTo>
                    <a:lnTo>
                      <a:pt x="132918" y="11162"/>
                    </a:lnTo>
                    <a:lnTo>
                      <a:pt x="130464" y="11532"/>
                    </a:lnTo>
                    <a:lnTo>
                      <a:pt x="127963" y="11903"/>
                    </a:lnTo>
                    <a:lnTo>
                      <a:pt x="125462" y="12180"/>
                    </a:lnTo>
                    <a:lnTo>
                      <a:pt x="122961" y="12366"/>
                    </a:lnTo>
                    <a:lnTo>
                      <a:pt x="120414" y="12505"/>
                    </a:lnTo>
                    <a:lnTo>
                      <a:pt x="117635" y="12597"/>
                    </a:lnTo>
                    <a:lnTo>
                      <a:pt x="114532" y="12597"/>
                    </a:lnTo>
                    <a:lnTo>
                      <a:pt x="111105" y="12505"/>
                    </a:lnTo>
                    <a:lnTo>
                      <a:pt x="107354" y="12319"/>
                    </a:lnTo>
                    <a:lnTo>
                      <a:pt x="103371" y="12088"/>
                    </a:lnTo>
                    <a:lnTo>
                      <a:pt x="99110" y="11810"/>
                    </a:lnTo>
                    <a:lnTo>
                      <a:pt x="94664" y="11486"/>
                    </a:lnTo>
                    <a:lnTo>
                      <a:pt x="90033" y="11069"/>
                    </a:lnTo>
                    <a:lnTo>
                      <a:pt x="85263" y="10606"/>
                    </a:lnTo>
                    <a:lnTo>
                      <a:pt x="80353" y="10143"/>
                    </a:lnTo>
                    <a:lnTo>
                      <a:pt x="70257" y="9078"/>
                    </a:lnTo>
                    <a:lnTo>
                      <a:pt x="60068" y="7920"/>
                    </a:lnTo>
                    <a:lnTo>
                      <a:pt x="49926" y="6716"/>
                    </a:lnTo>
                    <a:lnTo>
                      <a:pt x="40108" y="5465"/>
                    </a:lnTo>
                    <a:lnTo>
                      <a:pt x="30891" y="4261"/>
                    </a:lnTo>
                    <a:lnTo>
                      <a:pt x="22416" y="3150"/>
                    </a:lnTo>
                    <a:lnTo>
                      <a:pt x="14960" y="2131"/>
                    </a:lnTo>
                    <a:lnTo>
                      <a:pt x="4076" y="602"/>
                    </a:lnTo>
                    <a:lnTo>
                      <a:pt x="1" y="0"/>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grpSp>
      <p:grpSp>
        <p:nvGrpSpPr>
          <p:cNvPr id="587" name="Google Shape;587;p36"/>
          <p:cNvGrpSpPr/>
          <p:nvPr/>
        </p:nvGrpSpPr>
        <p:grpSpPr>
          <a:xfrm>
            <a:off x="-176823" y="6962762"/>
            <a:ext cx="20379713" cy="4270849"/>
            <a:chOff x="-79571" y="3133243"/>
            <a:chExt cx="9170871" cy="1921882"/>
          </a:xfrm>
        </p:grpSpPr>
        <p:sp>
          <p:nvSpPr>
            <p:cNvPr id="588" name="Google Shape;588;p36"/>
            <p:cNvSpPr/>
            <p:nvPr/>
          </p:nvSpPr>
          <p:spPr>
            <a:xfrm>
              <a:off x="308750" y="3464738"/>
              <a:ext cx="462000" cy="1352350"/>
            </a:xfrm>
            <a:custGeom>
              <a:avLst/>
              <a:gdLst/>
              <a:ahLst/>
              <a:cxnLst/>
              <a:rect l="l" t="t" r="r" b="b"/>
              <a:pathLst>
                <a:path w="18480" h="54094" extrusionOk="0">
                  <a:moveTo>
                    <a:pt x="2177" y="27464"/>
                  </a:moveTo>
                  <a:lnTo>
                    <a:pt x="2363" y="27973"/>
                  </a:lnTo>
                  <a:lnTo>
                    <a:pt x="2594" y="28436"/>
                  </a:lnTo>
                  <a:lnTo>
                    <a:pt x="2872" y="28853"/>
                  </a:lnTo>
                  <a:lnTo>
                    <a:pt x="3243" y="29224"/>
                  </a:lnTo>
                  <a:lnTo>
                    <a:pt x="3613" y="29548"/>
                  </a:lnTo>
                  <a:lnTo>
                    <a:pt x="4122" y="29779"/>
                  </a:lnTo>
                  <a:lnTo>
                    <a:pt x="4632" y="30011"/>
                  </a:lnTo>
                  <a:lnTo>
                    <a:pt x="5188" y="30196"/>
                  </a:lnTo>
                  <a:lnTo>
                    <a:pt x="5327" y="31539"/>
                  </a:lnTo>
                  <a:lnTo>
                    <a:pt x="4863" y="31493"/>
                  </a:lnTo>
                  <a:lnTo>
                    <a:pt x="4447" y="31400"/>
                  </a:lnTo>
                  <a:lnTo>
                    <a:pt x="3984" y="31261"/>
                  </a:lnTo>
                  <a:lnTo>
                    <a:pt x="3613" y="31076"/>
                  </a:lnTo>
                  <a:lnTo>
                    <a:pt x="3243" y="30845"/>
                  </a:lnTo>
                  <a:lnTo>
                    <a:pt x="2918" y="30613"/>
                  </a:lnTo>
                  <a:lnTo>
                    <a:pt x="2687" y="30335"/>
                  </a:lnTo>
                  <a:lnTo>
                    <a:pt x="2502" y="30011"/>
                  </a:lnTo>
                  <a:lnTo>
                    <a:pt x="2409" y="29733"/>
                  </a:lnTo>
                  <a:lnTo>
                    <a:pt x="2316" y="29455"/>
                  </a:lnTo>
                  <a:lnTo>
                    <a:pt x="2224" y="28807"/>
                  </a:lnTo>
                  <a:lnTo>
                    <a:pt x="2224" y="28158"/>
                  </a:lnTo>
                  <a:lnTo>
                    <a:pt x="2177" y="27464"/>
                  </a:lnTo>
                  <a:close/>
                  <a:moveTo>
                    <a:pt x="7457" y="1"/>
                  </a:moveTo>
                  <a:lnTo>
                    <a:pt x="7179" y="47"/>
                  </a:lnTo>
                  <a:lnTo>
                    <a:pt x="6901" y="140"/>
                  </a:lnTo>
                  <a:lnTo>
                    <a:pt x="6670" y="278"/>
                  </a:lnTo>
                  <a:lnTo>
                    <a:pt x="6484" y="510"/>
                  </a:lnTo>
                  <a:lnTo>
                    <a:pt x="6299" y="881"/>
                  </a:lnTo>
                  <a:lnTo>
                    <a:pt x="6114" y="1251"/>
                  </a:lnTo>
                  <a:lnTo>
                    <a:pt x="5882" y="2038"/>
                  </a:lnTo>
                  <a:lnTo>
                    <a:pt x="5697" y="2826"/>
                  </a:lnTo>
                  <a:lnTo>
                    <a:pt x="5604" y="3613"/>
                  </a:lnTo>
                  <a:lnTo>
                    <a:pt x="5558" y="4400"/>
                  </a:lnTo>
                  <a:lnTo>
                    <a:pt x="5558" y="5234"/>
                  </a:lnTo>
                  <a:lnTo>
                    <a:pt x="5558" y="6901"/>
                  </a:lnTo>
                  <a:lnTo>
                    <a:pt x="5558" y="10004"/>
                  </a:lnTo>
                  <a:lnTo>
                    <a:pt x="5604" y="13107"/>
                  </a:lnTo>
                  <a:lnTo>
                    <a:pt x="5651" y="14913"/>
                  </a:lnTo>
                  <a:lnTo>
                    <a:pt x="5604" y="16719"/>
                  </a:lnTo>
                  <a:lnTo>
                    <a:pt x="5558" y="18479"/>
                  </a:lnTo>
                  <a:lnTo>
                    <a:pt x="5466" y="19405"/>
                  </a:lnTo>
                  <a:lnTo>
                    <a:pt x="5327" y="20285"/>
                  </a:lnTo>
                  <a:lnTo>
                    <a:pt x="5095" y="21860"/>
                  </a:lnTo>
                  <a:lnTo>
                    <a:pt x="4817" y="23388"/>
                  </a:lnTo>
                  <a:lnTo>
                    <a:pt x="4771" y="24176"/>
                  </a:lnTo>
                  <a:lnTo>
                    <a:pt x="4725" y="24963"/>
                  </a:lnTo>
                  <a:lnTo>
                    <a:pt x="4725" y="25750"/>
                  </a:lnTo>
                  <a:lnTo>
                    <a:pt x="4817" y="26538"/>
                  </a:lnTo>
                  <a:lnTo>
                    <a:pt x="4910" y="27603"/>
                  </a:lnTo>
                  <a:lnTo>
                    <a:pt x="4539" y="27047"/>
                  </a:lnTo>
                  <a:lnTo>
                    <a:pt x="4261" y="26445"/>
                  </a:lnTo>
                  <a:lnTo>
                    <a:pt x="4030" y="25797"/>
                  </a:lnTo>
                  <a:lnTo>
                    <a:pt x="3891" y="25195"/>
                  </a:lnTo>
                  <a:lnTo>
                    <a:pt x="3845" y="24546"/>
                  </a:lnTo>
                  <a:lnTo>
                    <a:pt x="3798" y="23851"/>
                  </a:lnTo>
                  <a:lnTo>
                    <a:pt x="3845" y="22416"/>
                  </a:lnTo>
                  <a:lnTo>
                    <a:pt x="3798" y="21721"/>
                  </a:lnTo>
                  <a:lnTo>
                    <a:pt x="3752" y="21397"/>
                  </a:lnTo>
                  <a:lnTo>
                    <a:pt x="3659" y="21073"/>
                  </a:lnTo>
                  <a:lnTo>
                    <a:pt x="3567" y="20795"/>
                  </a:lnTo>
                  <a:lnTo>
                    <a:pt x="3428" y="20517"/>
                  </a:lnTo>
                  <a:lnTo>
                    <a:pt x="3243" y="20285"/>
                  </a:lnTo>
                  <a:lnTo>
                    <a:pt x="3011" y="20054"/>
                  </a:lnTo>
                  <a:lnTo>
                    <a:pt x="2965" y="20008"/>
                  </a:lnTo>
                  <a:lnTo>
                    <a:pt x="2872" y="20054"/>
                  </a:lnTo>
                  <a:lnTo>
                    <a:pt x="2502" y="20332"/>
                  </a:lnTo>
                  <a:lnTo>
                    <a:pt x="2224" y="20656"/>
                  </a:lnTo>
                  <a:lnTo>
                    <a:pt x="1992" y="21026"/>
                  </a:lnTo>
                  <a:lnTo>
                    <a:pt x="1853" y="21490"/>
                  </a:lnTo>
                  <a:lnTo>
                    <a:pt x="1761" y="21953"/>
                  </a:lnTo>
                  <a:lnTo>
                    <a:pt x="1714" y="22416"/>
                  </a:lnTo>
                  <a:lnTo>
                    <a:pt x="1668" y="22925"/>
                  </a:lnTo>
                  <a:lnTo>
                    <a:pt x="1668" y="23435"/>
                  </a:lnTo>
                  <a:lnTo>
                    <a:pt x="1483" y="22694"/>
                  </a:lnTo>
                  <a:lnTo>
                    <a:pt x="1297" y="21953"/>
                  </a:lnTo>
                  <a:lnTo>
                    <a:pt x="1020" y="21212"/>
                  </a:lnTo>
                  <a:lnTo>
                    <a:pt x="742" y="20424"/>
                  </a:lnTo>
                  <a:lnTo>
                    <a:pt x="695" y="20378"/>
                  </a:lnTo>
                  <a:lnTo>
                    <a:pt x="603" y="20424"/>
                  </a:lnTo>
                  <a:lnTo>
                    <a:pt x="371" y="21397"/>
                  </a:lnTo>
                  <a:lnTo>
                    <a:pt x="232" y="22323"/>
                  </a:lnTo>
                  <a:lnTo>
                    <a:pt x="93" y="23296"/>
                  </a:lnTo>
                  <a:lnTo>
                    <a:pt x="1" y="24268"/>
                  </a:lnTo>
                  <a:lnTo>
                    <a:pt x="1" y="25195"/>
                  </a:lnTo>
                  <a:lnTo>
                    <a:pt x="1" y="26167"/>
                  </a:lnTo>
                  <a:lnTo>
                    <a:pt x="47" y="28158"/>
                  </a:lnTo>
                  <a:lnTo>
                    <a:pt x="140" y="28853"/>
                  </a:lnTo>
                  <a:lnTo>
                    <a:pt x="186" y="29455"/>
                  </a:lnTo>
                  <a:lnTo>
                    <a:pt x="325" y="30057"/>
                  </a:lnTo>
                  <a:lnTo>
                    <a:pt x="510" y="30567"/>
                  </a:lnTo>
                  <a:lnTo>
                    <a:pt x="788" y="31030"/>
                  </a:lnTo>
                  <a:lnTo>
                    <a:pt x="1112" y="31493"/>
                  </a:lnTo>
                  <a:lnTo>
                    <a:pt x="1575" y="31863"/>
                  </a:lnTo>
                  <a:lnTo>
                    <a:pt x="2177" y="32234"/>
                  </a:lnTo>
                  <a:lnTo>
                    <a:pt x="2548" y="32419"/>
                  </a:lnTo>
                  <a:lnTo>
                    <a:pt x="2918" y="32604"/>
                  </a:lnTo>
                  <a:lnTo>
                    <a:pt x="3752" y="32836"/>
                  </a:lnTo>
                  <a:lnTo>
                    <a:pt x="4586" y="33021"/>
                  </a:lnTo>
                  <a:lnTo>
                    <a:pt x="5002" y="33068"/>
                  </a:lnTo>
                  <a:lnTo>
                    <a:pt x="5419" y="33068"/>
                  </a:lnTo>
                  <a:lnTo>
                    <a:pt x="5466" y="34503"/>
                  </a:lnTo>
                  <a:lnTo>
                    <a:pt x="5466" y="35985"/>
                  </a:lnTo>
                  <a:lnTo>
                    <a:pt x="5466" y="37514"/>
                  </a:lnTo>
                  <a:lnTo>
                    <a:pt x="5419" y="39042"/>
                  </a:lnTo>
                  <a:lnTo>
                    <a:pt x="5141" y="45711"/>
                  </a:lnTo>
                  <a:lnTo>
                    <a:pt x="5002" y="47517"/>
                  </a:lnTo>
                  <a:lnTo>
                    <a:pt x="4863" y="49370"/>
                  </a:lnTo>
                  <a:lnTo>
                    <a:pt x="4863" y="50249"/>
                  </a:lnTo>
                  <a:lnTo>
                    <a:pt x="4863" y="51176"/>
                  </a:lnTo>
                  <a:lnTo>
                    <a:pt x="4863" y="52056"/>
                  </a:lnTo>
                  <a:lnTo>
                    <a:pt x="5002" y="52936"/>
                  </a:lnTo>
                  <a:lnTo>
                    <a:pt x="5095" y="53260"/>
                  </a:lnTo>
                  <a:lnTo>
                    <a:pt x="5234" y="53538"/>
                  </a:lnTo>
                  <a:lnTo>
                    <a:pt x="5419" y="53769"/>
                  </a:lnTo>
                  <a:lnTo>
                    <a:pt x="5697" y="53908"/>
                  </a:lnTo>
                  <a:lnTo>
                    <a:pt x="5975" y="54001"/>
                  </a:lnTo>
                  <a:lnTo>
                    <a:pt x="6299" y="54093"/>
                  </a:lnTo>
                  <a:lnTo>
                    <a:pt x="6948" y="54093"/>
                  </a:lnTo>
                  <a:lnTo>
                    <a:pt x="7272" y="54047"/>
                  </a:lnTo>
                  <a:lnTo>
                    <a:pt x="7596" y="53954"/>
                  </a:lnTo>
                  <a:lnTo>
                    <a:pt x="7874" y="53816"/>
                  </a:lnTo>
                  <a:lnTo>
                    <a:pt x="8105" y="53677"/>
                  </a:lnTo>
                  <a:lnTo>
                    <a:pt x="8337" y="53538"/>
                  </a:lnTo>
                  <a:lnTo>
                    <a:pt x="8476" y="53352"/>
                  </a:lnTo>
                  <a:lnTo>
                    <a:pt x="8568" y="53121"/>
                  </a:lnTo>
                  <a:lnTo>
                    <a:pt x="8568" y="52936"/>
                  </a:lnTo>
                  <a:lnTo>
                    <a:pt x="8754" y="52102"/>
                  </a:lnTo>
                  <a:lnTo>
                    <a:pt x="8939" y="51315"/>
                  </a:lnTo>
                  <a:lnTo>
                    <a:pt x="9171" y="49647"/>
                  </a:lnTo>
                  <a:lnTo>
                    <a:pt x="9310" y="47980"/>
                  </a:lnTo>
                  <a:lnTo>
                    <a:pt x="9356" y="46267"/>
                  </a:lnTo>
                  <a:lnTo>
                    <a:pt x="9402" y="42840"/>
                  </a:lnTo>
                  <a:lnTo>
                    <a:pt x="9448" y="41172"/>
                  </a:lnTo>
                  <a:lnTo>
                    <a:pt x="9495" y="39551"/>
                  </a:lnTo>
                  <a:lnTo>
                    <a:pt x="9541" y="38255"/>
                  </a:lnTo>
                  <a:lnTo>
                    <a:pt x="10282" y="38255"/>
                  </a:lnTo>
                  <a:lnTo>
                    <a:pt x="10699" y="38162"/>
                  </a:lnTo>
                  <a:lnTo>
                    <a:pt x="11162" y="38069"/>
                  </a:lnTo>
                  <a:lnTo>
                    <a:pt x="11579" y="37977"/>
                  </a:lnTo>
                  <a:lnTo>
                    <a:pt x="11996" y="37838"/>
                  </a:lnTo>
                  <a:lnTo>
                    <a:pt x="12366" y="37653"/>
                  </a:lnTo>
                  <a:lnTo>
                    <a:pt x="12737" y="37467"/>
                  </a:lnTo>
                  <a:lnTo>
                    <a:pt x="13107" y="37236"/>
                  </a:lnTo>
                  <a:lnTo>
                    <a:pt x="13478" y="36958"/>
                  </a:lnTo>
                  <a:lnTo>
                    <a:pt x="13802" y="36726"/>
                  </a:lnTo>
                  <a:lnTo>
                    <a:pt x="14080" y="36402"/>
                  </a:lnTo>
                  <a:lnTo>
                    <a:pt x="14358" y="36078"/>
                  </a:lnTo>
                  <a:lnTo>
                    <a:pt x="14635" y="35754"/>
                  </a:lnTo>
                  <a:lnTo>
                    <a:pt x="14867" y="35383"/>
                  </a:lnTo>
                  <a:lnTo>
                    <a:pt x="15099" y="34966"/>
                  </a:lnTo>
                  <a:lnTo>
                    <a:pt x="15284" y="34550"/>
                  </a:lnTo>
                  <a:lnTo>
                    <a:pt x="15562" y="33901"/>
                  </a:lnTo>
                  <a:lnTo>
                    <a:pt x="15840" y="33207"/>
                  </a:lnTo>
                  <a:lnTo>
                    <a:pt x="16303" y="31863"/>
                  </a:lnTo>
                  <a:lnTo>
                    <a:pt x="17136" y="29085"/>
                  </a:lnTo>
                  <a:lnTo>
                    <a:pt x="17553" y="27788"/>
                  </a:lnTo>
                  <a:lnTo>
                    <a:pt x="17970" y="26538"/>
                  </a:lnTo>
                  <a:lnTo>
                    <a:pt x="18155" y="25889"/>
                  </a:lnTo>
                  <a:lnTo>
                    <a:pt x="18294" y="25241"/>
                  </a:lnTo>
                  <a:lnTo>
                    <a:pt x="18433" y="24592"/>
                  </a:lnTo>
                  <a:lnTo>
                    <a:pt x="18479" y="23898"/>
                  </a:lnTo>
                  <a:lnTo>
                    <a:pt x="18479" y="23620"/>
                  </a:lnTo>
                  <a:lnTo>
                    <a:pt x="18433" y="23157"/>
                  </a:lnTo>
                  <a:lnTo>
                    <a:pt x="18340" y="22601"/>
                  </a:lnTo>
                  <a:lnTo>
                    <a:pt x="18202" y="21999"/>
                  </a:lnTo>
                  <a:lnTo>
                    <a:pt x="17970" y="21443"/>
                  </a:lnTo>
                  <a:lnTo>
                    <a:pt x="17831" y="21212"/>
                  </a:lnTo>
                  <a:lnTo>
                    <a:pt x="17692" y="21026"/>
                  </a:lnTo>
                  <a:lnTo>
                    <a:pt x="17507" y="20887"/>
                  </a:lnTo>
                  <a:lnTo>
                    <a:pt x="17322" y="20795"/>
                  </a:lnTo>
                  <a:lnTo>
                    <a:pt x="17090" y="20841"/>
                  </a:lnTo>
                  <a:lnTo>
                    <a:pt x="16858" y="20934"/>
                  </a:lnTo>
                  <a:lnTo>
                    <a:pt x="16442" y="21212"/>
                  </a:lnTo>
                  <a:lnTo>
                    <a:pt x="16117" y="21490"/>
                  </a:lnTo>
                  <a:lnTo>
                    <a:pt x="15886" y="21767"/>
                  </a:lnTo>
                  <a:lnTo>
                    <a:pt x="15701" y="22092"/>
                  </a:lnTo>
                  <a:lnTo>
                    <a:pt x="15515" y="22416"/>
                  </a:lnTo>
                  <a:lnTo>
                    <a:pt x="15423" y="22833"/>
                  </a:lnTo>
                  <a:lnTo>
                    <a:pt x="15191" y="23759"/>
                  </a:lnTo>
                  <a:lnTo>
                    <a:pt x="14821" y="25195"/>
                  </a:lnTo>
                  <a:lnTo>
                    <a:pt x="14404" y="26630"/>
                  </a:lnTo>
                  <a:lnTo>
                    <a:pt x="13524" y="29502"/>
                  </a:lnTo>
                  <a:lnTo>
                    <a:pt x="12876" y="31771"/>
                  </a:lnTo>
                  <a:lnTo>
                    <a:pt x="12505" y="32882"/>
                  </a:lnTo>
                  <a:lnTo>
                    <a:pt x="12274" y="33438"/>
                  </a:lnTo>
                  <a:lnTo>
                    <a:pt x="12042" y="33994"/>
                  </a:lnTo>
                  <a:lnTo>
                    <a:pt x="11857" y="34411"/>
                  </a:lnTo>
                  <a:lnTo>
                    <a:pt x="11579" y="34781"/>
                  </a:lnTo>
                  <a:lnTo>
                    <a:pt x="11347" y="35105"/>
                  </a:lnTo>
                  <a:lnTo>
                    <a:pt x="11069" y="35337"/>
                  </a:lnTo>
                  <a:lnTo>
                    <a:pt x="10745" y="35568"/>
                  </a:lnTo>
                  <a:lnTo>
                    <a:pt x="10375" y="35707"/>
                  </a:lnTo>
                  <a:lnTo>
                    <a:pt x="10004" y="35846"/>
                  </a:lnTo>
                  <a:lnTo>
                    <a:pt x="9587" y="35939"/>
                  </a:lnTo>
                  <a:lnTo>
                    <a:pt x="9587" y="33716"/>
                  </a:lnTo>
                  <a:lnTo>
                    <a:pt x="9495" y="31493"/>
                  </a:lnTo>
                  <a:lnTo>
                    <a:pt x="9310" y="29270"/>
                  </a:lnTo>
                  <a:lnTo>
                    <a:pt x="9078" y="27047"/>
                  </a:lnTo>
                  <a:lnTo>
                    <a:pt x="8985" y="26213"/>
                  </a:lnTo>
                  <a:lnTo>
                    <a:pt x="8939" y="25426"/>
                  </a:lnTo>
                  <a:lnTo>
                    <a:pt x="8939" y="24639"/>
                  </a:lnTo>
                  <a:lnTo>
                    <a:pt x="8985" y="23898"/>
                  </a:lnTo>
                  <a:lnTo>
                    <a:pt x="9171" y="22369"/>
                  </a:lnTo>
                  <a:lnTo>
                    <a:pt x="9448" y="20749"/>
                  </a:lnTo>
                  <a:lnTo>
                    <a:pt x="9587" y="19915"/>
                  </a:lnTo>
                  <a:lnTo>
                    <a:pt x="9680" y="19128"/>
                  </a:lnTo>
                  <a:lnTo>
                    <a:pt x="9819" y="17460"/>
                  </a:lnTo>
                  <a:lnTo>
                    <a:pt x="9865" y="15793"/>
                  </a:lnTo>
                  <a:lnTo>
                    <a:pt x="9865" y="14126"/>
                  </a:lnTo>
                  <a:lnTo>
                    <a:pt x="9773" y="10513"/>
                  </a:lnTo>
                  <a:lnTo>
                    <a:pt x="9634" y="6901"/>
                  </a:lnTo>
                  <a:lnTo>
                    <a:pt x="9587" y="5234"/>
                  </a:lnTo>
                  <a:lnTo>
                    <a:pt x="9541" y="4400"/>
                  </a:lnTo>
                  <a:lnTo>
                    <a:pt x="9448" y="3613"/>
                  </a:lnTo>
                  <a:lnTo>
                    <a:pt x="9310" y="2779"/>
                  </a:lnTo>
                  <a:lnTo>
                    <a:pt x="9124" y="1992"/>
                  </a:lnTo>
                  <a:lnTo>
                    <a:pt x="8846" y="1251"/>
                  </a:lnTo>
                  <a:lnTo>
                    <a:pt x="8661" y="881"/>
                  </a:lnTo>
                  <a:lnTo>
                    <a:pt x="8430" y="510"/>
                  </a:lnTo>
                  <a:lnTo>
                    <a:pt x="8244" y="278"/>
                  </a:lnTo>
                  <a:lnTo>
                    <a:pt x="8013" y="140"/>
                  </a:lnTo>
                  <a:lnTo>
                    <a:pt x="7735" y="47"/>
                  </a:lnTo>
                  <a:lnTo>
                    <a:pt x="7457" y="1"/>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589" name="Google Shape;589;p36"/>
            <p:cNvSpPr/>
            <p:nvPr/>
          </p:nvSpPr>
          <p:spPr>
            <a:xfrm flipH="1">
              <a:off x="-79571" y="3133243"/>
              <a:ext cx="345034" cy="1683864"/>
            </a:xfrm>
            <a:custGeom>
              <a:avLst/>
              <a:gdLst/>
              <a:ahLst/>
              <a:cxnLst/>
              <a:rect l="l" t="t" r="r" b="b"/>
              <a:pathLst>
                <a:path w="16256" h="79334" extrusionOk="0">
                  <a:moveTo>
                    <a:pt x="7457" y="1"/>
                  </a:moveTo>
                  <a:lnTo>
                    <a:pt x="7179" y="93"/>
                  </a:lnTo>
                  <a:lnTo>
                    <a:pt x="6901" y="186"/>
                  </a:lnTo>
                  <a:lnTo>
                    <a:pt x="6762" y="371"/>
                  </a:lnTo>
                  <a:lnTo>
                    <a:pt x="6669" y="510"/>
                  </a:lnTo>
                  <a:lnTo>
                    <a:pt x="6669" y="649"/>
                  </a:lnTo>
                  <a:lnTo>
                    <a:pt x="6391" y="2455"/>
                  </a:lnTo>
                  <a:lnTo>
                    <a:pt x="6160" y="4261"/>
                  </a:lnTo>
                  <a:lnTo>
                    <a:pt x="5975" y="6114"/>
                  </a:lnTo>
                  <a:lnTo>
                    <a:pt x="5882" y="7966"/>
                  </a:lnTo>
                  <a:lnTo>
                    <a:pt x="5836" y="10560"/>
                  </a:lnTo>
                  <a:lnTo>
                    <a:pt x="5882" y="13153"/>
                  </a:lnTo>
                  <a:lnTo>
                    <a:pt x="5975" y="15747"/>
                  </a:lnTo>
                  <a:lnTo>
                    <a:pt x="6113" y="18340"/>
                  </a:lnTo>
                  <a:lnTo>
                    <a:pt x="6484" y="23620"/>
                  </a:lnTo>
                  <a:lnTo>
                    <a:pt x="6762" y="28946"/>
                  </a:lnTo>
                  <a:lnTo>
                    <a:pt x="6901" y="31586"/>
                  </a:lnTo>
                  <a:lnTo>
                    <a:pt x="6993" y="34226"/>
                  </a:lnTo>
                  <a:lnTo>
                    <a:pt x="7040" y="36912"/>
                  </a:lnTo>
                  <a:lnTo>
                    <a:pt x="7086" y="39551"/>
                  </a:lnTo>
                  <a:lnTo>
                    <a:pt x="7040" y="41635"/>
                  </a:lnTo>
                  <a:lnTo>
                    <a:pt x="6993" y="43673"/>
                  </a:lnTo>
                  <a:lnTo>
                    <a:pt x="6854" y="45757"/>
                  </a:lnTo>
                  <a:lnTo>
                    <a:pt x="6716" y="47795"/>
                  </a:lnTo>
                  <a:lnTo>
                    <a:pt x="6391" y="51917"/>
                  </a:lnTo>
                  <a:lnTo>
                    <a:pt x="6067" y="56039"/>
                  </a:lnTo>
                  <a:lnTo>
                    <a:pt x="5743" y="55807"/>
                  </a:lnTo>
                  <a:lnTo>
                    <a:pt x="5465" y="55529"/>
                  </a:lnTo>
                  <a:lnTo>
                    <a:pt x="5187" y="55251"/>
                  </a:lnTo>
                  <a:lnTo>
                    <a:pt x="4956" y="54927"/>
                  </a:lnTo>
                  <a:lnTo>
                    <a:pt x="4539" y="54232"/>
                  </a:lnTo>
                  <a:lnTo>
                    <a:pt x="4307" y="53723"/>
                  </a:lnTo>
                  <a:lnTo>
                    <a:pt x="4215" y="53353"/>
                  </a:lnTo>
                  <a:lnTo>
                    <a:pt x="4122" y="52982"/>
                  </a:lnTo>
                  <a:lnTo>
                    <a:pt x="4076" y="52241"/>
                  </a:lnTo>
                  <a:lnTo>
                    <a:pt x="4029" y="51454"/>
                  </a:lnTo>
                  <a:lnTo>
                    <a:pt x="4029" y="50713"/>
                  </a:lnTo>
                  <a:lnTo>
                    <a:pt x="3983" y="48073"/>
                  </a:lnTo>
                  <a:lnTo>
                    <a:pt x="4029" y="45479"/>
                  </a:lnTo>
                  <a:lnTo>
                    <a:pt x="4076" y="43117"/>
                  </a:lnTo>
                  <a:lnTo>
                    <a:pt x="4122" y="41960"/>
                  </a:lnTo>
                  <a:lnTo>
                    <a:pt x="4076" y="40802"/>
                  </a:lnTo>
                  <a:lnTo>
                    <a:pt x="4076" y="39644"/>
                  </a:lnTo>
                  <a:lnTo>
                    <a:pt x="3937" y="38486"/>
                  </a:lnTo>
                  <a:lnTo>
                    <a:pt x="3798" y="37328"/>
                  </a:lnTo>
                  <a:lnTo>
                    <a:pt x="3566" y="36171"/>
                  </a:lnTo>
                  <a:lnTo>
                    <a:pt x="3474" y="35939"/>
                  </a:lnTo>
                  <a:lnTo>
                    <a:pt x="3288" y="35754"/>
                  </a:lnTo>
                  <a:lnTo>
                    <a:pt x="3103" y="35569"/>
                  </a:lnTo>
                  <a:lnTo>
                    <a:pt x="2825" y="35476"/>
                  </a:lnTo>
                  <a:lnTo>
                    <a:pt x="2547" y="35383"/>
                  </a:lnTo>
                  <a:lnTo>
                    <a:pt x="2223" y="35337"/>
                  </a:lnTo>
                  <a:lnTo>
                    <a:pt x="1899" y="35291"/>
                  </a:lnTo>
                  <a:lnTo>
                    <a:pt x="1575" y="35291"/>
                  </a:lnTo>
                  <a:lnTo>
                    <a:pt x="1251" y="35337"/>
                  </a:lnTo>
                  <a:lnTo>
                    <a:pt x="926" y="35430"/>
                  </a:lnTo>
                  <a:lnTo>
                    <a:pt x="649" y="35522"/>
                  </a:lnTo>
                  <a:lnTo>
                    <a:pt x="371" y="35661"/>
                  </a:lnTo>
                  <a:lnTo>
                    <a:pt x="185" y="35800"/>
                  </a:lnTo>
                  <a:lnTo>
                    <a:pt x="46" y="36032"/>
                  </a:lnTo>
                  <a:lnTo>
                    <a:pt x="0" y="36217"/>
                  </a:lnTo>
                  <a:lnTo>
                    <a:pt x="0" y="36495"/>
                  </a:lnTo>
                  <a:lnTo>
                    <a:pt x="139" y="37467"/>
                  </a:lnTo>
                  <a:lnTo>
                    <a:pt x="278" y="38440"/>
                  </a:lnTo>
                  <a:lnTo>
                    <a:pt x="510" y="40385"/>
                  </a:lnTo>
                  <a:lnTo>
                    <a:pt x="649" y="42330"/>
                  </a:lnTo>
                  <a:lnTo>
                    <a:pt x="741" y="44275"/>
                  </a:lnTo>
                  <a:lnTo>
                    <a:pt x="880" y="48212"/>
                  </a:lnTo>
                  <a:lnTo>
                    <a:pt x="1019" y="50157"/>
                  </a:lnTo>
                  <a:lnTo>
                    <a:pt x="1204" y="52148"/>
                  </a:lnTo>
                  <a:lnTo>
                    <a:pt x="1390" y="53353"/>
                  </a:lnTo>
                  <a:lnTo>
                    <a:pt x="1528" y="53908"/>
                  </a:lnTo>
                  <a:lnTo>
                    <a:pt x="1667" y="54510"/>
                  </a:lnTo>
                  <a:lnTo>
                    <a:pt x="1853" y="55020"/>
                  </a:lnTo>
                  <a:lnTo>
                    <a:pt x="2038" y="55529"/>
                  </a:lnTo>
                  <a:lnTo>
                    <a:pt x="2269" y="56039"/>
                  </a:lnTo>
                  <a:lnTo>
                    <a:pt x="2547" y="56502"/>
                  </a:lnTo>
                  <a:lnTo>
                    <a:pt x="2872" y="56919"/>
                  </a:lnTo>
                  <a:lnTo>
                    <a:pt x="3196" y="57289"/>
                  </a:lnTo>
                  <a:lnTo>
                    <a:pt x="3566" y="57660"/>
                  </a:lnTo>
                  <a:lnTo>
                    <a:pt x="3937" y="57937"/>
                  </a:lnTo>
                  <a:lnTo>
                    <a:pt x="4400" y="58215"/>
                  </a:lnTo>
                  <a:lnTo>
                    <a:pt x="4863" y="58447"/>
                  </a:lnTo>
                  <a:lnTo>
                    <a:pt x="5372" y="58632"/>
                  </a:lnTo>
                  <a:lnTo>
                    <a:pt x="5882" y="58771"/>
                  </a:lnTo>
                  <a:lnTo>
                    <a:pt x="5836" y="59790"/>
                  </a:lnTo>
                  <a:lnTo>
                    <a:pt x="5743" y="62244"/>
                  </a:lnTo>
                  <a:lnTo>
                    <a:pt x="5604" y="64653"/>
                  </a:lnTo>
                  <a:lnTo>
                    <a:pt x="5558" y="67061"/>
                  </a:lnTo>
                  <a:lnTo>
                    <a:pt x="5558" y="68265"/>
                  </a:lnTo>
                  <a:lnTo>
                    <a:pt x="5604" y="69469"/>
                  </a:lnTo>
                  <a:lnTo>
                    <a:pt x="5650" y="71692"/>
                  </a:lnTo>
                  <a:lnTo>
                    <a:pt x="5650" y="72804"/>
                  </a:lnTo>
                  <a:lnTo>
                    <a:pt x="5650" y="73915"/>
                  </a:lnTo>
                  <a:lnTo>
                    <a:pt x="5558" y="74471"/>
                  </a:lnTo>
                  <a:lnTo>
                    <a:pt x="5511" y="74980"/>
                  </a:lnTo>
                  <a:lnTo>
                    <a:pt x="5372" y="76046"/>
                  </a:lnTo>
                  <a:lnTo>
                    <a:pt x="5326" y="76555"/>
                  </a:lnTo>
                  <a:lnTo>
                    <a:pt x="5326" y="77064"/>
                  </a:lnTo>
                  <a:lnTo>
                    <a:pt x="5465" y="77574"/>
                  </a:lnTo>
                  <a:lnTo>
                    <a:pt x="5650" y="78130"/>
                  </a:lnTo>
                  <a:lnTo>
                    <a:pt x="5789" y="78361"/>
                  </a:lnTo>
                  <a:lnTo>
                    <a:pt x="5975" y="78593"/>
                  </a:lnTo>
                  <a:lnTo>
                    <a:pt x="6160" y="78778"/>
                  </a:lnTo>
                  <a:lnTo>
                    <a:pt x="6438" y="78963"/>
                  </a:lnTo>
                  <a:lnTo>
                    <a:pt x="6669" y="79102"/>
                  </a:lnTo>
                  <a:lnTo>
                    <a:pt x="6947" y="79195"/>
                  </a:lnTo>
                  <a:lnTo>
                    <a:pt x="7271" y="79287"/>
                  </a:lnTo>
                  <a:lnTo>
                    <a:pt x="7549" y="79334"/>
                  </a:lnTo>
                  <a:lnTo>
                    <a:pt x="8198" y="79334"/>
                  </a:lnTo>
                  <a:lnTo>
                    <a:pt x="8800" y="79287"/>
                  </a:lnTo>
                  <a:lnTo>
                    <a:pt x="9402" y="79102"/>
                  </a:lnTo>
                  <a:lnTo>
                    <a:pt x="9633" y="78963"/>
                  </a:lnTo>
                  <a:lnTo>
                    <a:pt x="9865" y="78824"/>
                  </a:lnTo>
                  <a:lnTo>
                    <a:pt x="10328" y="78500"/>
                  </a:lnTo>
                  <a:lnTo>
                    <a:pt x="10698" y="78130"/>
                  </a:lnTo>
                  <a:lnTo>
                    <a:pt x="11069" y="77713"/>
                  </a:lnTo>
                  <a:lnTo>
                    <a:pt x="11347" y="77296"/>
                  </a:lnTo>
                  <a:lnTo>
                    <a:pt x="11578" y="76833"/>
                  </a:lnTo>
                  <a:lnTo>
                    <a:pt x="11764" y="76370"/>
                  </a:lnTo>
                  <a:lnTo>
                    <a:pt x="11949" y="75860"/>
                  </a:lnTo>
                  <a:lnTo>
                    <a:pt x="12041" y="75305"/>
                  </a:lnTo>
                  <a:lnTo>
                    <a:pt x="12134" y="74749"/>
                  </a:lnTo>
                  <a:lnTo>
                    <a:pt x="12180" y="74193"/>
                  </a:lnTo>
                  <a:lnTo>
                    <a:pt x="12180" y="73637"/>
                  </a:lnTo>
                  <a:lnTo>
                    <a:pt x="12180" y="73035"/>
                  </a:lnTo>
                  <a:lnTo>
                    <a:pt x="12041" y="71831"/>
                  </a:lnTo>
                  <a:lnTo>
                    <a:pt x="11856" y="70581"/>
                  </a:lnTo>
                  <a:lnTo>
                    <a:pt x="11625" y="69330"/>
                  </a:lnTo>
                  <a:lnTo>
                    <a:pt x="11347" y="68034"/>
                  </a:lnTo>
                  <a:lnTo>
                    <a:pt x="10745" y="65579"/>
                  </a:lnTo>
                  <a:lnTo>
                    <a:pt x="10467" y="64421"/>
                  </a:lnTo>
                  <a:lnTo>
                    <a:pt x="10235" y="63310"/>
                  </a:lnTo>
                  <a:lnTo>
                    <a:pt x="10050" y="62244"/>
                  </a:lnTo>
                  <a:lnTo>
                    <a:pt x="10004" y="61318"/>
                  </a:lnTo>
                  <a:lnTo>
                    <a:pt x="9957" y="58678"/>
                  </a:lnTo>
                  <a:lnTo>
                    <a:pt x="10004" y="55992"/>
                  </a:lnTo>
                  <a:lnTo>
                    <a:pt x="10143" y="53353"/>
                  </a:lnTo>
                  <a:lnTo>
                    <a:pt x="10282" y="50713"/>
                  </a:lnTo>
                  <a:lnTo>
                    <a:pt x="10559" y="45387"/>
                  </a:lnTo>
                  <a:lnTo>
                    <a:pt x="10652" y="42701"/>
                  </a:lnTo>
                  <a:lnTo>
                    <a:pt x="10698" y="40061"/>
                  </a:lnTo>
                  <a:lnTo>
                    <a:pt x="10698" y="37375"/>
                  </a:lnTo>
                  <a:lnTo>
                    <a:pt x="10652" y="34642"/>
                  </a:lnTo>
                  <a:lnTo>
                    <a:pt x="11115" y="34689"/>
                  </a:lnTo>
                  <a:lnTo>
                    <a:pt x="11578" y="34689"/>
                  </a:lnTo>
                  <a:lnTo>
                    <a:pt x="11995" y="34642"/>
                  </a:lnTo>
                  <a:lnTo>
                    <a:pt x="12412" y="34596"/>
                  </a:lnTo>
                  <a:lnTo>
                    <a:pt x="12829" y="34503"/>
                  </a:lnTo>
                  <a:lnTo>
                    <a:pt x="13199" y="34364"/>
                  </a:lnTo>
                  <a:lnTo>
                    <a:pt x="13570" y="34179"/>
                  </a:lnTo>
                  <a:lnTo>
                    <a:pt x="13894" y="33994"/>
                  </a:lnTo>
                  <a:lnTo>
                    <a:pt x="14218" y="33762"/>
                  </a:lnTo>
                  <a:lnTo>
                    <a:pt x="14496" y="33485"/>
                  </a:lnTo>
                  <a:lnTo>
                    <a:pt x="14774" y="33207"/>
                  </a:lnTo>
                  <a:lnTo>
                    <a:pt x="15006" y="32882"/>
                  </a:lnTo>
                  <a:lnTo>
                    <a:pt x="15237" y="32512"/>
                  </a:lnTo>
                  <a:lnTo>
                    <a:pt x="15422" y="32095"/>
                  </a:lnTo>
                  <a:lnTo>
                    <a:pt x="15561" y="31678"/>
                  </a:lnTo>
                  <a:lnTo>
                    <a:pt x="15654" y="31169"/>
                  </a:lnTo>
                  <a:lnTo>
                    <a:pt x="15885" y="30150"/>
                  </a:lnTo>
                  <a:lnTo>
                    <a:pt x="16071" y="29039"/>
                  </a:lnTo>
                  <a:lnTo>
                    <a:pt x="16163" y="27881"/>
                  </a:lnTo>
                  <a:lnTo>
                    <a:pt x="16256" y="26677"/>
                  </a:lnTo>
                  <a:lnTo>
                    <a:pt x="16210" y="26075"/>
                  </a:lnTo>
                  <a:lnTo>
                    <a:pt x="16163" y="25519"/>
                  </a:lnTo>
                  <a:lnTo>
                    <a:pt x="16117" y="24917"/>
                  </a:lnTo>
                  <a:lnTo>
                    <a:pt x="16024" y="24361"/>
                  </a:lnTo>
                  <a:lnTo>
                    <a:pt x="15839" y="23852"/>
                  </a:lnTo>
                  <a:lnTo>
                    <a:pt x="15654" y="23342"/>
                  </a:lnTo>
                  <a:lnTo>
                    <a:pt x="15422" y="22879"/>
                  </a:lnTo>
                  <a:lnTo>
                    <a:pt x="15144" y="22462"/>
                  </a:lnTo>
                  <a:lnTo>
                    <a:pt x="15052" y="22416"/>
                  </a:lnTo>
                  <a:lnTo>
                    <a:pt x="15006" y="22416"/>
                  </a:lnTo>
                  <a:lnTo>
                    <a:pt x="14867" y="22462"/>
                  </a:lnTo>
                  <a:lnTo>
                    <a:pt x="14403" y="22972"/>
                  </a:lnTo>
                  <a:lnTo>
                    <a:pt x="14033" y="23527"/>
                  </a:lnTo>
                  <a:lnTo>
                    <a:pt x="13709" y="24083"/>
                  </a:lnTo>
                  <a:lnTo>
                    <a:pt x="13477" y="24685"/>
                  </a:lnTo>
                  <a:lnTo>
                    <a:pt x="13292" y="25334"/>
                  </a:lnTo>
                  <a:lnTo>
                    <a:pt x="13107" y="25982"/>
                  </a:lnTo>
                  <a:lnTo>
                    <a:pt x="12921" y="27325"/>
                  </a:lnTo>
                  <a:lnTo>
                    <a:pt x="12829" y="27973"/>
                  </a:lnTo>
                  <a:lnTo>
                    <a:pt x="12782" y="28714"/>
                  </a:lnTo>
                  <a:lnTo>
                    <a:pt x="12736" y="29455"/>
                  </a:lnTo>
                  <a:lnTo>
                    <a:pt x="12597" y="30150"/>
                  </a:lnTo>
                  <a:lnTo>
                    <a:pt x="12505" y="30474"/>
                  </a:lnTo>
                  <a:lnTo>
                    <a:pt x="12366" y="30798"/>
                  </a:lnTo>
                  <a:lnTo>
                    <a:pt x="12227" y="31076"/>
                  </a:lnTo>
                  <a:lnTo>
                    <a:pt x="12041" y="31308"/>
                  </a:lnTo>
                  <a:lnTo>
                    <a:pt x="11810" y="31493"/>
                  </a:lnTo>
                  <a:lnTo>
                    <a:pt x="11532" y="31632"/>
                  </a:lnTo>
                  <a:lnTo>
                    <a:pt x="11208" y="31725"/>
                  </a:lnTo>
                  <a:lnTo>
                    <a:pt x="10837" y="31771"/>
                  </a:lnTo>
                  <a:lnTo>
                    <a:pt x="10606" y="31771"/>
                  </a:lnTo>
                  <a:lnTo>
                    <a:pt x="10374" y="25287"/>
                  </a:lnTo>
                  <a:lnTo>
                    <a:pt x="10189" y="18850"/>
                  </a:lnTo>
                  <a:lnTo>
                    <a:pt x="10096" y="16117"/>
                  </a:lnTo>
                  <a:lnTo>
                    <a:pt x="10004" y="13431"/>
                  </a:lnTo>
                  <a:lnTo>
                    <a:pt x="9865" y="10699"/>
                  </a:lnTo>
                  <a:lnTo>
                    <a:pt x="9680" y="7966"/>
                  </a:lnTo>
                  <a:lnTo>
                    <a:pt x="9633" y="6994"/>
                  </a:lnTo>
                  <a:lnTo>
                    <a:pt x="9633" y="5975"/>
                  </a:lnTo>
                  <a:lnTo>
                    <a:pt x="9633" y="4956"/>
                  </a:lnTo>
                  <a:lnTo>
                    <a:pt x="9633" y="3937"/>
                  </a:lnTo>
                  <a:lnTo>
                    <a:pt x="9494" y="2965"/>
                  </a:lnTo>
                  <a:lnTo>
                    <a:pt x="9448" y="2455"/>
                  </a:lnTo>
                  <a:lnTo>
                    <a:pt x="9309" y="1992"/>
                  </a:lnTo>
                  <a:lnTo>
                    <a:pt x="9170" y="1575"/>
                  </a:lnTo>
                  <a:lnTo>
                    <a:pt x="8985" y="1112"/>
                  </a:lnTo>
                  <a:lnTo>
                    <a:pt x="8753" y="695"/>
                  </a:lnTo>
                  <a:lnTo>
                    <a:pt x="8475" y="325"/>
                  </a:lnTo>
                  <a:lnTo>
                    <a:pt x="8244" y="140"/>
                  </a:lnTo>
                  <a:lnTo>
                    <a:pt x="8012" y="47"/>
                  </a:lnTo>
                  <a:lnTo>
                    <a:pt x="7734" y="1"/>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590" name="Google Shape;590;p36"/>
            <p:cNvSpPr/>
            <p:nvPr/>
          </p:nvSpPr>
          <p:spPr>
            <a:xfrm>
              <a:off x="8430775" y="4073275"/>
              <a:ext cx="291800" cy="981850"/>
            </a:xfrm>
            <a:custGeom>
              <a:avLst/>
              <a:gdLst/>
              <a:ahLst/>
              <a:cxnLst/>
              <a:rect l="l" t="t" r="r" b="b"/>
              <a:pathLst>
                <a:path w="11672" h="39274" extrusionOk="0">
                  <a:moveTo>
                    <a:pt x="6253" y="1"/>
                  </a:moveTo>
                  <a:lnTo>
                    <a:pt x="6068" y="47"/>
                  </a:lnTo>
                  <a:lnTo>
                    <a:pt x="5929" y="140"/>
                  </a:lnTo>
                  <a:lnTo>
                    <a:pt x="5558" y="603"/>
                  </a:lnTo>
                  <a:lnTo>
                    <a:pt x="5327" y="1112"/>
                  </a:lnTo>
                  <a:lnTo>
                    <a:pt x="5141" y="1622"/>
                  </a:lnTo>
                  <a:lnTo>
                    <a:pt x="5002" y="2177"/>
                  </a:lnTo>
                  <a:lnTo>
                    <a:pt x="4910" y="2733"/>
                  </a:lnTo>
                  <a:lnTo>
                    <a:pt x="4863" y="3289"/>
                  </a:lnTo>
                  <a:lnTo>
                    <a:pt x="4817" y="4447"/>
                  </a:lnTo>
                  <a:lnTo>
                    <a:pt x="4771" y="6855"/>
                  </a:lnTo>
                  <a:lnTo>
                    <a:pt x="4725" y="9263"/>
                  </a:lnTo>
                  <a:lnTo>
                    <a:pt x="4771" y="11903"/>
                  </a:lnTo>
                  <a:lnTo>
                    <a:pt x="4817" y="14543"/>
                  </a:lnTo>
                  <a:lnTo>
                    <a:pt x="4586" y="14172"/>
                  </a:lnTo>
                  <a:lnTo>
                    <a:pt x="4447" y="13755"/>
                  </a:lnTo>
                  <a:lnTo>
                    <a:pt x="4308" y="13339"/>
                  </a:lnTo>
                  <a:lnTo>
                    <a:pt x="4215" y="12922"/>
                  </a:lnTo>
                  <a:lnTo>
                    <a:pt x="4169" y="12459"/>
                  </a:lnTo>
                  <a:lnTo>
                    <a:pt x="4076" y="11533"/>
                  </a:lnTo>
                  <a:lnTo>
                    <a:pt x="4030" y="10699"/>
                  </a:lnTo>
                  <a:lnTo>
                    <a:pt x="4076" y="10189"/>
                  </a:lnTo>
                  <a:lnTo>
                    <a:pt x="4076" y="9680"/>
                  </a:lnTo>
                  <a:lnTo>
                    <a:pt x="4030" y="8661"/>
                  </a:lnTo>
                  <a:lnTo>
                    <a:pt x="3798" y="6670"/>
                  </a:lnTo>
                  <a:lnTo>
                    <a:pt x="3752" y="5605"/>
                  </a:lnTo>
                  <a:lnTo>
                    <a:pt x="3659" y="4586"/>
                  </a:lnTo>
                  <a:lnTo>
                    <a:pt x="3613" y="4076"/>
                  </a:lnTo>
                  <a:lnTo>
                    <a:pt x="3520" y="3567"/>
                  </a:lnTo>
                  <a:lnTo>
                    <a:pt x="3381" y="3057"/>
                  </a:lnTo>
                  <a:lnTo>
                    <a:pt x="3150" y="2594"/>
                  </a:lnTo>
                  <a:lnTo>
                    <a:pt x="3104" y="2502"/>
                  </a:lnTo>
                  <a:lnTo>
                    <a:pt x="3011" y="2409"/>
                  </a:lnTo>
                  <a:lnTo>
                    <a:pt x="2826" y="2363"/>
                  </a:lnTo>
                  <a:lnTo>
                    <a:pt x="2594" y="2455"/>
                  </a:lnTo>
                  <a:lnTo>
                    <a:pt x="2548" y="2502"/>
                  </a:lnTo>
                  <a:lnTo>
                    <a:pt x="2455" y="2594"/>
                  </a:lnTo>
                  <a:lnTo>
                    <a:pt x="2224" y="3104"/>
                  </a:lnTo>
                  <a:lnTo>
                    <a:pt x="2038" y="3613"/>
                  </a:lnTo>
                  <a:lnTo>
                    <a:pt x="1946" y="4169"/>
                  </a:lnTo>
                  <a:lnTo>
                    <a:pt x="1853" y="4725"/>
                  </a:lnTo>
                  <a:lnTo>
                    <a:pt x="1853" y="5280"/>
                  </a:lnTo>
                  <a:lnTo>
                    <a:pt x="1853" y="5836"/>
                  </a:lnTo>
                  <a:lnTo>
                    <a:pt x="1899" y="6994"/>
                  </a:lnTo>
                  <a:lnTo>
                    <a:pt x="1992" y="8105"/>
                  </a:lnTo>
                  <a:lnTo>
                    <a:pt x="2131" y="9171"/>
                  </a:lnTo>
                  <a:lnTo>
                    <a:pt x="2177" y="10421"/>
                  </a:lnTo>
                  <a:lnTo>
                    <a:pt x="2270" y="11625"/>
                  </a:lnTo>
                  <a:lnTo>
                    <a:pt x="2455" y="12737"/>
                  </a:lnTo>
                  <a:lnTo>
                    <a:pt x="2548" y="13292"/>
                  </a:lnTo>
                  <a:lnTo>
                    <a:pt x="2687" y="13802"/>
                  </a:lnTo>
                  <a:lnTo>
                    <a:pt x="2872" y="14265"/>
                  </a:lnTo>
                  <a:lnTo>
                    <a:pt x="3057" y="14682"/>
                  </a:lnTo>
                  <a:lnTo>
                    <a:pt x="3289" y="15052"/>
                  </a:lnTo>
                  <a:lnTo>
                    <a:pt x="3567" y="15376"/>
                  </a:lnTo>
                  <a:lnTo>
                    <a:pt x="3845" y="15654"/>
                  </a:lnTo>
                  <a:lnTo>
                    <a:pt x="4169" y="15886"/>
                  </a:lnTo>
                  <a:lnTo>
                    <a:pt x="4493" y="16025"/>
                  </a:lnTo>
                  <a:lnTo>
                    <a:pt x="4863" y="16071"/>
                  </a:lnTo>
                  <a:lnTo>
                    <a:pt x="5002" y="18850"/>
                  </a:lnTo>
                  <a:lnTo>
                    <a:pt x="5049" y="19545"/>
                  </a:lnTo>
                  <a:lnTo>
                    <a:pt x="4910" y="19591"/>
                  </a:lnTo>
                  <a:lnTo>
                    <a:pt x="4586" y="19730"/>
                  </a:lnTo>
                  <a:lnTo>
                    <a:pt x="4261" y="19730"/>
                  </a:lnTo>
                  <a:lnTo>
                    <a:pt x="3984" y="19683"/>
                  </a:lnTo>
                  <a:lnTo>
                    <a:pt x="3752" y="19545"/>
                  </a:lnTo>
                  <a:lnTo>
                    <a:pt x="3520" y="19359"/>
                  </a:lnTo>
                  <a:lnTo>
                    <a:pt x="3289" y="19128"/>
                  </a:lnTo>
                  <a:lnTo>
                    <a:pt x="3104" y="18804"/>
                  </a:lnTo>
                  <a:lnTo>
                    <a:pt x="2965" y="18479"/>
                  </a:lnTo>
                  <a:lnTo>
                    <a:pt x="2687" y="17692"/>
                  </a:lnTo>
                  <a:lnTo>
                    <a:pt x="2455" y="16812"/>
                  </a:lnTo>
                  <a:lnTo>
                    <a:pt x="2316" y="15886"/>
                  </a:lnTo>
                  <a:lnTo>
                    <a:pt x="2224" y="15052"/>
                  </a:lnTo>
                  <a:lnTo>
                    <a:pt x="2224" y="14033"/>
                  </a:lnTo>
                  <a:lnTo>
                    <a:pt x="2177" y="13061"/>
                  </a:lnTo>
                  <a:lnTo>
                    <a:pt x="1992" y="11069"/>
                  </a:lnTo>
                  <a:lnTo>
                    <a:pt x="1899" y="9958"/>
                  </a:lnTo>
                  <a:lnTo>
                    <a:pt x="1807" y="9402"/>
                  </a:lnTo>
                  <a:lnTo>
                    <a:pt x="1714" y="8893"/>
                  </a:lnTo>
                  <a:lnTo>
                    <a:pt x="1529" y="8383"/>
                  </a:lnTo>
                  <a:lnTo>
                    <a:pt x="1344" y="7874"/>
                  </a:lnTo>
                  <a:lnTo>
                    <a:pt x="1066" y="7364"/>
                  </a:lnTo>
                  <a:lnTo>
                    <a:pt x="742" y="6901"/>
                  </a:lnTo>
                  <a:lnTo>
                    <a:pt x="649" y="6809"/>
                  </a:lnTo>
                  <a:lnTo>
                    <a:pt x="556" y="6762"/>
                  </a:lnTo>
                  <a:lnTo>
                    <a:pt x="417" y="6762"/>
                  </a:lnTo>
                  <a:lnTo>
                    <a:pt x="279" y="6809"/>
                  </a:lnTo>
                  <a:lnTo>
                    <a:pt x="186" y="6855"/>
                  </a:lnTo>
                  <a:lnTo>
                    <a:pt x="93" y="6948"/>
                  </a:lnTo>
                  <a:lnTo>
                    <a:pt x="47" y="7087"/>
                  </a:lnTo>
                  <a:lnTo>
                    <a:pt x="1" y="7179"/>
                  </a:lnTo>
                  <a:lnTo>
                    <a:pt x="47" y="8430"/>
                  </a:lnTo>
                  <a:lnTo>
                    <a:pt x="140" y="9634"/>
                  </a:lnTo>
                  <a:lnTo>
                    <a:pt x="232" y="10838"/>
                  </a:lnTo>
                  <a:lnTo>
                    <a:pt x="325" y="12088"/>
                  </a:lnTo>
                  <a:lnTo>
                    <a:pt x="371" y="13153"/>
                  </a:lnTo>
                  <a:lnTo>
                    <a:pt x="464" y="14265"/>
                  </a:lnTo>
                  <a:lnTo>
                    <a:pt x="510" y="15284"/>
                  </a:lnTo>
                  <a:lnTo>
                    <a:pt x="603" y="16256"/>
                  </a:lnTo>
                  <a:lnTo>
                    <a:pt x="742" y="17275"/>
                  </a:lnTo>
                  <a:lnTo>
                    <a:pt x="834" y="17738"/>
                  </a:lnTo>
                  <a:lnTo>
                    <a:pt x="973" y="18201"/>
                  </a:lnTo>
                  <a:lnTo>
                    <a:pt x="1066" y="18572"/>
                  </a:lnTo>
                  <a:lnTo>
                    <a:pt x="1205" y="18896"/>
                  </a:lnTo>
                  <a:lnTo>
                    <a:pt x="1575" y="19498"/>
                  </a:lnTo>
                  <a:lnTo>
                    <a:pt x="2038" y="20054"/>
                  </a:lnTo>
                  <a:lnTo>
                    <a:pt x="2270" y="20332"/>
                  </a:lnTo>
                  <a:lnTo>
                    <a:pt x="2548" y="20563"/>
                  </a:lnTo>
                  <a:lnTo>
                    <a:pt x="2826" y="20749"/>
                  </a:lnTo>
                  <a:lnTo>
                    <a:pt x="3104" y="20934"/>
                  </a:lnTo>
                  <a:lnTo>
                    <a:pt x="3428" y="21073"/>
                  </a:lnTo>
                  <a:lnTo>
                    <a:pt x="3752" y="21165"/>
                  </a:lnTo>
                  <a:lnTo>
                    <a:pt x="4076" y="21258"/>
                  </a:lnTo>
                  <a:lnTo>
                    <a:pt x="4771" y="21258"/>
                  </a:lnTo>
                  <a:lnTo>
                    <a:pt x="5095" y="21212"/>
                  </a:lnTo>
                  <a:lnTo>
                    <a:pt x="5141" y="23388"/>
                  </a:lnTo>
                  <a:lnTo>
                    <a:pt x="5141" y="25519"/>
                  </a:lnTo>
                  <a:lnTo>
                    <a:pt x="5188" y="29872"/>
                  </a:lnTo>
                  <a:lnTo>
                    <a:pt x="5188" y="32049"/>
                  </a:lnTo>
                  <a:lnTo>
                    <a:pt x="5234" y="34179"/>
                  </a:lnTo>
                  <a:lnTo>
                    <a:pt x="5327" y="36356"/>
                  </a:lnTo>
                  <a:lnTo>
                    <a:pt x="5466" y="38533"/>
                  </a:lnTo>
                  <a:lnTo>
                    <a:pt x="5512" y="38672"/>
                  </a:lnTo>
                  <a:lnTo>
                    <a:pt x="5558" y="38857"/>
                  </a:lnTo>
                  <a:lnTo>
                    <a:pt x="5697" y="38949"/>
                  </a:lnTo>
                  <a:lnTo>
                    <a:pt x="5836" y="39088"/>
                  </a:lnTo>
                  <a:lnTo>
                    <a:pt x="6021" y="39135"/>
                  </a:lnTo>
                  <a:lnTo>
                    <a:pt x="6207" y="39227"/>
                  </a:lnTo>
                  <a:lnTo>
                    <a:pt x="6577" y="39274"/>
                  </a:lnTo>
                  <a:lnTo>
                    <a:pt x="6994" y="39227"/>
                  </a:lnTo>
                  <a:lnTo>
                    <a:pt x="7179" y="39135"/>
                  </a:lnTo>
                  <a:lnTo>
                    <a:pt x="7318" y="39088"/>
                  </a:lnTo>
                  <a:lnTo>
                    <a:pt x="7457" y="38949"/>
                  </a:lnTo>
                  <a:lnTo>
                    <a:pt x="7596" y="38857"/>
                  </a:lnTo>
                  <a:lnTo>
                    <a:pt x="7642" y="38718"/>
                  </a:lnTo>
                  <a:lnTo>
                    <a:pt x="7689" y="38533"/>
                  </a:lnTo>
                  <a:lnTo>
                    <a:pt x="7689" y="36587"/>
                  </a:lnTo>
                  <a:lnTo>
                    <a:pt x="7596" y="34642"/>
                  </a:lnTo>
                  <a:lnTo>
                    <a:pt x="7411" y="30798"/>
                  </a:lnTo>
                  <a:lnTo>
                    <a:pt x="7179" y="26955"/>
                  </a:lnTo>
                  <a:lnTo>
                    <a:pt x="6948" y="23111"/>
                  </a:lnTo>
                  <a:lnTo>
                    <a:pt x="6948" y="23111"/>
                  </a:lnTo>
                  <a:lnTo>
                    <a:pt x="7225" y="23157"/>
                  </a:lnTo>
                  <a:lnTo>
                    <a:pt x="7828" y="23157"/>
                  </a:lnTo>
                  <a:lnTo>
                    <a:pt x="8152" y="23111"/>
                  </a:lnTo>
                  <a:lnTo>
                    <a:pt x="8430" y="23018"/>
                  </a:lnTo>
                  <a:lnTo>
                    <a:pt x="8707" y="22879"/>
                  </a:lnTo>
                  <a:lnTo>
                    <a:pt x="9217" y="22555"/>
                  </a:lnTo>
                  <a:lnTo>
                    <a:pt x="9726" y="22184"/>
                  </a:lnTo>
                  <a:lnTo>
                    <a:pt x="10143" y="21721"/>
                  </a:lnTo>
                  <a:lnTo>
                    <a:pt x="10514" y="21165"/>
                  </a:lnTo>
                  <a:lnTo>
                    <a:pt x="10792" y="20656"/>
                  </a:lnTo>
                  <a:lnTo>
                    <a:pt x="11116" y="19730"/>
                  </a:lnTo>
                  <a:lnTo>
                    <a:pt x="11394" y="18757"/>
                  </a:lnTo>
                  <a:lnTo>
                    <a:pt x="11579" y="17785"/>
                  </a:lnTo>
                  <a:lnTo>
                    <a:pt x="11671" y="16766"/>
                  </a:lnTo>
                  <a:lnTo>
                    <a:pt x="11671" y="15747"/>
                  </a:lnTo>
                  <a:lnTo>
                    <a:pt x="11625" y="15237"/>
                  </a:lnTo>
                  <a:lnTo>
                    <a:pt x="11533" y="14728"/>
                  </a:lnTo>
                  <a:lnTo>
                    <a:pt x="11440" y="14265"/>
                  </a:lnTo>
                  <a:lnTo>
                    <a:pt x="11301" y="13755"/>
                  </a:lnTo>
                  <a:lnTo>
                    <a:pt x="11162" y="13339"/>
                  </a:lnTo>
                  <a:lnTo>
                    <a:pt x="10977" y="12876"/>
                  </a:lnTo>
                  <a:lnTo>
                    <a:pt x="10884" y="12783"/>
                  </a:lnTo>
                  <a:lnTo>
                    <a:pt x="10792" y="12690"/>
                  </a:lnTo>
                  <a:lnTo>
                    <a:pt x="10653" y="12644"/>
                  </a:lnTo>
                  <a:lnTo>
                    <a:pt x="10560" y="12690"/>
                  </a:lnTo>
                  <a:lnTo>
                    <a:pt x="10421" y="12690"/>
                  </a:lnTo>
                  <a:lnTo>
                    <a:pt x="10328" y="12783"/>
                  </a:lnTo>
                  <a:lnTo>
                    <a:pt x="10236" y="12876"/>
                  </a:lnTo>
                  <a:lnTo>
                    <a:pt x="10189" y="12968"/>
                  </a:lnTo>
                  <a:lnTo>
                    <a:pt x="10004" y="13524"/>
                  </a:lnTo>
                  <a:lnTo>
                    <a:pt x="9912" y="14033"/>
                  </a:lnTo>
                  <a:lnTo>
                    <a:pt x="9726" y="15099"/>
                  </a:lnTo>
                  <a:lnTo>
                    <a:pt x="9448" y="17229"/>
                  </a:lnTo>
                  <a:lnTo>
                    <a:pt x="9263" y="18433"/>
                  </a:lnTo>
                  <a:lnTo>
                    <a:pt x="9078" y="19128"/>
                  </a:lnTo>
                  <a:lnTo>
                    <a:pt x="8846" y="19822"/>
                  </a:lnTo>
                  <a:lnTo>
                    <a:pt x="8707" y="20054"/>
                  </a:lnTo>
                  <a:lnTo>
                    <a:pt x="8569" y="20286"/>
                  </a:lnTo>
                  <a:lnTo>
                    <a:pt x="8383" y="20471"/>
                  </a:lnTo>
                  <a:lnTo>
                    <a:pt x="8198" y="20610"/>
                  </a:lnTo>
                  <a:lnTo>
                    <a:pt x="7920" y="20702"/>
                  </a:lnTo>
                  <a:lnTo>
                    <a:pt x="7689" y="20749"/>
                  </a:lnTo>
                  <a:lnTo>
                    <a:pt x="7364" y="20749"/>
                  </a:lnTo>
                  <a:lnTo>
                    <a:pt x="6994" y="20702"/>
                  </a:lnTo>
                  <a:lnTo>
                    <a:pt x="6855" y="20656"/>
                  </a:lnTo>
                  <a:lnTo>
                    <a:pt x="6809" y="18850"/>
                  </a:lnTo>
                  <a:lnTo>
                    <a:pt x="6809" y="17877"/>
                  </a:lnTo>
                  <a:lnTo>
                    <a:pt x="7225" y="17831"/>
                  </a:lnTo>
                  <a:lnTo>
                    <a:pt x="7550" y="17738"/>
                  </a:lnTo>
                  <a:lnTo>
                    <a:pt x="7874" y="17599"/>
                  </a:lnTo>
                  <a:lnTo>
                    <a:pt x="8105" y="17414"/>
                  </a:lnTo>
                  <a:lnTo>
                    <a:pt x="8337" y="17229"/>
                  </a:lnTo>
                  <a:lnTo>
                    <a:pt x="8476" y="17044"/>
                  </a:lnTo>
                  <a:lnTo>
                    <a:pt x="8615" y="16812"/>
                  </a:lnTo>
                  <a:lnTo>
                    <a:pt x="8754" y="16534"/>
                  </a:lnTo>
                  <a:lnTo>
                    <a:pt x="8893" y="16349"/>
                  </a:lnTo>
                  <a:lnTo>
                    <a:pt x="9032" y="16117"/>
                  </a:lnTo>
                  <a:lnTo>
                    <a:pt x="9217" y="15562"/>
                  </a:lnTo>
                  <a:lnTo>
                    <a:pt x="9356" y="15006"/>
                  </a:lnTo>
                  <a:lnTo>
                    <a:pt x="9402" y="14404"/>
                  </a:lnTo>
                  <a:lnTo>
                    <a:pt x="9448" y="13061"/>
                  </a:lnTo>
                  <a:lnTo>
                    <a:pt x="9819" y="11394"/>
                  </a:lnTo>
                  <a:lnTo>
                    <a:pt x="9912" y="10560"/>
                  </a:lnTo>
                  <a:lnTo>
                    <a:pt x="10004" y="9726"/>
                  </a:lnTo>
                  <a:lnTo>
                    <a:pt x="10004" y="8893"/>
                  </a:lnTo>
                  <a:lnTo>
                    <a:pt x="9912" y="8059"/>
                  </a:lnTo>
                  <a:lnTo>
                    <a:pt x="9819" y="7642"/>
                  </a:lnTo>
                  <a:lnTo>
                    <a:pt x="9726" y="7225"/>
                  </a:lnTo>
                  <a:lnTo>
                    <a:pt x="9541" y="6809"/>
                  </a:lnTo>
                  <a:lnTo>
                    <a:pt x="9356" y="6392"/>
                  </a:lnTo>
                  <a:lnTo>
                    <a:pt x="9263" y="6299"/>
                  </a:lnTo>
                  <a:lnTo>
                    <a:pt x="9171" y="6207"/>
                  </a:lnTo>
                  <a:lnTo>
                    <a:pt x="8939" y="6207"/>
                  </a:lnTo>
                  <a:lnTo>
                    <a:pt x="8846" y="6253"/>
                  </a:lnTo>
                  <a:lnTo>
                    <a:pt x="8707" y="6299"/>
                  </a:lnTo>
                  <a:lnTo>
                    <a:pt x="8661" y="6392"/>
                  </a:lnTo>
                  <a:lnTo>
                    <a:pt x="8569" y="6531"/>
                  </a:lnTo>
                  <a:lnTo>
                    <a:pt x="8383" y="7179"/>
                  </a:lnTo>
                  <a:lnTo>
                    <a:pt x="8198" y="7920"/>
                  </a:lnTo>
                  <a:lnTo>
                    <a:pt x="8059" y="8661"/>
                  </a:lnTo>
                  <a:lnTo>
                    <a:pt x="7966" y="9448"/>
                  </a:lnTo>
                  <a:lnTo>
                    <a:pt x="7828" y="10977"/>
                  </a:lnTo>
                  <a:lnTo>
                    <a:pt x="7735" y="12459"/>
                  </a:lnTo>
                  <a:lnTo>
                    <a:pt x="7689" y="13014"/>
                  </a:lnTo>
                  <a:lnTo>
                    <a:pt x="7735" y="13570"/>
                  </a:lnTo>
                  <a:lnTo>
                    <a:pt x="7735" y="14126"/>
                  </a:lnTo>
                  <a:lnTo>
                    <a:pt x="7735" y="14404"/>
                  </a:lnTo>
                  <a:lnTo>
                    <a:pt x="7689" y="14682"/>
                  </a:lnTo>
                  <a:lnTo>
                    <a:pt x="7550" y="15099"/>
                  </a:lnTo>
                  <a:lnTo>
                    <a:pt x="7318" y="15423"/>
                  </a:lnTo>
                  <a:lnTo>
                    <a:pt x="7087" y="15654"/>
                  </a:lnTo>
                  <a:lnTo>
                    <a:pt x="6809" y="15886"/>
                  </a:lnTo>
                  <a:lnTo>
                    <a:pt x="6809" y="12551"/>
                  </a:lnTo>
                  <a:lnTo>
                    <a:pt x="6855" y="9263"/>
                  </a:lnTo>
                  <a:lnTo>
                    <a:pt x="6948" y="6670"/>
                  </a:lnTo>
                  <a:lnTo>
                    <a:pt x="7087" y="4076"/>
                  </a:lnTo>
                  <a:lnTo>
                    <a:pt x="7133" y="3057"/>
                  </a:lnTo>
                  <a:lnTo>
                    <a:pt x="7179" y="2548"/>
                  </a:lnTo>
                  <a:lnTo>
                    <a:pt x="7133" y="2038"/>
                  </a:lnTo>
                  <a:lnTo>
                    <a:pt x="7087" y="1529"/>
                  </a:lnTo>
                  <a:lnTo>
                    <a:pt x="6994" y="1066"/>
                  </a:lnTo>
                  <a:lnTo>
                    <a:pt x="6809" y="603"/>
                  </a:lnTo>
                  <a:lnTo>
                    <a:pt x="6531" y="140"/>
                  </a:lnTo>
                  <a:lnTo>
                    <a:pt x="6438" y="47"/>
                  </a:lnTo>
                  <a:lnTo>
                    <a:pt x="6253" y="1"/>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591" name="Google Shape;591;p36"/>
            <p:cNvSpPr/>
            <p:nvPr/>
          </p:nvSpPr>
          <p:spPr>
            <a:xfrm>
              <a:off x="8799500" y="3797050"/>
              <a:ext cx="291800" cy="981850"/>
            </a:xfrm>
            <a:custGeom>
              <a:avLst/>
              <a:gdLst/>
              <a:ahLst/>
              <a:cxnLst/>
              <a:rect l="l" t="t" r="r" b="b"/>
              <a:pathLst>
                <a:path w="11672" h="39274" extrusionOk="0">
                  <a:moveTo>
                    <a:pt x="6253" y="1"/>
                  </a:moveTo>
                  <a:lnTo>
                    <a:pt x="6068" y="47"/>
                  </a:lnTo>
                  <a:lnTo>
                    <a:pt x="5929" y="140"/>
                  </a:lnTo>
                  <a:lnTo>
                    <a:pt x="5558" y="603"/>
                  </a:lnTo>
                  <a:lnTo>
                    <a:pt x="5327" y="1112"/>
                  </a:lnTo>
                  <a:lnTo>
                    <a:pt x="5141" y="1622"/>
                  </a:lnTo>
                  <a:lnTo>
                    <a:pt x="5002" y="2177"/>
                  </a:lnTo>
                  <a:lnTo>
                    <a:pt x="4910" y="2733"/>
                  </a:lnTo>
                  <a:lnTo>
                    <a:pt x="4863" y="3289"/>
                  </a:lnTo>
                  <a:lnTo>
                    <a:pt x="4817" y="4447"/>
                  </a:lnTo>
                  <a:lnTo>
                    <a:pt x="4771" y="6855"/>
                  </a:lnTo>
                  <a:lnTo>
                    <a:pt x="4725" y="9263"/>
                  </a:lnTo>
                  <a:lnTo>
                    <a:pt x="4771" y="11903"/>
                  </a:lnTo>
                  <a:lnTo>
                    <a:pt x="4817" y="14543"/>
                  </a:lnTo>
                  <a:lnTo>
                    <a:pt x="4586" y="14172"/>
                  </a:lnTo>
                  <a:lnTo>
                    <a:pt x="4447" y="13755"/>
                  </a:lnTo>
                  <a:lnTo>
                    <a:pt x="4308" y="13339"/>
                  </a:lnTo>
                  <a:lnTo>
                    <a:pt x="4215" y="12922"/>
                  </a:lnTo>
                  <a:lnTo>
                    <a:pt x="4169" y="12459"/>
                  </a:lnTo>
                  <a:lnTo>
                    <a:pt x="4076" y="11533"/>
                  </a:lnTo>
                  <a:lnTo>
                    <a:pt x="4030" y="10699"/>
                  </a:lnTo>
                  <a:lnTo>
                    <a:pt x="4076" y="10189"/>
                  </a:lnTo>
                  <a:lnTo>
                    <a:pt x="4076" y="9680"/>
                  </a:lnTo>
                  <a:lnTo>
                    <a:pt x="4030" y="8661"/>
                  </a:lnTo>
                  <a:lnTo>
                    <a:pt x="3798" y="6670"/>
                  </a:lnTo>
                  <a:lnTo>
                    <a:pt x="3752" y="5605"/>
                  </a:lnTo>
                  <a:lnTo>
                    <a:pt x="3659" y="4586"/>
                  </a:lnTo>
                  <a:lnTo>
                    <a:pt x="3613" y="4076"/>
                  </a:lnTo>
                  <a:lnTo>
                    <a:pt x="3520" y="3567"/>
                  </a:lnTo>
                  <a:lnTo>
                    <a:pt x="3381" y="3057"/>
                  </a:lnTo>
                  <a:lnTo>
                    <a:pt x="3150" y="2594"/>
                  </a:lnTo>
                  <a:lnTo>
                    <a:pt x="3104" y="2502"/>
                  </a:lnTo>
                  <a:lnTo>
                    <a:pt x="3011" y="2409"/>
                  </a:lnTo>
                  <a:lnTo>
                    <a:pt x="2826" y="2363"/>
                  </a:lnTo>
                  <a:lnTo>
                    <a:pt x="2594" y="2455"/>
                  </a:lnTo>
                  <a:lnTo>
                    <a:pt x="2548" y="2502"/>
                  </a:lnTo>
                  <a:lnTo>
                    <a:pt x="2455" y="2594"/>
                  </a:lnTo>
                  <a:lnTo>
                    <a:pt x="2224" y="3104"/>
                  </a:lnTo>
                  <a:lnTo>
                    <a:pt x="2038" y="3613"/>
                  </a:lnTo>
                  <a:lnTo>
                    <a:pt x="1946" y="4169"/>
                  </a:lnTo>
                  <a:lnTo>
                    <a:pt x="1853" y="4725"/>
                  </a:lnTo>
                  <a:lnTo>
                    <a:pt x="1853" y="5280"/>
                  </a:lnTo>
                  <a:lnTo>
                    <a:pt x="1853" y="5836"/>
                  </a:lnTo>
                  <a:lnTo>
                    <a:pt x="1899" y="6994"/>
                  </a:lnTo>
                  <a:lnTo>
                    <a:pt x="1992" y="8105"/>
                  </a:lnTo>
                  <a:lnTo>
                    <a:pt x="2131" y="9171"/>
                  </a:lnTo>
                  <a:lnTo>
                    <a:pt x="2177" y="10421"/>
                  </a:lnTo>
                  <a:lnTo>
                    <a:pt x="2270" y="11625"/>
                  </a:lnTo>
                  <a:lnTo>
                    <a:pt x="2455" y="12737"/>
                  </a:lnTo>
                  <a:lnTo>
                    <a:pt x="2548" y="13292"/>
                  </a:lnTo>
                  <a:lnTo>
                    <a:pt x="2687" y="13802"/>
                  </a:lnTo>
                  <a:lnTo>
                    <a:pt x="2872" y="14265"/>
                  </a:lnTo>
                  <a:lnTo>
                    <a:pt x="3057" y="14682"/>
                  </a:lnTo>
                  <a:lnTo>
                    <a:pt x="3289" y="15052"/>
                  </a:lnTo>
                  <a:lnTo>
                    <a:pt x="3567" y="15376"/>
                  </a:lnTo>
                  <a:lnTo>
                    <a:pt x="3845" y="15654"/>
                  </a:lnTo>
                  <a:lnTo>
                    <a:pt x="4169" y="15886"/>
                  </a:lnTo>
                  <a:lnTo>
                    <a:pt x="4493" y="16025"/>
                  </a:lnTo>
                  <a:lnTo>
                    <a:pt x="4863" y="16071"/>
                  </a:lnTo>
                  <a:lnTo>
                    <a:pt x="5002" y="18850"/>
                  </a:lnTo>
                  <a:lnTo>
                    <a:pt x="5049" y="19545"/>
                  </a:lnTo>
                  <a:lnTo>
                    <a:pt x="4910" y="19591"/>
                  </a:lnTo>
                  <a:lnTo>
                    <a:pt x="4586" y="19730"/>
                  </a:lnTo>
                  <a:lnTo>
                    <a:pt x="4261" y="19730"/>
                  </a:lnTo>
                  <a:lnTo>
                    <a:pt x="3984" y="19683"/>
                  </a:lnTo>
                  <a:lnTo>
                    <a:pt x="3752" y="19545"/>
                  </a:lnTo>
                  <a:lnTo>
                    <a:pt x="3520" y="19359"/>
                  </a:lnTo>
                  <a:lnTo>
                    <a:pt x="3289" y="19128"/>
                  </a:lnTo>
                  <a:lnTo>
                    <a:pt x="3104" y="18804"/>
                  </a:lnTo>
                  <a:lnTo>
                    <a:pt x="2965" y="18479"/>
                  </a:lnTo>
                  <a:lnTo>
                    <a:pt x="2687" y="17692"/>
                  </a:lnTo>
                  <a:lnTo>
                    <a:pt x="2455" y="16812"/>
                  </a:lnTo>
                  <a:lnTo>
                    <a:pt x="2316" y="15886"/>
                  </a:lnTo>
                  <a:lnTo>
                    <a:pt x="2224" y="15052"/>
                  </a:lnTo>
                  <a:lnTo>
                    <a:pt x="2224" y="14033"/>
                  </a:lnTo>
                  <a:lnTo>
                    <a:pt x="2177" y="13061"/>
                  </a:lnTo>
                  <a:lnTo>
                    <a:pt x="1992" y="11069"/>
                  </a:lnTo>
                  <a:lnTo>
                    <a:pt x="1899" y="9958"/>
                  </a:lnTo>
                  <a:lnTo>
                    <a:pt x="1807" y="9402"/>
                  </a:lnTo>
                  <a:lnTo>
                    <a:pt x="1714" y="8893"/>
                  </a:lnTo>
                  <a:lnTo>
                    <a:pt x="1529" y="8383"/>
                  </a:lnTo>
                  <a:lnTo>
                    <a:pt x="1344" y="7874"/>
                  </a:lnTo>
                  <a:lnTo>
                    <a:pt x="1066" y="7364"/>
                  </a:lnTo>
                  <a:lnTo>
                    <a:pt x="742" y="6901"/>
                  </a:lnTo>
                  <a:lnTo>
                    <a:pt x="649" y="6809"/>
                  </a:lnTo>
                  <a:lnTo>
                    <a:pt x="556" y="6762"/>
                  </a:lnTo>
                  <a:lnTo>
                    <a:pt x="417" y="6762"/>
                  </a:lnTo>
                  <a:lnTo>
                    <a:pt x="279" y="6809"/>
                  </a:lnTo>
                  <a:lnTo>
                    <a:pt x="186" y="6855"/>
                  </a:lnTo>
                  <a:lnTo>
                    <a:pt x="93" y="6948"/>
                  </a:lnTo>
                  <a:lnTo>
                    <a:pt x="47" y="7087"/>
                  </a:lnTo>
                  <a:lnTo>
                    <a:pt x="1" y="7179"/>
                  </a:lnTo>
                  <a:lnTo>
                    <a:pt x="47" y="8430"/>
                  </a:lnTo>
                  <a:lnTo>
                    <a:pt x="140" y="9634"/>
                  </a:lnTo>
                  <a:lnTo>
                    <a:pt x="232" y="10838"/>
                  </a:lnTo>
                  <a:lnTo>
                    <a:pt x="325" y="12088"/>
                  </a:lnTo>
                  <a:lnTo>
                    <a:pt x="371" y="13153"/>
                  </a:lnTo>
                  <a:lnTo>
                    <a:pt x="464" y="14265"/>
                  </a:lnTo>
                  <a:lnTo>
                    <a:pt x="510" y="15284"/>
                  </a:lnTo>
                  <a:lnTo>
                    <a:pt x="603" y="16256"/>
                  </a:lnTo>
                  <a:lnTo>
                    <a:pt x="742" y="17275"/>
                  </a:lnTo>
                  <a:lnTo>
                    <a:pt x="834" y="17738"/>
                  </a:lnTo>
                  <a:lnTo>
                    <a:pt x="973" y="18201"/>
                  </a:lnTo>
                  <a:lnTo>
                    <a:pt x="1066" y="18572"/>
                  </a:lnTo>
                  <a:lnTo>
                    <a:pt x="1205" y="18896"/>
                  </a:lnTo>
                  <a:lnTo>
                    <a:pt x="1575" y="19498"/>
                  </a:lnTo>
                  <a:lnTo>
                    <a:pt x="2038" y="20054"/>
                  </a:lnTo>
                  <a:lnTo>
                    <a:pt x="2270" y="20332"/>
                  </a:lnTo>
                  <a:lnTo>
                    <a:pt x="2548" y="20563"/>
                  </a:lnTo>
                  <a:lnTo>
                    <a:pt x="2826" y="20749"/>
                  </a:lnTo>
                  <a:lnTo>
                    <a:pt x="3104" y="20934"/>
                  </a:lnTo>
                  <a:lnTo>
                    <a:pt x="3428" y="21073"/>
                  </a:lnTo>
                  <a:lnTo>
                    <a:pt x="3752" y="21165"/>
                  </a:lnTo>
                  <a:lnTo>
                    <a:pt x="4076" y="21258"/>
                  </a:lnTo>
                  <a:lnTo>
                    <a:pt x="4771" y="21258"/>
                  </a:lnTo>
                  <a:lnTo>
                    <a:pt x="5095" y="21212"/>
                  </a:lnTo>
                  <a:lnTo>
                    <a:pt x="5141" y="23388"/>
                  </a:lnTo>
                  <a:lnTo>
                    <a:pt x="5141" y="25519"/>
                  </a:lnTo>
                  <a:lnTo>
                    <a:pt x="5188" y="29872"/>
                  </a:lnTo>
                  <a:lnTo>
                    <a:pt x="5188" y="32049"/>
                  </a:lnTo>
                  <a:lnTo>
                    <a:pt x="5234" y="34179"/>
                  </a:lnTo>
                  <a:lnTo>
                    <a:pt x="5327" y="36356"/>
                  </a:lnTo>
                  <a:lnTo>
                    <a:pt x="5466" y="38533"/>
                  </a:lnTo>
                  <a:lnTo>
                    <a:pt x="5512" y="38672"/>
                  </a:lnTo>
                  <a:lnTo>
                    <a:pt x="5558" y="38857"/>
                  </a:lnTo>
                  <a:lnTo>
                    <a:pt x="5697" y="38949"/>
                  </a:lnTo>
                  <a:lnTo>
                    <a:pt x="5836" y="39088"/>
                  </a:lnTo>
                  <a:lnTo>
                    <a:pt x="6021" y="39135"/>
                  </a:lnTo>
                  <a:lnTo>
                    <a:pt x="6207" y="39227"/>
                  </a:lnTo>
                  <a:lnTo>
                    <a:pt x="6577" y="39274"/>
                  </a:lnTo>
                  <a:lnTo>
                    <a:pt x="6994" y="39227"/>
                  </a:lnTo>
                  <a:lnTo>
                    <a:pt x="7179" y="39135"/>
                  </a:lnTo>
                  <a:lnTo>
                    <a:pt x="7318" y="39088"/>
                  </a:lnTo>
                  <a:lnTo>
                    <a:pt x="7457" y="38949"/>
                  </a:lnTo>
                  <a:lnTo>
                    <a:pt x="7596" y="38857"/>
                  </a:lnTo>
                  <a:lnTo>
                    <a:pt x="7642" y="38718"/>
                  </a:lnTo>
                  <a:lnTo>
                    <a:pt x="7689" y="38533"/>
                  </a:lnTo>
                  <a:lnTo>
                    <a:pt x="7689" y="36587"/>
                  </a:lnTo>
                  <a:lnTo>
                    <a:pt x="7596" y="34642"/>
                  </a:lnTo>
                  <a:lnTo>
                    <a:pt x="7411" y="30798"/>
                  </a:lnTo>
                  <a:lnTo>
                    <a:pt x="7179" y="26955"/>
                  </a:lnTo>
                  <a:lnTo>
                    <a:pt x="6948" y="23111"/>
                  </a:lnTo>
                  <a:lnTo>
                    <a:pt x="6948" y="23111"/>
                  </a:lnTo>
                  <a:lnTo>
                    <a:pt x="7225" y="23157"/>
                  </a:lnTo>
                  <a:lnTo>
                    <a:pt x="7828" y="23157"/>
                  </a:lnTo>
                  <a:lnTo>
                    <a:pt x="8152" y="23111"/>
                  </a:lnTo>
                  <a:lnTo>
                    <a:pt x="8430" y="23018"/>
                  </a:lnTo>
                  <a:lnTo>
                    <a:pt x="8707" y="22879"/>
                  </a:lnTo>
                  <a:lnTo>
                    <a:pt x="9217" y="22555"/>
                  </a:lnTo>
                  <a:lnTo>
                    <a:pt x="9726" y="22184"/>
                  </a:lnTo>
                  <a:lnTo>
                    <a:pt x="10143" y="21721"/>
                  </a:lnTo>
                  <a:lnTo>
                    <a:pt x="10514" y="21165"/>
                  </a:lnTo>
                  <a:lnTo>
                    <a:pt x="10792" y="20656"/>
                  </a:lnTo>
                  <a:lnTo>
                    <a:pt x="11116" y="19730"/>
                  </a:lnTo>
                  <a:lnTo>
                    <a:pt x="11394" y="18757"/>
                  </a:lnTo>
                  <a:lnTo>
                    <a:pt x="11579" y="17785"/>
                  </a:lnTo>
                  <a:lnTo>
                    <a:pt x="11671" y="16766"/>
                  </a:lnTo>
                  <a:lnTo>
                    <a:pt x="11671" y="15747"/>
                  </a:lnTo>
                  <a:lnTo>
                    <a:pt x="11625" y="15237"/>
                  </a:lnTo>
                  <a:lnTo>
                    <a:pt x="11533" y="14728"/>
                  </a:lnTo>
                  <a:lnTo>
                    <a:pt x="11440" y="14265"/>
                  </a:lnTo>
                  <a:lnTo>
                    <a:pt x="11301" y="13755"/>
                  </a:lnTo>
                  <a:lnTo>
                    <a:pt x="11162" y="13339"/>
                  </a:lnTo>
                  <a:lnTo>
                    <a:pt x="10977" y="12876"/>
                  </a:lnTo>
                  <a:lnTo>
                    <a:pt x="10884" y="12783"/>
                  </a:lnTo>
                  <a:lnTo>
                    <a:pt x="10792" y="12690"/>
                  </a:lnTo>
                  <a:lnTo>
                    <a:pt x="10653" y="12644"/>
                  </a:lnTo>
                  <a:lnTo>
                    <a:pt x="10560" y="12690"/>
                  </a:lnTo>
                  <a:lnTo>
                    <a:pt x="10421" y="12690"/>
                  </a:lnTo>
                  <a:lnTo>
                    <a:pt x="10328" y="12783"/>
                  </a:lnTo>
                  <a:lnTo>
                    <a:pt x="10236" y="12876"/>
                  </a:lnTo>
                  <a:lnTo>
                    <a:pt x="10189" y="12968"/>
                  </a:lnTo>
                  <a:lnTo>
                    <a:pt x="10004" y="13524"/>
                  </a:lnTo>
                  <a:lnTo>
                    <a:pt x="9912" y="14033"/>
                  </a:lnTo>
                  <a:lnTo>
                    <a:pt x="9726" y="15099"/>
                  </a:lnTo>
                  <a:lnTo>
                    <a:pt x="9448" y="17229"/>
                  </a:lnTo>
                  <a:lnTo>
                    <a:pt x="9263" y="18433"/>
                  </a:lnTo>
                  <a:lnTo>
                    <a:pt x="9078" y="19128"/>
                  </a:lnTo>
                  <a:lnTo>
                    <a:pt x="8846" y="19822"/>
                  </a:lnTo>
                  <a:lnTo>
                    <a:pt x="8707" y="20054"/>
                  </a:lnTo>
                  <a:lnTo>
                    <a:pt x="8569" y="20286"/>
                  </a:lnTo>
                  <a:lnTo>
                    <a:pt x="8383" y="20471"/>
                  </a:lnTo>
                  <a:lnTo>
                    <a:pt x="8198" y="20610"/>
                  </a:lnTo>
                  <a:lnTo>
                    <a:pt x="7920" y="20702"/>
                  </a:lnTo>
                  <a:lnTo>
                    <a:pt x="7689" y="20749"/>
                  </a:lnTo>
                  <a:lnTo>
                    <a:pt x="7364" y="20749"/>
                  </a:lnTo>
                  <a:lnTo>
                    <a:pt x="6994" y="20702"/>
                  </a:lnTo>
                  <a:lnTo>
                    <a:pt x="6855" y="20656"/>
                  </a:lnTo>
                  <a:lnTo>
                    <a:pt x="6809" y="18850"/>
                  </a:lnTo>
                  <a:lnTo>
                    <a:pt x="6809" y="17877"/>
                  </a:lnTo>
                  <a:lnTo>
                    <a:pt x="7225" y="17831"/>
                  </a:lnTo>
                  <a:lnTo>
                    <a:pt x="7550" y="17738"/>
                  </a:lnTo>
                  <a:lnTo>
                    <a:pt x="7874" y="17599"/>
                  </a:lnTo>
                  <a:lnTo>
                    <a:pt x="8105" y="17414"/>
                  </a:lnTo>
                  <a:lnTo>
                    <a:pt x="8337" y="17229"/>
                  </a:lnTo>
                  <a:lnTo>
                    <a:pt x="8476" y="17044"/>
                  </a:lnTo>
                  <a:lnTo>
                    <a:pt x="8615" y="16812"/>
                  </a:lnTo>
                  <a:lnTo>
                    <a:pt x="8754" y="16534"/>
                  </a:lnTo>
                  <a:lnTo>
                    <a:pt x="8893" y="16349"/>
                  </a:lnTo>
                  <a:lnTo>
                    <a:pt x="9032" y="16117"/>
                  </a:lnTo>
                  <a:lnTo>
                    <a:pt x="9217" y="15562"/>
                  </a:lnTo>
                  <a:lnTo>
                    <a:pt x="9356" y="15006"/>
                  </a:lnTo>
                  <a:lnTo>
                    <a:pt x="9402" y="14404"/>
                  </a:lnTo>
                  <a:lnTo>
                    <a:pt x="9448" y="13061"/>
                  </a:lnTo>
                  <a:lnTo>
                    <a:pt x="9819" y="11394"/>
                  </a:lnTo>
                  <a:lnTo>
                    <a:pt x="9912" y="10560"/>
                  </a:lnTo>
                  <a:lnTo>
                    <a:pt x="10004" y="9726"/>
                  </a:lnTo>
                  <a:lnTo>
                    <a:pt x="10004" y="8893"/>
                  </a:lnTo>
                  <a:lnTo>
                    <a:pt x="9912" y="8059"/>
                  </a:lnTo>
                  <a:lnTo>
                    <a:pt x="9819" y="7642"/>
                  </a:lnTo>
                  <a:lnTo>
                    <a:pt x="9726" y="7225"/>
                  </a:lnTo>
                  <a:lnTo>
                    <a:pt x="9541" y="6809"/>
                  </a:lnTo>
                  <a:lnTo>
                    <a:pt x="9356" y="6392"/>
                  </a:lnTo>
                  <a:lnTo>
                    <a:pt x="9263" y="6299"/>
                  </a:lnTo>
                  <a:lnTo>
                    <a:pt x="9171" y="6207"/>
                  </a:lnTo>
                  <a:lnTo>
                    <a:pt x="8939" y="6207"/>
                  </a:lnTo>
                  <a:lnTo>
                    <a:pt x="8846" y="6253"/>
                  </a:lnTo>
                  <a:lnTo>
                    <a:pt x="8707" y="6299"/>
                  </a:lnTo>
                  <a:lnTo>
                    <a:pt x="8661" y="6392"/>
                  </a:lnTo>
                  <a:lnTo>
                    <a:pt x="8569" y="6531"/>
                  </a:lnTo>
                  <a:lnTo>
                    <a:pt x="8383" y="7179"/>
                  </a:lnTo>
                  <a:lnTo>
                    <a:pt x="8198" y="7920"/>
                  </a:lnTo>
                  <a:lnTo>
                    <a:pt x="8059" y="8661"/>
                  </a:lnTo>
                  <a:lnTo>
                    <a:pt x="7966" y="9448"/>
                  </a:lnTo>
                  <a:lnTo>
                    <a:pt x="7828" y="10977"/>
                  </a:lnTo>
                  <a:lnTo>
                    <a:pt x="7735" y="12459"/>
                  </a:lnTo>
                  <a:lnTo>
                    <a:pt x="7689" y="13014"/>
                  </a:lnTo>
                  <a:lnTo>
                    <a:pt x="7735" y="13570"/>
                  </a:lnTo>
                  <a:lnTo>
                    <a:pt x="7735" y="14126"/>
                  </a:lnTo>
                  <a:lnTo>
                    <a:pt x="7735" y="14404"/>
                  </a:lnTo>
                  <a:lnTo>
                    <a:pt x="7689" y="14682"/>
                  </a:lnTo>
                  <a:lnTo>
                    <a:pt x="7550" y="15099"/>
                  </a:lnTo>
                  <a:lnTo>
                    <a:pt x="7318" y="15423"/>
                  </a:lnTo>
                  <a:lnTo>
                    <a:pt x="7087" y="15654"/>
                  </a:lnTo>
                  <a:lnTo>
                    <a:pt x="6809" y="15886"/>
                  </a:lnTo>
                  <a:lnTo>
                    <a:pt x="6809" y="12551"/>
                  </a:lnTo>
                  <a:lnTo>
                    <a:pt x="6855" y="9263"/>
                  </a:lnTo>
                  <a:lnTo>
                    <a:pt x="6948" y="6670"/>
                  </a:lnTo>
                  <a:lnTo>
                    <a:pt x="7087" y="4076"/>
                  </a:lnTo>
                  <a:lnTo>
                    <a:pt x="7133" y="3057"/>
                  </a:lnTo>
                  <a:lnTo>
                    <a:pt x="7179" y="2548"/>
                  </a:lnTo>
                  <a:lnTo>
                    <a:pt x="7133" y="2038"/>
                  </a:lnTo>
                  <a:lnTo>
                    <a:pt x="7087" y="1529"/>
                  </a:lnTo>
                  <a:lnTo>
                    <a:pt x="6994" y="1066"/>
                  </a:lnTo>
                  <a:lnTo>
                    <a:pt x="6809" y="603"/>
                  </a:lnTo>
                  <a:lnTo>
                    <a:pt x="6531" y="140"/>
                  </a:lnTo>
                  <a:lnTo>
                    <a:pt x="6438" y="47"/>
                  </a:lnTo>
                  <a:lnTo>
                    <a:pt x="6253" y="1"/>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Tree>
    <p:extLst>
      <p:ext uri="{BB962C8B-B14F-4D97-AF65-F5344CB8AC3E}">
        <p14:creationId xmlns:p14="http://schemas.microsoft.com/office/powerpoint/2010/main" val="1910844120"/>
      </p:ext>
    </p:extLst>
  </p:cSld>
  <p:clrMapOvr>
    <a:masterClrMapping/>
  </p:clrMapOvr>
</p:sldLayout>
</file>

<file path=ppt/slideLayouts/slideLayout119.xml><?xml version="1.0" encoding="utf-8"?>
<p:sldLayout xmlns:a="http://schemas.openxmlformats.org/drawingml/2006/main" xmlns:r="http://schemas.openxmlformats.org/officeDocument/2006/relationships" xmlns:p="http://schemas.openxmlformats.org/presentationml/2006/main" matchingName="Background 1">
  <p:cSld name="Background 1">
    <p:spTree>
      <p:nvGrpSpPr>
        <p:cNvPr id="1" name="Shape 592"/>
        <p:cNvGrpSpPr/>
        <p:nvPr/>
      </p:nvGrpSpPr>
      <p:grpSpPr>
        <a:xfrm>
          <a:off x="0" y="0"/>
          <a:ext cx="0" cy="0"/>
          <a:chOff x="0" y="0"/>
          <a:chExt cx="0" cy="0"/>
        </a:xfrm>
      </p:grpSpPr>
      <p:pic>
        <p:nvPicPr>
          <p:cNvPr id="593" name="Google Shape;593;p37"/>
          <p:cNvPicPr preferRelativeResize="0"/>
          <p:nvPr/>
        </p:nvPicPr>
        <p:blipFill rotWithShape="1">
          <a:blip r:embed="rId2">
            <a:alphaModFix amt="58999"/>
          </a:blip>
          <a:srcRect/>
          <a:stretch/>
        </p:blipFill>
        <p:spPr>
          <a:xfrm>
            <a:off x="0" y="0"/>
            <a:ext cx="20320000" cy="11430000"/>
          </a:xfrm>
          <a:prstGeom prst="rect">
            <a:avLst/>
          </a:prstGeom>
          <a:noFill/>
          <a:ln>
            <a:noFill/>
          </a:ln>
        </p:spPr>
      </p:pic>
      <p:grpSp>
        <p:nvGrpSpPr>
          <p:cNvPr id="594" name="Google Shape;594;p37"/>
          <p:cNvGrpSpPr/>
          <p:nvPr/>
        </p:nvGrpSpPr>
        <p:grpSpPr>
          <a:xfrm>
            <a:off x="921445" y="681333"/>
            <a:ext cx="18477111" cy="481333"/>
            <a:chOff x="414650" y="306600"/>
            <a:chExt cx="8314700" cy="216600"/>
          </a:xfrm>
        </p:grpSpPr>
        <p:grpSp>
          <p:nvGrpSpPr>
            <p:cNvPr id="595" name="Google Shape;595;p37"/>
            <p:cNvGrpSpPr/>
            <p:nvPr/>
          </p:nvGrpSpPr>
          <p:grpSpPr>
            <a:xfrm>
              <a:off x="713281" y="389286"/>
              <a:ext cx="7717437" cy="51251"/>
              <a:chOff x="450050" y="465475"/>
              <a:chExt cx="8367600" cy="51241"/>
            </a:xfrm>
          </p:grpSpPr>
          <p:cxnSp>
            <p:nvCxnSpPr>
              <p:cNvPr id="596" name="Google Shape;596;p37"/>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597" name="Google Shape;597;p37"/>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598" name="Google Shape;598;p37"/>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599" name="Google Shape;599;p37"/>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grpSp>
        <p:nvGrpSpPr>
          <p:cNvPr id="600" name="Google Shape;600;p37"/>
          <p:cNvGrpSpPr/>
          <p:nvPr/>
        </p:nvGrpSpPr>
        <p:grpSpPr>
          <a:xfrm flipH="1">
            <a:off x="0" y="9933805"/>
            <a:ext cx="20319813" cy="1496367"/>
            <a:chOff x="0" y="4134602"/>
            <a:chExt cx="9143916" cy="937442"/>
          </a:xfrm>
        </p:grpSpPr>
        <p:sp>
          <p:nvSpPr>
            <p:cNvPr id="601" name="Google Shape;601;p37"/>
            <p:cNvSpPr/>
            <p:nvPr/>
          </p:nvSpPr>
          <p:spPr>
            <a:xfrm>
              <a:off x="0" y="4134602"/>
              <a:ext cx="9143916" cy="937442"/>
            </a:xfrm>
            <a:custGeom>
              <a:avLst/>
              <a:gdLst/>
              <a:ahLst/>
              <a:cxnLst/>
              <a:rect l="l" t="t" r="r" b="b"/>
              <a:pathLst>
                <a:path w="285057" h="22555" extrusionOk="0">
                  <a:moveTo>
                    <a:pt x="1" y="0"/>
                  </a:moveTo>
                  <a:lnTo>
                    <a:pt x="1" y="22554"/>
                  </a:lnTo>
                  <a:lnTo>
                    <a:pt x="285056" y="22554"/>
                  </a:lnTo>
                  <a:lnTo>
                    <a:pt x="285056" y="16904"/>
                  </a:lnTo>
                  <a:lnTo>
                    <a:pt x="281860" y="16673"/>
                  </a:lnTo>
                  <a:lnTo>
                    <a:pt x="273246" y="16117"/>
                  </a:lnTo>
                  <a:lnTo>
                    <a:pt x="267365" y="15654"/>
                  </a:lnTo>
                  <a:lnTo>
                    <a:pt x="260695" y="15144"/>
                  </a:lnTo>
                  <a:lnTo>
                    <a:pt x="253424" y="14496"/>
                  </a:lnTo>
                  <a:lnTo>
                    <a:pt x="245736" y="13801"/>
                  </a:lnTo>
                  <a:lnTo>
                    <a:pt x="237771" y="12968"/>
                  </a:lnTo>
                  <a:lnTo>
                    <a:pt x="229759" y="12088"/>
                  </a:lnTo>
                  <a:lnTo>
                    <a:pt x="225822" y="11625"/>
                  </a:lnTo>
                  <a:lnTo>
                    <a:pt x="221885" y="11115"/>
                  </a:lnTo>
                  <a:lnTo>
                    <a:pt x="218088" y="10606"/>
                  </a:lnTo>
                  <a:lnTo>
                    <a:pt x="214336" y="10050"/>
                  </a:lnTo>
                  <a:lnTo>
                    <a:pt x="210770" y="9494"/>
                  </a:lnTo>
                  <a:lnTo>
                    <a:pt x="207297" y="8892"/>
                  </a:lnTo>
                  <a:lnTo>
                    <a:pt x="204009" y="8290"/>
                  </a:lnTo>
                  <a:lnTo>
                    <a:pt x="200952" y="7688"/>
                  </a:lnTo>
                  <a:lnTo>
                    <a:pt x="198081" y="7040"/>
                  </a:lnTo>
                  <a:lnTo>
                    <a:pt x="195441" y="6391"/>
                  </a:lnTo>
                  <a:lnTo>
                    <a:pt x="193079" y="5697"/>
                  </a:lnTo>
                  <a:lnTo>
                    <a:pt x="192014" y="5326"/>
                  </a:lnTo>
                  <a:lnTo>
                    <a:pt x="190995" y="5002"/>
                  </a:lnTo>
                  <a:lnTo>
                    <a:pt x="190022" y="4632"/>
                  </a:lnTo>
                  <a:lnTo>
                    <a:pt x="189096" y="4354"/>
                  </a:lnTo>
                  <a:lnTo>
                    <a:pt x="188123" y="4030"/>
                  </a:lnTo>
                  <a:lnTo>
                    <a:pt x="187151" y="3798"/>
                  </a:lnTo>
                  <a:lnTo>
                    <a:pt x="186132" y="3566"/>
                  </a:lnTo>
                  <a:lnTo>
                    <a:pt x="185159" y="3381"/>
                  </a:lnTo>
                  <a:lnTo>
                    <a:pt x="183214" y="3057"/>
                  </a:lnTo>
                  <a:lnTo>
                    <a:pt x="181223" y="2872"/>
                  </a:lnTo>
                  <a:lnTo>
                    <a:pt x="179231" y="2733"/>
                  </a:lnTo>
                  <a:lnTo>
                    <a:pt x="177193" y="2733"/>
                  </a:lnTo>
                  <a:lnTo>
                    <a:pt x="175156" y="2779"/>
                  </a:lnTo>
                  <a:lnTo>
                    <a:pt x="173118" y="2918"/>
                  </a:lnTo>
                  <a:lnTo>
                    <a:pt x="171034" y="3103"/>
                  </a:lnTo>
                  <a:lnTo>
                    <a:pt x="168996" y="3381"/>
                  </a:lnTo>
                  <a:lnTo>
                    <a:pt x="166866" y="3705"/>
                  </a:lnTo>
                  <a:lnTo>
                    <a:pt x="164735" y="4076"/>
                  </a:lnTo>
                  <a:lnTo>
                    <a:pt x="162605" y="4493"/>
                  </a:lnTo>
                  <a:lnTo>
                    <a:pt x="160475" y="4956"/>
                  </a:lnTo>
                  <a:lnTo>
                    <a:pt x="158298" y="5465"/>
                  </a:lnTo>
                  <a:lnTo>
                    <a:pt x="153852" y="6484"/>
                  </a:lnTo>
                  <a:lnTo>
                    <a:pt x="149359" y="7596"/>
                  </a:lnTo>
                  <a:lnTo>
                    <a:pt x="144775" y="8707"/>
                  </a:lnTo>
                  <a:lnTo>
                    <a:pt x="140097" y="9772"/>
                  </a:lnTo>
                  <a:lnTo>
                    <a:pt x="137735" y="10282"/>
                  </a:lnTo>
                  <a:lnTo>
                    <a:pt x="135327" y="10745"/>
                  </a:lnTo>
                  <a:lnTo>
                    <a:pt x="132918" y="11162"/>
                  </a:lnTo>
                  <a:lnTo>
                    <a:pt x="130464" y="11532"/>
                  </a:lnTo>
                  <a:lnTo>
                    <a:pt x="127963" y="11903"/>
                  </a:lnTo>
                  <a:lnTo>
                    <a:pt x="125462" y="12180"/>
                  </a:lnTo>
                  <a:lnTo>
                    <a:pt x="122961" y="12366"/>
                  </a:lnTo>
                  <a:lnTo>
                    <a:pt x="120414" y="12505"/>
                  </a:lnTo>
                  <a:lnTo>
                    <a:pt x="117635" y="12597"/>
                  </a:lnTo>
                  <a:lnTo>
                    <a:pt x="114532" y="12597"/>
                  </a:lnTo>
                  <a:lnTo>
                    <a:pt x="111105" y="12505"/>
                  </a:lnTo>
                  <a:lnTo>
                    <a:pt x="107354" y="12319"/>
                  </a:lnTo>
                  <a:lnTo>
                    <a:pt x="103371" y="12088"/>
                  </a:lnTo>
                  <a:lnTo>
                    <a:pt x="99110" y="11810"/>
                  </a:lnTo>
                  <a:lnTo>
                    <a:pt x="94664" y="11486"/>
                  </a:lnTo>
                  <a:lnTo>
                    <a:pt x="90033" y="11069"/>
                  </a:lnTo>
                  <a:lnTo>
                    <a:pt x="85263" y="10606"/>
                  </a:lnTo>
                  <a:lnTo>
                    <a:pt x="80353" y="10143"/>
                  </a:lnTo>
                  <a:lnTo>
                    <a:pt x="70257" y="9078"/>
                  </a:lnTo>
                  <a:lnTo>
                    <a:pt x="60068" y="7920"/>
                  </a:lnTo>
                  <a:lnTo>
                    <a:pt x="49926" y="6716"/>
                  </a:lnTo>
                  <a:lnTo>
                    <a:pt x="40108" y="5465"/>
                  </a:lnTo>
                  <a:lnTo>
                    <a:pt x="30891" y="4261"/>
                  </a:lnTo>
                  <a:lnTo>
                    <a:pt x="22416" y="3150"/>
                  </a:lnTo>
                  <a:lnTo>
                    <a:pt x="14960" y="2131"/>
                  </a:lnTo>
                  <a:lnTo>
                    <a:pt x="4076" y="602"/>
                  </a:lnTo>
                  <a:lnTo>
                    <a:pt x="1" y="0"/>
                  </a:lnTo>
                  <a:close/>
                </a:path>
              </a:pathLst>
            </a:custGeom>
            <a:solidFill>
              <a:schemeClr val="l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602" name="Google Shape;602;p37"/>
            <p:cNvSpPr/>
            <p:nvPr/>
          </p:nvSpPr>
          <p:spPr>
            <a:xfrm>
              <a:off x="0" y="4569614"/>
              <a:ext cx="9143916" cy="502399"/>
            </a:xfrm>
            <a:custGeom>
              <a:avLst/>
              <a:gdLst/>
              <a:ahLst/>
              <a:cxnLst/>
              <a:rect l="l" t="t" r="r" b="b"/>
              <a:pathLst>
                <a:path w="285057" h="13941" extrusionOk="0">
                  <a:moveTo>
                    <a:pt x="238141" y="0"/>
                  </a:moveTo>
                  <a:lnTo>
                    <a:pt x="234529" y="47"/>
                  </a:lnTo>
                  <a:lnTo>
                    <a:pt x="230777" y="186"/>
                  </a:lnTo>
                  <a:lnTo>
                    <a:pt x="226933" y="325"/>
                  </a:lnTo>
                  <a:lnTo>
                    <a:pt x="222997" y="602"/>
                  </a:lnTo>
                  <a:lnTo>
                    <a:pt x="218921" y="927"/>
                  </a:lnTo>
                  <a:lnTo>
                    <a:pt x="214799" y="1343"/>
                  </a:lnTo>
                  <a:lnTo>
                    <a:pt x="210585" y="1853"/>
                  </a:lnTo>
                  <a:lnTo>
                    <a:pt x="206278" y="2455"/>
                  </a:lnTo>
                  <a:lnTo>
                    <a:pt x="204009" y="2733"/>
                  </a:lnTo>
                  <a:lnTo>
                    <a:pt x="201647" y="3057"/>
                  </a:lnTo>
                  <a:lnTo>
                    <a:pt x="199053" y="3289"/>
                  </a:lnTo>
                  <a:lnTo>
                    <a:pt x="196367" y="3566"/>
                  </a:lnTo>
                  <a:lnTo>
                    <a:pt x="193542" y="3798"/>
                  </a:lnTo>
                  <a:lnTo>
                    <a:pt x="190578" y="4030"/>
                  </a:lnTo>
                  <a:lnTo>
                    <a:pt x="184279" y="4400"/>
                  </a:lnTo>
                  <a:lnTo>
                    <a:pt x="177518" y="4724"/>
                  </a:lnTo>
                  <a:lnTo>
                    <a:pt x="170386" y="5002"/>
                  </a:lnTo>
                  <a:lnTo>
                    <a:pt x="162883" y="5187"/>
                  </a:lnTo>
                  <a:lnTo>
                    <a:pt x="155056" y="5326"/>
                  </a:lnTo>
                  <a:lnTo>
                    <a:pt x="146998" y="5465"/>
                  </a:lnTo>
                  <a:lnTo>
                    <a:pt x="138708" y="5512"/>
                  </a:lnTo>
                  <a:lnTo>
                    <a:pt x="130232" y="5512"/>
                  </a:lnTo>
                  <a:lnTo>
                    <a:pt x="121711" y="5465"/>
                  </a:lnTo>
                  <a:lnTo>
                    <a:pt x="113050" y="5419"/>
                  </a:lnTo>
                  <a:lnTo>
                    <a:pt x="104436" y="5280"/>
                  </a:lnTo>
                  <a:lnTo>
                    <a:pt x="95776" y="5187"/>
                  </a:lnTo>
                  <a:lnTo>
                    <a:pt x="87254" y="5002"/>
                  </a:lnTo>
                  <a:lnTo>
                    <a:pt x="70581" y="4632"/>
                  </a:lnTo>
                  <a:lnTo>
                    <a:pt x="54789" y="4215"/>
                  </a:lnTo>
                  <a:lnTo>
                    <a:pt x="40293" y="3752"/>
                  </a:lnTo>
                  <a:lnTo>
                    <a:pt x="27418" y="3242"/>
                  </a:lnTo>
                  <a:lnTo>
                    <a:pt x="16534" y="2825"/>
                  </a:lnTo>
                  <a:lnTo>
                    <a:pt x="8105" y="2409"/>
                  </a:lnTo>
                  <a:lnTo>
                    <a:pt x="2455" y="2131"/>
                  </a:lnTo>
                  <a:lnTo>
                    <a:pt x="834" y="1992"/>
                  </a:lnTo>
                  <a:lnTo>
                    <a:pt x="1" y="1946"/>
                  </a:lnTo>
                  <a:lnTo>
                    <a:pt x="1" y="13940"/>
                  </a:lnTo>
                  <a:lnTo>
                    <a:pt x="285056" y="13940"/>
                  </a:lnTo>
                  <a:lnTo>
                    <a:pt x="285056" y="5512"/>
                  </a:lnTo>
                  <a:lnTo>
                    <a:pt x="283574" y="5095"/>
                  </a:lnTo>
                  <a:lnTo>
                    <a:pt x="281768" y="4632"/>
                  </a:lnTo>
                  <a:lnTo>
                    <a:pt x="279267" y="4076"/>
                  </a:lnTo>
                  <a:lnTo>
                    <a:pt x="276118" y="3428"/>
                  </a:lnTo>
                  <a:lnTo>
                    <a:pt x="272366" y="2733"/>
                  </a:lnTo>
                  <a:lnTo>
                    <a:pt x="270236" y="2362"/>
                  </a:lnTo>
                  <a:lnTo>
                    <a:pt x="268013" y="2038"/>
                  </a:lnTo>
                  <a:lnTo>
                    <a:pt x="265605" y="1714"/>
                  </a:lnTo>
                  <a:lnTo>
                    <a:pt x="263057" y="1390"/>
                  </a:lnTo>
                  <a:lnTo>
                    <a:pt x="260371" y="1112"/>
                  </a:lnTo>
                  <a:lnTo>
                    <a:pt x="257593" y="834"/>
                  </a:lnTo>
                  <a:lnTo>
                    <a:pt x="254629" y="602"/>
                  </a:lnTo>
                  <a:lnTo>
                    <a:pt x="251572" y="371"/>
                  </a:lnTo>
                  <a:lnTo>
                    <a:pt x="248423" y="232"/>
                  </a:lnTo>
                  <a:lnTo>
                    <a:pt x="245088" y="93"/>
                  </a:lnTo>
                  <a:lnTo>
                    <a:pt x="241661" y="47"/>
                  </a:lnTo>
                  <a:lnTo>
                    <a:pt x="238141" y="0"/>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grpSp>
        <p:nvGrpSpPr>
          <p:cNvPr id="603" name="Google Shape;603;p37"/>
          <p:cNvGrpSpPr/>
          <p:nvPr/>
        </p:nvGrpSpPr>
        <p:grpSpPr>
          <a:xfrm>
            <a:off x="-279726" y="5736168"/>
            <a:ext cx="20879478" cy="5404024"/>
            <a:chOff x="-125877" y="2581275"/>
            <a:chExt cx="9395765" cy="2431811"/>
          </a:xfrm>
        </p:grpSpPr>
        <p:sp>
          <p:nvSpPr>
            <p:cNvPr id="604" name="Google Shape;604;p37"/>
            <p:cNvSpPr/>
            <p:nvPr/>
          </p:nvSpPr>
          <p:spPr>
            <a:xfrm>
              <a:off x="418773" y="4215388"/>
              <a:ext cx="230989" cy="777232"/>
            </a:xfrm>
            <a:custGeom>
              <a:avLst/>
              <a:gdLst/>
              <a:ahLst/>
              <a:cxnLst/>
              <a:rect l="l" t="t" r="r" b="b"/>
              <a:pathLst>
                <a:path w="11672" h="39274" extrusionOk="0">
                  <a:moveTo>
                    <a:pt x="6253" y="1"/>
                  </a:moveTo>
                  <a:lnTo>
                    <a:pt x="6068" y="47"/>
                  </a:lnTo>
                  <a:lnTo>
                    <a:pt x="5929" y="140"/>
                  </a:lnTo>
                  <a:lnTo>
                    <a:pt x="5558" y="603"/>
                  </a:lnTo>
                  <a:lnTo>
                    <a:pt x="5327" y="1112"/>
                  </a:lnTo>
                  <a:lnTo>
                    <a:pt x="5141" y="1622"/>
                  </a:lnTo>
                  <a:lnTo>
                    <a:pt x="5002" y="2177"/>
                  </a:lnTo>
                  <a:lnTo>
                    <a:pt x="4910" y="2733"/>
                  </a:lnTo>
                  <a:lnTo>
                    <a:pt x="4863" y="3289"/>
                  </a:lnTo>
                  <a:lnTo>
                    <a:pt x="4817" y="4447"/>
                  </a:lnTo>
                  <a:lnTo>
                    <a:pt x="4771" y="6855"/>
                  </a:lnTo>
                  <a:lnTo>
                    <a:pt x="4725" y="9263"/>
                  </a:lnTo>
                  <a:lnTo>
                    <a:pt x="4771" y="11903"/>
                  </a:lnTo>
                  <a:lnTo>
                    <a:pt x="4817" y="14543"/>
                  </a:lnTo>
                  <a:lnTo>
                    <a:pt x="4586" y="14172"/>
                  </a:lnTo>
                  <a:lnTo>
                    <a:pt x="4447" y="13755"/>
                  </a:lnTo>
                  <a:lnTo>
                    <a:pt x="4308" y="13339"/>
                  </a:lnTo>
                  <a:lnTo>
                    <a:pt x="4215" y="12922"/>
                  </a:lnTo>
                  <a:lnTo>
                    <a:pt x="4169" y="12459"/>
                  </a:lnTo>
                  <a:lnTo>
                    <a:pt x="4076" y="11533"/>
                  </a:lnTo>
                  <a:lnTo>
                    <a:pt x="4030" y="10699"/>
                  </a:lnTo>
                  <a:lnTo>
                    <a:pt x="4076" y="10189"/>
                  </a:lnTo>
                  <a:lnTo>
                    <a:pt x="4076" y="9680"/>
                  </a:lnTo>
                  <a:lnTo>
                    <a:pt x="4030" y="8661"/>
                  </a:lnTo>
                  <a:lnTo>
                    <a:pt x="3798" y="6670"/>
                  </a:lnTo>
                  <a:lnTo>
                    <a:pt x="3752" y="5605"/>
                  </a:lnTo>
                  <a:lnTo>
                    <a:pt x="3659" y="4586"/>
                  </a:lnTo>
                  <a:lnTo>
                    <a:pt x="3613" y="4076"/>
                  </a:lnTo>
                  <a:lnTo>
                    <a:pt x="3520" y="3567"/>
                  </a:lnTo>
                  <a:lnTo>
                    <a:pt x="3381" y="3057"/>
                  </a:lnTo>
                  <a:lnTo>
                    <a:pt x="3150" y="2594"/>
                  </a:lnTo>
                  <a:lnTo>
                    <a:pt x="3104" y="2502"/>
                  </a:lnTo>
                  <a:lnTo>
                    <a:pt x="3011" y="2409"/>
                  </a:lnTo>
                  <a:lnTo>
                    <a:pt x="2826" y="2363"/>
                  </a:lnTo>
                  <a:lnTo>
                    <a:pt x="2594" y="2455"/>
                  </a:lnTo>
                  <a:lnTo>
                    <a:pt x="2548" y="2502"/>
                  </a:lnTo>
                  <a:lnTo>
                    <a:pt x="2455" y="2594"/>
                  </a:lnTo>
                  <a:lnTo>
                    <a:pt x="2224" y="3104"/>
                  </a:lnTo>
                  <a:lnTo>
                    <a:pt x="2038" y="3613"/>
                  </a:lnTo>
                  <a:lnTo>
                    <a:pt x="1946" y="4169"/>
                  </a:lnTo>
                  <a:lnTo>
                    <a:pt x="1853" y="4725"/>
                  </a:lnTo>
                  <a:lnTo>
                    <a:pt x="1853" y="5280"/>
                  </a:lnTo>
                  <a:lnTo>
                    <a:pt x="1853" y="5836"/>
                  </a:lnTo>
                  <a:lnTo>
                    <a:pt x="1899" y="6994"/>
                  </a:lnTo>
                  <a:lnTo>
                    <a:pt x="1992" y="8105"/>
                  </a:lnTo>
                  <a:lnTo>
                    <a:pt x="2131" y="9171"/>
                  </a:lnTo>
                  <a:lnTo>
                    <a:pt x="2177" y="10421"/>
                  </a:lnTo>
                  <a:lnTo>
                    <a:pt x="2270" y="11625"/>
                  </a:lnTo>
                  <a:lnTo>
                    <a:pt x="2455" y="12737"/>
                  </a:lnTo>
                  <a:lnTo>
                    <a:pt x="2548" y="13292"/>
                  </a:lnTo>
                  <a:lnTo>
                    <a:pt x="2687" y="13802"/>
                  </a:lnTo>
                  <a:lnTo>
                    <a:pt x="2872" y="14265"/>
                  </a:lnTo>
                  <a:lnTo>
                    <a:pt x="3057" y="14682"/>
                  </a:lnTo>
                  <a:lnTo>
                    <a:pt x="3289" y="15052"/>
                  </a:lnTo>
                  <a:lnTo>
                    <a:pt x="3567" y="15376"/>
                  </a:lnTo>
                  <a:lnTo>
                    <a:pt x="3845" y="15654"/>
                  </a:lnTo>
                  <a:lnTo>
                    <a:pt x="4169" y="15886"/>
                  </a:lnTo>
                  <a:lnTo>
                    <a:pt x="4493" y="16025"/>
                  </a:lnTo>
                  <a:lnTo>
                    <a:pt x="4863" y="16071"/>
                  </a:lnTo>
                  <a:lnTo>
                    <a:pt x="5002" y="18850"/>
                  </a:lnTo>
                  <a:lnTo>
                    <a:pt x="5049" y="19545"/>
                  </a:lnTo>
                  <a:lnTo>
                    <a:pt x="4910" y="19591"/>
                  </a:lnTo>
                  <a:lnTo>
                    <a:pt x="4586" y="19730"/>
                  </a:lnTo>
                  <a:lnTo>
                    <a:pt x="4261" y="19730"/>
                  </a:lnTo>
                  <a:lnTo>
                    <a:pt x="3984" y="19683"/>
                  </a:lnTo>
                  <a:lnTo>
                    <a:pt x="3752" y="19545"/>
                  </a:lnTo>
                  <a:lnTo>
                    <a:pt x="3520" y="19359"/>
                  </a:lnTo>
                  <a:lnTo>
                    <a:pt x="3289" y="19128"/>
                  </a:lnTo>
                  <a:lnTo>
                    <a:pt x="3104" y="18804"/>
                  </a:lnTo>
                  <a:lnTo>
                    <a:pt x="2965" y="18479"/>
                  </a:lnTo>
                  <a:lnTo>
                    <a:pt x="2687" y="17692"/>
                  </a:lnTo>
                  <a:lnTo>
                    <a:pt x="2455" y="16812"/>
                  </a:lnTo>
                  <a:lnTo>
                    <a:pt x="2316" y="15886"/>
                  </a:lnTo>
                  <a:lnTo>
                    <a:pt x="2224" y="15052"/>
                  </a:lnTo>
                  <a:lnTo>
                    <a:pt x="2224" y="14033"/>
                  </a:lnTo>
                  <a:lnTo>
                    <a:pt x="2177" y="13061"/>
                  </a:lnTo>
                  <a:lnTo>
                    <a:pt x="1992" y="11069"/>
                  </a:lnTo>
                  <a:lnTo>
                    <a:pt x="1899" y="9958"/>
                  </a:lnTo>
                  <a:lnTo>
                    <a:pt x="1807" y="9402"/>
                  </a:lnTo>
                  <a:lnTo>
                    <a:pt x="1714" y="8893"/>
                  </a:lnTo>
                  <a:lnTo>
                    <a:pt x="1529" y="8383"/>
                  </a:lnTo>
                  <a:lnTo>
                    <a:pt x="1344" y="7874"/>
                  </a:lnTo>
                  <a:lnTo>
                    <a:pt x="1066" y="7364"/>
                  </a:lnTo>
                  <a:lnTo>
                    <a:pt x="742" y="6901"/>
                  </a:lnTo>
                  <a:lnTo>
                    <a:pt x="649" y="6809"/>
                  </a:lnTo>
                  <a:lnTo>
                    <a:pt x="556" y="6762"/>
                  </a:lnTo>
                  <a:lnTo>
                    <a:pt x="417" y="6762"/>
                  </a:lnTo>
                  <a:lnTo>
                    <a:pt x="279" y="6809"/>
                  </a:lnTo>
                  <a:lnTo>
                    <a:pt x="186" y="6855"/>
                  </a:lnTo>
                  <a:lnTo>
                    <a:pt x="93" y="6948"/>
                  </a:lnTo>
                  <a:lnTo>
                    <a:pt x="47" y="7087"/>
                  </a:lnTo>
                  <a:lnTo>
                    <a:pt x="1" y="7179"/>
                  </a:lnTo>
                  <a:lnTo>
                    <a:pt x="47" y="8430"/>
                  </a:lnTo>
                  <a:lnTo>
                    <a:pt x="140" y="9634"/>
                  </a:lnTo>
                  <a:lnTo>
                    <a:pt x="232" y="10838"/>
                  </a:lnTo>
                  <a:lnTo>
                    <a:pt x="325" y="12088"/>
                  </a:lnTo>
                  <a:lnTo>
                    <a:pt x="371" y="13153"/>
                  </a:lnTo>
                  <a:lnTo>
                    <a:pt x="464" y="14265"/>
                  </a:lnTo>
                  <a:lnTo>
                    <a:pt x="510" y="15284"/>
                  </a:lnTo>
                  <a:lnTo>
                    <a:pt x="603" y="16256"/>
                  </a:lnTo>
                  <a:lnTo>
                    <a:pt x="742" y="17275"/>
                  </a:lnTo>
                  <a:lnTo>
                    <a:pt x="834" y="17738"/>
                  </a:lnTo>
                  <a:lnTo>
                    <a:pt x="973" y="18201"/>
                  </a:lnTo>
                  <a:lnTo>
                    <a:pt x="1066" y="18572"/>
                  </a:lnTo>
                  <a:lnTo>
                    <a:pt x="1205" y="18896"/>
                  </a:lnTo>
                  <a:lnTo>
                    <a:pt x="1575" y="19498"/>
                  </a:lnTo>
                  <a:lnTo>
                    <a:pt x="2038" y="20054"/>
                  </a:lnTo>
                  <a:lnTo>
                    <a:pt x="2270" y="20332"/>
                  </a:lnTo>
                  <a:lnTo>
                    <a:pt x="2548" y="20563"/>
                  </a:lnTo>
                  <a:lnTo>
                    <a:pt x="2826" y="20749"/>
                  </a:lnTo>
                  <a:lnTo>
                    <a:pt x="3104" y="20934"/>
                  </a:lnTo>
                  <a:lnTo>
                    <a:pt x="3428" y="21073"/>
                  </a:lnTo>
                  <a:lnTo>
                    <a:pt x="3752" y="21165"/>
                  </a:lnTo>
                  <a:lnTo>
                    <a:pt x="4076" y="21258"/>
                  </a:lnTo>
                  <a:lnTo>
                    <a:pt x="4771" y="21258"/>
                  </a:lnTo>
                  <a:lnTo>
                    <a:pt x="5095" y="21212"/>
                  </a:lnTo>
                  <a:lnTo>
                    <a:pt x="5141" y="23388"/>
                  </a:lnTo>
                  <a:lnTo>
                    <a:pt x="5141" y="25519"/>
                  </a:lnTo>
                  <a:lnTo>
                    <a:pt x="5188" y="29872"/>
                  </a:lnTo>
                  <a:lnTo>
                    <a:pt x="5188" y="32049"/>
                  </a:lnTo>
                  <a:lnTo>
                    <a:pt x="5234" y="34179"/>
                  </a:lnTo>
                  <a:lnTo>
                    <a:pt x="5327" y="36356"/>
                  </a:lnTo>
                  <a:lnTo>
                    <a:pt x="5466" y="38533"/>
                  </a:lnTo>
                  <a:lnTo>
                    <a:pt x="5512" y="38672"/>
                  </a:lnTo>
                  <a:lnTo>
                    <a:pt x="5558" y="38857"/>
                  </a:lnTo>
                  <a:lnTo>
                    <a:pt x="5697" y="38949"/>
                  </a:lnTo>
                  <a:lnTo>
                    <a:pt x="5836" y="39088"/>
                  </a:lnTo>
                  <a:lnTo>
                    <a:pt x="6021" y="39135"/>
                  </a:lnTo>
                  <a:lnTo>
                    <a:pt x="6207" y="39227"/>
                  </a:lnTo>
                  <a:lnTo>
                    <a:pt x="6577" y="39274"/>
                  </a:lnTo>
                  <a:lnTo>
                    <a:pt x="6994" y="39227"/>
                  </a:lnTo>
                  <a:lnTo>
                    <a:pt x="7179" y="39135"/>
                  </a:lnTo>
                  <a:lnTo>
                    <a:pt x="7318" y="39088"/>
                  </a:lnTo>
                  <a:lnTo>
                    <a:pt x="7457" y="38949"/>
                  </a:lnTo>
                  <a:lnTo>
                    <a:pt x="7596" y="38857"/>
                  </a:lnTo>
                  <a:lnTo>
                    <a:pt x="7642" y="38718"/>
                  </a:lnTo>
                  <a:lnTo>
                    <a:pt x="7689" y="38533"/>
                  </a:lnTo>
                  <a:lnTo>
                    <a:pt x="7689" y="36587"/>
                  </a:lnTo>
                  <a:lnTo>
                    <a:pt x="7596" y="34642"/>
                  </a:lnTo>
                  <a:lnTo>
                    <a:pt x="7411" y="30798"/>
                  </a:lnTo>
                  <a:lnTo>
                    <a:pt x="7179" y="26955"/>
                  </a:lnTo>
                  <a:lnTo>
                    <a:pt x="6948" y="23111"/>
                  </a:lnTo>
                  <a:lnTo>
                    <a:pt x="6948" y="23111"/>
                  </a:lnTo>
                  <a:lnTo>
                    <a:pt x="7225" y="23157"/>
                  </a:lnTo>
                  <a:lnTo>
                    <a:pt x="7828" y="23157"/>
                  </a:lnTo>
                  <a:lnTo>
                    <a:pt x="8152" y="23111"/>
                  </a:lnTo>
                  <a:lnTo>
                    <a:pt x="8430" y="23018"/>
                  </a:lnTo>
                  <a:lnTo>
                    <a:pt x="8707" y="22879"/>
                  </a:lnTo>
                  <a:lnTo>
                    <a:pt x="9217" y="22555"/>
                  </a:lnTo>
                  <a:lnTo>
                    <a:pt x="9726" y="22184"/>
                  </a:lnTo>
                  <a:lnTo>
                    <a:pt x="10143" y="21721"/>
                  </a:lnTo>
                  <a:lnTo>
                    <a:pt x="10514" y="21165"/>
                  </a:lnTo>
                  <a:lnTo>
                    <a:pt x="10792" y="20656"/>
                  </a:lnTo>
                  <a:lnTo>
                    <a:pt x="11116" y="19730"/>
                  </a:lnTo>
                  <a:lnTo>
                    <a:pt x="11394" y="18757"/>
                  </a:lnTo>
                  <a:lnTo>
                    <a:pt x="11579" y="17785"/>
                  </a:lnTo>
                  <a:lnTo>
                    <a:pt x="11671" y="16766"/>
                  </a:lnTo>
                  <a:lnTo>
                    <a:pt x="11671" y="15747"/>
                  </a:lnTo>
                  <a:lnTo>
                    <a:pt x="11625" y="15237"/>
                  </a:lnTo>
                  <a:lnTo>
                    <a:pt x="11533" y="14728"/>
                  </a:lnTo>
                  <a:lnTo>
                    <a:pt x="11440" y="14265"/>
                  </a:lnTo>
                  <a:lnTo>
                    <a:pt x="11301" y="13755"/>
                  </a:lnTo>
                  <a:lnTo>
                    <a:pt x="11162" y="13339"/>
                  </a:lnTo>
                  <a:lnTo>
                    <a:pt x="10977" y="12876"/>
                  </a:lnTo>
                  <a:lnTo>
                    <a:pt x="10884" y="12783"/>
                  </a:lnTo>
                  <a:lnTo>
                    <a:pt x="10792" y="12690"/>
                  </a:lnTo>
                  <a:lnTo>
                    <a:pt x="10653" y="12644"/>
                  </a:lnTo>
                  <a:lnTo>
                    <a:pt x="10560" y="12690"/>
                  </a:lnTo>
                  <a:lnTo>
                    <a:pt x="10421" y="12690"/>
                  </a:lnTo>
                  <a:lnTo>
                    <a:pt x="10328" y="12783"/>
                  </a:lnTo>
                  <a:lnTo>
                    <a:pt x="10236" y="12876"/>
                  </a:lnTo>
                  <a:lnTo>
                    <a:pt x="10189" y="12968"/>
                  </a:lnTo>
                  <a:lnTo>
                    <a:pt x="10004" y="13524"/>
                  </a:lnTo>
                  <a:lnTo>
                    <a:pt x="9912" y="14033"/>
                  </a:lnTo>
                  <a:lnTo>
                    <a:pt x="9726" y="15099"/>
                  </a:lnTo>
                  <a:lnTo>
                    <a:pt x="9448" y="17229"/>
                  </a:lnTo>
                  <a:lnTo>
                    <a:pt x="9263" y="18433"/>
                  </a:lnTo>
                  <a:lnTo>
                    <a:pt x="9078" y="19128"/>
                  </a:lnTo>
                  <a:lnTo>
                    <a:pt x="8846" y="19822"/>
                  </a:lnTo>
                  <a:lnTo>
                    <a:pt x="8707" y="20054"/>
                  </a:lnTo>
                  <a:lnTo>
                    <a:pt x="8569" y="20286"/>
                  </a:lnTo>
                  <a:lnTo>
                    <a:pt x="8383" y="20471"/>
                  </a:lnTo>
                  <a:lnTo>
                    <a:pt x="8198" y="20610"/>
                  </a:lnTo>
                  <a:lnTo>
                    <a:pt x="7920" y="20702"/>
                  </a:lnTo>
                  <a:lnTo>
                    <a:pt x="7689" y="20749"/>
                  </a:lnTo>
                  <a:lnTo>
                    <a:pt x="7364" y="20749"/>
                  </a:lnTo>
                  <a:lnTo>
                    <a:pt x="6994" y="20702"/>
                  </a:lnTo>
                  <a:lnTo>
                    <a:pt x="6855" y="20656"/>
                  </a:lnTo>
                  <a:lnTo>
                    <a:pt x="6809" y="18850"/>
                  </a:lnTo>
                  <a:lnTo>
                    <a:pt x="6809" y="17877"/>
                  </a:lnTo>
                  <a:lnTo>
                    <a:pt x="7225" y="17831"/>
                  </a:lnTo>
                  <a:lnTo>
                    <a:pt x="7550" y="17738"/>
                  </a:lnTo>
                  <a:lnTo>
                    <a:pt x="7874" y="17599"/>
                  </a:lnTo>
                  <a:lnTo>
                    <a:pt x="8105" y="17414"/>
                  </a:lnTo>
                  <a:lnTo>
                    <a:pt x="8337" y="17229"/>
                  </a:lnTo>
                  <a:lnTo>
                    <a:pt x="8476" y="17044"/>
                  </a:lnTo>
                  <a:lnTo>
                    <a:pt x="8615" y="16812"/>
                  </a:lnTo>
                  <a:lnTo>
                    <a:pt x="8754" y="16534"/>
                  </a:lnTo>
                  <a:lnTo>
                    <a:pt x="8893" y="16349"/>
                  </a:lnTo>
                  <a:lnTo>
                    <a:pt x="9032" y="16117"/>
                  </a:lnTo>
                  <a:lnTo>
                    <a:pt x="9217" y="15562"/>
                  </a:lnTo>
                  <a:lnTo>
                    <a:pt x="9356" y="15006"/>
                  </a:lnTo>
                  <a:lnTo>
                    <a:pt x="9402" y="14404"/>
                  </a:lnTo>
                  <a:lnTo>
                    <a:pt x="9448" y="13061"/>
                  </a:lnTo>
                  <a:lnTo>
                    <a:pt x="9819" y="11394"/>
                  </a:lnTo>
                  <a:lnTo>
                    <a:pt x="9912" y="10560"/>
                  </a:lnTo>
                  <a:lnTo>
                    <a:pt x="10004" y="9726"/>
                  </a:lnTo>
                  <a:lnTo>
                    <a:pt x="10004" y="8893"/>
                  </a:lnTo>
                  <a:lnTo>
                    <a:pt x="9912" y="8059"/>
                  </a:lnTo>
                  <a:lnTo>
                    <a:pt x="9819" y="7642"/>
                  </a:lnTo>
                  <a:lnTo>
                    <a:pt x="9726" y="7225"/>
                  </a:lnTo>
                  <a:lnTo>
                    <a:pt x="9541" y="6809"/>
                  </a:lnTo>
                  <a:lnTo>
                    <a:pt x="9356" y="6392"/>
                  </a:lnTo>
                  <a:lnTo>
                    <a:pt x="9263" y="6299"/>
                  </a:lnTo>
                  <a:lnTo>
                    <a:pt x="9171" y="6207"/>
                  </a:lnTo>
                  <a:lnTo>
                    <a:pt x="8939" y="6207"/>
                  </a:lnTo>
                  <a:lnTo>
                    <a:pt x="8846" y="6253"/>
                  </a:lnTo>
                  <a:lnTo>
                    <a:pt x="8707" y="6299"/>
                  </a:lnTo>
                  <a:lnTo>
                    <a:pt x="8661" y="6392"/>
                  </a:lnTo>
                  <a:lnTo>
                    <a:pt x="8569" y="6531"/>
                  </a:lnTo>
                  <a:lnTo>
                    <a:pt x="8383" y="7179"/>
                  </a:lnTo>
                  <a:lnTo>
                    <a:pt x="8198" y="7920"/>
                  </a:lnTo>
                  <a:lnTo>
                    <a:pt x="8059" y="8661"/>
                  </a:lnTo>
                  <a:lnTo>
                    <a:pt x="7966" y="9448"/>
                  </a:lnTo>
                  <a:lnTo>
                    <a:pt x="7828" y="10977"/>
                  </a:lnTo>
                  <a:lnTo>
                    <a:pt x="7735" y="12459"/>
                  </a:lnTo>
                  <a:lnTo>
                    <a:pt x="7689" y="13014"/>
                  </a:lnTo>
                  <a:lnTo>
                    <a:pt x="7735" y="13570"/>
                  </a:lnTo>
                  <a:lnTo>
                    <a:pt x="7735" y="14126"/>
                  </a:lnTo>
                  <a:lnTo>
                    <a:pt x="7735" y="14404"/>
                  </a:lnTo>
                  <a:lnTo>
                    <a:pt x="7689" y="14682"/>
                  </a:lnTo>
                  <a:lnTo>
                    <a:pt x="7550" y="15099"/>
                  </a:lnTo>
                  <a:lnTo>
                    <a:pt x="7318" y="15423"/>
                  </a:lnTo>
                  <a:lnTo>
                    <a:pt x="7087" y="15654"/>
                  </a:lnTo>
                  <a:lnTo>
                    <a:pt x="6809" y="15886"/>
                  </a:lnTo>
                  <a:lnTo>
                    <a:pt x="6809" y="12551"/>
                  </a:lnTo>
                  <a:lnTo>
                    <a:pt x="6855" y="9263"/>
                  </a:lnTo>
                  <a:lnTo>
                    <a:pt x="6948" y="6670"/>
                  </a:lnTo>
                  <a:lnTo>
                    <a:pt x="7087" y="4076"/>
                  </a:lnTo>
                  <a:lnTo>
                    <a:pt x="7133" y="3057"/>
                  </a:lnTo>
                  <a:lnTo>
                    <a:pt x="7179" y="2548"/>
                  </a:lnTo>
                  <a:lnTo>
                    <a:pt x="7133" y="2038"/>
                  </a:lnTo>
                  <a:lnTo>
                    <a:pt x="7087" y="1529"/>
                  </a:lnTo>
                  <a:lnTo>
                    <a:pt x="6994" y="1066"/>
                  </a:lnTo>
                  <a:lnTo>
                    <a:pt x="6809" y="603"/>
                  </a:lnTo>
                  <a:lnTo>
                    <a:pt x="6531" y="140"/>
                  </a:lnTo>
                  <a:lnTo>
                    <a:pt x="6438" y="47"/>
                  </a:lnTo>
                  <a:lnTo>
                    <a:pt x="6253" y="1"/>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605" name="Google Shape;605;p37"/>
            <p:cNvSpPr/>
            <p:nvPr/>
          </p:nvSpPr>
          <p:spPr>
            <a:xfrm flipH="1">
              <a:off x="-125877" y="2657475"/>
              <a:ext cx="612253" cy="2355611"/>
            </a:xfrm>
            <a:custGeom>
              <a:avLst/>
              <a:gdLst/>
              <a:ahLst/>
              <a:cxnLst/>
              <a:rect l="l" t="t" r="r" b="b"/>
              <a:pathLst>
                <a:path w="24361" h="93737" extrusionOk="0">
                  <a:moveTo>
                    <a:pt x="11069" y="0"/>
                  </a:moveTo>
                  <a:lnTo>
                    <a:pt x="10606" y="47"/>
                  </a:lnTo>
                  <a:lnTo>
                    <a:pt x="10189" y="139"/>
                  </a:lnTo>
                  <a:lnTo>
                    <a:pt x="9957" y="232"/>
                  </a:lnTo>
                  <a:lnTo>
                    <a:pt x="9818" y="371"/>
                  </a:lnTo>
                  <a:lnTo>
                    <a:pt x="9679" y="510"/>
                  </a:lnTo>
                  <a:lnTo>
                    <a:pt x="9541" y="649"/>
                  </a:lnTo>
                  <a:lnTo>
                    <a:pt x="9263" y="1297"/>
                  </a:lnTo>
                  <a:lnTo>
                    <a:pt x="9031" y="1899"/>
                  </a:lnTo>
                  <a:lnTo>
                    <a:pt x="8800" y="2548"/>
                  </a:lnTo>
                  <a:lnTo>
                    <a:pt x="8661" y="3196"/>
                  </a:lnTo>
                  <a:lnTo>
                    <a:pt x="8522" y="3844"/>
                  </a:lnTo>
                  <a:lnTo>
                    <a:pt x="8429" y="4539"/>
                  </a:lnTo>
                  <a:lnTo>
                    <a:pt x="8383" y="5187"/>
                  </a:lnTo>
                  <a:lnTo>
                    <a:pt x="8336" y="5836"/>
                  </a:lnTo>
                  <a:lnTo>
                    <a:pt x="8336" y="7179"/>
                  </a:lnTo>
                  <a:lnTo>
                    <a:pt x="8429" y="8522"/>
                  </a:lnTo>
                  <a:lnTo>
                    <a:pt x="8661" y="11208"/>
                  </a:lnTo>
                  <a:lnTo>
                    <a:pt x="8938" y="14172"/>
                  </a:lnTo>
                  <a:lnTo>
                    <a:pt x="9124" y="17090"/>
                  </a:lnTo>
                  <a:lnTo>
                    <a:pt x="9216" y="20054"/>
                  </a:lnTo>
                  <a:lnTo>
                    <a:pt x="9216" y="21489"/>
                  </a:lnTo>
                  <a:lnTo>
                    <a:pt x="9216" y="22971"/>
                  </a:lnTo>
                  <a:lnTo>
                    <a:pt x="9124" y="25194"/>
                  </a:lnTo>
                  <a:lnTo>
                    <a:pt x="8985" y="27417"/>
                  </a:lnTo>
                  <a:lnTo>
                    <a:pt x="8707" y="31863"/>
                  </a:lnTo>
                  <a:lnTo>
                    <a:pt x="8383" y="36263"/>
                  </a:lnTo>
                  <a:lnTo>
                    <a:pt x="8058" y="40709"/>
                  </a:lnTo>
                  <a:lnTo>
                    <a:pt x="7873" y="40061"/>
                  </a:lnTo>
                  <a:lnTo>
                    <a:pt x="7595" y="39412"/>
                  </a:lnTo>
                  <a:lnTo>
                    <a:pt x="7225" y="38857"/>
                  </a:lnTo>
                  <a:lnTo>
                    <a:pt x="6808" y="38347"/>
                  </a:lnTo>
                  <a:lnTo>
                    <a:pt x="6669" y="38254"/>
                  </a:lnTo>
                  <a:lnTo>
                    <a:pt x="6438" y="38208"/>
                  </a:lnTo>
                  <a:lnTo>
                    <a:pt x="6252" y="38208"/>
                  </a:lnTo>
                  <a:lnTo>
                    <a:pt x="6160" y="38254"/>
                  </a:lnTo>
                  <a:lnTo>
                    <a:pt x="6067" y="38347"/>
                  </a:lnTo>
                  <a:lnTo>
                    <a:pt x="5835" y="38671"/>
                  </a:lnTo>
                  <a:lnTo>
                    <a:pt x="5650" y="39042"/>
                  </a:lnTo>
                  <a:lnTo>
                    <a:pt x="5465" y="39412"/>
                  </a:lnTo>
                  <a:lnTo>
                    <a:pt x="5326" y="39783"/>
                  </a:lnTo>
                  <a:lnTo>
                    <a:pt x="5233" y="40153"/>
                  </a:lnTo>
                  <a:lnTo>
                    <a:pt x="5141" y="40570"/>
                  </a:lnTo>
                  <a:lnTo>
                    <a:pt x="5048" y="41357"/>
                  </a:lnTo>
                  <a:lnTo>
                    <a:pt x="5048" y="42191"/>
                  </a:lnTo>
                  <a:lnTo>
                    <a:pt x="5048" y="43025"/>
                  </a:lnTo>
                  <a:lnTo>
                    <a:pt x="5094" y="44646"/>
                  </a:lnTo>
                  <a:lnTo>
                    <a:pt x="5141" y="46730"/>
                  </a:lnTo>
                  <a:lnTo>
                    <a:pt x="5187" y="48814"/>
                  </a:lnTo>
                  <a:lnTo>
                    <a:pt x="5419" y="52935"/>
                  </a:lnTo>
                  <a:lnTo>
                    <a:pt x="5511" y="54927"/>
                  </a:lnTo>
                  <a:lnTo>
                    <a:pt x="5558" y="56965"/>
                  </a:lnTo>
                  <a:lnTo>
                    <a:pt x="5558" y="56965"/>
                  </a:lnTo>
                  <a:lnTo>
                    <a:pt x="5326" y="56177"/>
                  </a:lnTo>
                  <a:lnTo>
                    <a:pt x="5141" y="55436"/>
                  </a:lnTo>
                  <a:lnTo>
                    <a:pt x="4956" y="54649"/>
                  </a:lnTo>
                  <a:lnTo>
                    <a:pt x="4817" y="53862"/>
                  </a:lnTo>
                  <a:lnTo>
                    <a:pt x="4770" y="53074"/>
                  </a:lnTo>
                  <a:lnTo>
                    <a:pt x="4724" y="52287"/>
                  </a:lnTo>
                  <a:lnTo>
                    <a:pt x="4678" y="50759"/>
                  </a:lnTo>
                  <a:lnTo>
                    <a:pt x="4817" y="47656"/>
                  </a:lnTo>
                  <a:lnTo>
                    <a:pt x="4817" y="45896"/>
                  </a:lnTo>
                  <a:lnTo>
                    <a:pt x="4770" y="44090"/>
                  </a:lnTo>
                  <a:lnTo>
                    <a:pt x="4678" y="42330"/>
                  </a:lnTo>
                  <a:lnTo>
                    <a:pt x="4585" y="40524"/>
                  </a:lnTo>
                  <a:lnTo>
                    <a:pt x="4261" y="36958"/>
                  </a:lnTo>
                  <a:lnTo>
                    <a:pt x="4029" y="33392"/>
                  </a:lnTo>
                  <a:lnTo>
                    <a:pt x="3937" y="31400"/>
                  </a:lnTo>
                  <a:lnTo>
                    <a:pt x="3844" y="30428"/>
                  </a:lnTo>
                  <a:lnTo>
                    <a:pt x="3751" y="29918"/>
                  </a:lnTo>
                  <a:lnTo>
                    <a:pt x="3659" y="29455"/>
                  </a:lnTo>
                  <a:lnTo>
                    <a:pt x="3520" y="29038"/>
                  </a:lnTo>
                  <a:lnTo>
                    <a:pt x="3335" y="28621"/>
                  </a:lnTo>
                  <a:lnTo>
                    <a:pt x="3103" y="28251"/>
                  </a:lnTo>
                  <a:lnTo>
                    <a:pt x="2779" y="27927"/>
                  </a:lnTo>
                  <a:lnTo>
                    <a:pt x="2455" y="27649"/>
                  </a:lnTo>
                  <a:lnTo>
                    <a:pt x="2038" y="27464"/>
                  </a:lnTo>
                  <a:lnTo>
                    <a:pt x="1528" y="27278"/>
                  </a:lnTo>
                  <a:lnTo>
                    <a:pt x="973" y="27232"/>
                  </a:lnTo>
                  <a:lnTo>
                    <a:pt x="648" y="27232"/>
                  </a:lnTo>
                  <a:lnTo>
                    <a:pt x="463" y="27325"/>
                  </a:lnTo>
                  <a:lnTo>
                    <a:pt x="278" y="27417"/>
                  </a:lnTo>
                  <a:lnTo>
                    <a:pt x="139" y="27510"/>
                  </a:lnTo>
                  <a:lnTo>
                    <a:pt x="46" y="27695"/>
                  </a:lnTo>
                  <a:lnTo>
                    <a:pt x="0" y="27834"/>
                  </a:lnTo>
                  <a:lnTo>
                    <a:pt x="0" y="28019"/>
                  </a:lnTo>
                  <a:lnTo>
                    <a:pt x="232" y="28668"/>
                  </a:lnTo>
                  <a:lnTo>
                    <a:pt x="324" y="29316"/>
                  </a:lnTo>
                  <a:lnTo>
                    <a:pt x="417" y="30011"/>
                  </a:lnTo>
                  <a:lnTo>
                    <a:pt x="463" y="30706"/>
                  </a:lnTo>
                  <a:lnTo>
                    <a:pt x="463" y="32049"/>
                  </a:lnTo>
                  <a:lnTo>
                    <a:pt x="463" y="33392"/>
                  </a:lnTo>
                  <a:lnTo>
                    <a:pt x="556" y="35244"/>
                  </a:lnTo>
                  <a:lnTo>
                    <a:pt x="648" y="37097"/>
                  </a:lnTo>
                  <a:lnTo>
                    <a:pt x="648" y="38023"/>
                  </a:lnTo>
                  <a:lnTo>
                    <a:pt x="648" y="38949"/>
                  </a:lnTo>
                  <a:lnTo>
                    <a:pt x="648" y="39875"/>
                  </a:lnTo>
                  <a:lnTo>
                    <a:pt x="556" y="40802"/>
                  </a:lnTo>
                  <a:lnTo>
                    <a:pt x="371" y="42469"/>
                  </a:lnTo>
                  <a:lnTo>
                    <a:pt x="232" y="44229"/>
                  </a:lnTo>
                  <a:lnTo>
                    <a:pt x="139" y="45989"/>
                  </a:lnTo>
                  <a:lnTo>
                    <a:pt x="93" y="47795"/>
                  </a:lnTo>
                  <a:lnTo>
                    <a:pt x="93" y="49555"/>
                  </a:lnTo>
                  <a:lnTo>
                    <a:pt x="185" y="51315"/>
                  </a:lnTo>
                  <a:lnTo>
                    <a:pt x="324" y="53074"/>
                  </a:lnTo>
                  <a:lnTo>
                    <a:pt x="556" y="54742"/>
                  </a:lnTo>
                  <a:lnTo>
                    <a:pt x="695" y="55575"/>
                  </a:lnTo>
                  <a:lnTo>
                    <a:pt x="880" y="56409"/>
                  </a:lnTo>
                  <a:lnTo>
                    <a:pt x="1297" y="57984"/>
                  </a:lnTo>
                  <a:lnTo>
                    <a:pt x="1714" y="59604"/>
                  </a:lnTo>
                  <a:lnTo>
                    <a:pt x="1899" y="60438"/>
                  </a:lnTo>
                  <a:lnTo>
                    <a:pt x="2038" y="61272"/>
                  </a:lnTo>
                  <a:lnTo>
                    <a:pt x="2223" y="62661"/>
                  </a:lnTo>
                  <a:lnTo>
                    <a:pt x="2408" y="64097"/>
                  </a:lnTo>
                  <a:lnTo>
                    <a:pt x="2547" y="64791"/>
                  </a:lnTo>
                  <a:lnTo>
                    <a:pt x="2686" y="65486"/>
                  </a:lnTo>
                  <a:lnTo>
                    <a:pt x="2918" y="66181"/>
                  </a:lnTo>
                  <a:lnTo>
                    <a:pt x="3196" y="66829"/>
                  </a:lnTo>
                  <a:lnTo>
                    <a:pt x="3566" y="67478"/>
                  </a:lnTo>
                  <a:lnTo>
                    <a:pt x="3983" y="68126"/>
                  </a:lnTo>
                  <a:lnTo>
                    <a:pt x="4446" y="68682"/>
                  </a:lnTo>
                  <a:lnTo>
                    <a:pt x="4956" y="69237"/>
                  </a:lnTo>
                  <a:lnTo>
                    <a:pt x="5511" y="69701"/>
                  </a:lnTo>
                  <a:lnTo>
                    <a:pt x="6113" y="70164"/>
                  </a:lnTo>
                  <a:lnTo>
                    <a:pt x="6715" y="70534"/>
                  </a:lnTo>
                  <a:lnTo>
                    <a:pt x="7364" y="70812"/>
                  </a:lnTo>
                  <a:lnTo>
                    <a:pt x="7179" y="72572"/>
                  </a:lnTo>
                  <a:lnTo>
                    <a:pt x="7086" y="73452"/>
                  </a:lnTo>
                  <a:lnTo>
                    <a:pt x="7040" y="74332"/>
                  </a:lnTo>
                  <a:lnTo>
                    <a:pt x="7086" y="75767"/>
                  </a:lnTo>
                  <a:lnTo>
                    <a:pt x="7179" y="77203"/>
                  </a:lnTo>
                  <a:lnTo>
                    <a:pt x="7317" y="78639"/>
                  </a:lnTo>
                  <a:lnTo>
                    <a:pt x="7410" y="80075"/>
                  </a:lnTo>
                  <a:lnTo>
                    <a:pt x="7456" y="81603"/>
                  </a:lnTo>
                  <a:lnTo>
                    <a:pt x="7456" y="83131"/>
                  </a:lnTo>
                  <a:lnTo>
                    <a:pt x="7503" y="86188"/>
                  </a:lnTo>
                  <a:lnTo>
                    <a:pt x="7549" y="87716"/>
                  </a:lnTo>
                  <a:lnTo>
                    <a:pt x="7642" y="89244"/>
                  </a:lnTo>
                  <a:lnTo>
                    <a:pt x="7827" y="90773"/>
                  </a:lnTo>
                  <a:lnTo>
                    <a:pt x="7966" y="91514"/>
                  </a:lnTo>
                  <a:lnTo>
                    <a:pt x="8151" y="92208"/>
                  </a:lnTo>
                  <a:lnTo>
                    <a:pt x="8197" y="92440"/>
                  </a:lnTo>
                  <a:lnTo>
                    <a:pt x="8290" y="92625"/>
                  </a:lnTo>
                  <a:lnTo>
                    <a:pt x="8522" y="92996"/>
                  </a:lnTo>
                  <a:lnTo>
                    <a:pt x="8846" y="93274"/>
                  </a:lnTo>
                  <a:lnTo>
                    <a:pt x="9263" y="93505"/>
                  </a:lnTo>
                  <a:lnTo>
                    <a:pt x="9679" y="93644"/>
                  </a:lnTo>
                  <a:lnTo>
                    <a:pt x="10143" y="93737"/>
                  </a:lnTo>
                  <a:lnTo>
                    <a:pt x="10652" y="93737"/>
                  </a:lnTo>
                  <a:lnTo>
                    <a:pt x="11161" y="93690"/>
                  </a:lnTo>
                  <a:lnTo>
                    <a:pt x="11671" y="93598"/>
                  </a:lnTo>
                  <a:lnTo>
                    <a:pt x="12180" y="93459"/>
                  </a:lnTo>
                  <a:lnTo>
                    <a:pt x="12643" y="93274"/>
                  </a:lnTo>
                  <a:lnTo>
                    <a:pt x="13060" y="93042"/>
                  </a:lnTo>
                  <a:lnTo>
                    <a:pt x="13431" y="92764"/>
                  </a:lnTo>
                  <a:lnTo>
                    <a:pt x="13709" y="92440"/>
                  </a:lnTo>
                  <a:lnTo>
                    <a:pt x="13940" y="92116"/>
                  </a:lnTo>
                  <a:lnTo>
                    <a:pt x="14079" y="91699"/>
                  </a:lnTo>
                  <a:lnTo>
                    <a:pt x="14218" y="91004"/>
                  </a:lnTo>
                  <a:lnTo>
                    <a:pt x="14311" y="90310"/>
                  </a:lnTo>
                  <a:lnTo>
                    <a:pt x="14403" y="88874"/>
                  </a:lnTo>
                  <a:lnTo>
                    <a:pt x="14450" y="87392"/>
                  </a:lnTo>
                  <a:lnTo>
                    <a:pt x="14403" y="85910"/>
                  </a:lnTo>
                  <a:lnTo>
                    <a:pt x="14264" y="82992"/>
                  </a:lnTo>
                  <a:lnTo>
                    <a:pt x="14218" y="81510"/>
                  </a:lnTo>
                  <a:lnTo>
                    <a:pt x="14218" y="80075"/>
                  </a:lnTo>
                  <a:lnTo>
                    <a:pt x="14218" y="78546"/>
                  </a:lnTo>
                  <a:lnTo>
                    <a:pt x="14311" y="76972"/>
                  </a:lnTo>
                  <a:lnTo>
                    <a:pt x="14311" y="75443"/>
                  </a:lnTo>
                  <a:lnTo>
                    <a:pt x="14311" y="74656"/>
                  </a:lnTo>
                  <a:lnTo>
                    <a:pt x="14264" y="73915"/>
                  </a:lnTo>
                  <a:lnTo>
                    <a:pt x="14125" y="72711"/>
                  </a:lnTo>
                  <a:lnTo>
                    <a:pt x="13940" y="71507"/>
                  </a:lnTo>
                  <a:lnTo>
                    <a:pt x="14403" y="71321"/>
                  </a:lnTo>
                  <a:lnTo>
                    <a:pt x="14820" y="71136"/>
                  </a:lnTo>
                  <a:lnTo>
                    <a:pt x="15237" y="70905"/>
                  </a:lnTo>
                  <a:lnTo>
                    <a:pt x="15654" y="70627"/>
                  </a:lnTo>
                  <a:lnTo>
                    <a:pt x="16395" y="70025"/>
                  </a:lnTo>
                  <a:lnTo>
                    <a:pt x="17089" y="69376"/>
                  </a:lnTo>
                  <a:lnTo>
                    <a:pt x="17738" y="68635"/>
                  </a:lnTo>
                  <a:lnTo>
                    <a:pt x="18294" y="67848"/>
                  </a:lnTo>
                  <a:lnTo>
                    <a:pt x="18849" y="66968"/>
                  </a:lnTo>
                  <a:lnTo>
                    <a:pt x="19313" y="66088"/>
                  </a:lnTo>
                  <a:lnTo>
                    <a:pt x="19729" y="65162"/>
                  </a:lnTo>
                  <a:lnTo>
                    <a:pt x="20100" y="64189"/>
                  </a:lnTo>
                  <a:lnTo>
                    <a:pt x="20424" y="63263"/>
                  </a:lnTo>
                  <a:lnTo>
                    <a:pt x="20702" y="62291"/>
                  </a:lnTo>
                  <a:lnTo>
                    <a:pt x="20933" y="61318"/>
                  </a:lnTo>
                  <a:lnTo>
                    <a:pt x="21119" y="60345"/>
                  </a:lnTo>
                  <a:lnTo>
                    <a:pt x="21258" y="59419"/>
                  </a:lnTo>
                  <a:lnTo>
                    <a:pt x="21350" y="58493"/>
                  </a:lnTo>
                  <a:lnTo>
                    <a:pt x="21628" y="55622"/>
                  </a:lnTo>
                  <a:lnTo>
                    <a:pt x="21906" y="52797"/>
                  </a:lnTo>
                  <a:lnTo>
                    <a:pt x="22091" y="51407"/>
                  </a:lnTo>
                  <a:lnTo>
                    <a:pt x="22277" y="49971"/>
                  </a:lnTo>
                  <a:lnTo>
                    <a:pt x="22508" y="48582"/>
                  </a:lnTo>
                  <a:lnTo>
                    <a:pt x="22786" y="47146"/>
                  </a:lnTo>
                  <a:lnTo>
                    <a:pt x="23064" y="45942"/>
                  </a:lnTo>
                  <a:lnTo>
                    <a:pt x="23434" y="44738"/>
                  </a:lnTo>
                  <a:lnTo>
                    <a:pt x="23759" y="43488"/>
                  </a:lnTo>
                  <a:lnTo>
                    <a:pt x="24083" y="42237"/>
                  </a:lnTo>
                  <a:lnTo>
                    <a:pt x="24175" y="41635"/>
                  </a:lnTo>
                  <a:lnTo>
                    <a:pt x="24268" y="41033"/>
                  </a:lnTo>
                  <a:lnTo>
                    <a:pt x="24361" y="40385"/>
                  </a:lnTo>
                  <a:lnTo>
                    <a:pt x="24361" y="39783"/>
                  </a:lnTo>
                  <a:lnTo>
                    <a:pt x="24361" y="39181"/>
                  </a:lnTo>
                  <a:lnTo>
                    <a:pt x="24268" y="38532"/>
                  </a:lnTo>
                  <a:lnTo>
                    <a:pt x="24129" y="37930"/>
                  </a:lnTo>
                  <a:lnTo>
                    <a:pt x="23944" y="37375"/>
                  </a:lnTo>
                  <a:lnTo>
                    <a:pt x="23897" y="37236"/>
                  </a:lnTo>
                  <a:lnTo>
                    <a:pt x="23805" y="37189"/>
                  </a:lnTo>
                  <a:lnTo>
                    <a:pt x="23666" y="37143"/>
                  </a:lnTo>
                  <a:lnTo>
                    <a:pt x="23573" y="37097"/>
                  </a:lnTo>
                  <a:lnTo>
                    <a:pt x="23295" y="37097"/>
                  </a:lnTo>
                  <a:lnTo>
                    <a:pt x="23064" y="37189"/>
                  </a:lnTo>
                  <a:lnTo>
                    <a:pt x="22647" y="37513"/>
                  </a:lnTo>
                  <a:lnTo>
                    <a:pt x="22277" y="37838"/>
                  </a:lnTo>
                  <a:lnTo>
                    <a:pt x="21906" y="38162"/>
                  </a:lnTo>
                  <a:lnTo>
                    <a:pt x="21582" y="38532"/>
                  </a:lnTo>
                  <a:lnTo>
                    <a:pt x="20933" y="39273"/>
                  </a:lnTo>
                  <a:lnTo>
                    <a:pt x="20378" y="40107"/>
                  </a:lnTo>
                  <a:lnTo>
                    <a:pt x="20378" y="39459"/>
                  </a:lnTo>
                  <a:lnTo>
                    <a:pt x="20331" y="38764"/>
                  </a:lnTo>
                  <a:lnTo>
                    <a:pt x="20239" y="38162"/>
                  </a:lnTo>
                  <a:lnTo>
                    <a:pt x="20100" y="37560"/>
                  </a:lnTo>
                  <a:lnTo>
                    <a:pt x="19915" y="36958"/>
                  </a:lnTo>
                  <a:lnTo>
                    <a:pt x="19637" y="36402"/>
                  </a:lnTo>
                  <a:lnTo>
                    <a:pt x="19266" y="35893"/>
                  </a:lnTo>
                  <a:lnTo>
                    <a:pt x="18849" y="35383"/>
                  </a:lnTo>
                  <a:lnTo>
                    <a:pt x="18757" y="35290"/>
                  </a:lnTo>
                  <a:lnTo>
                    <a:pt x="18618" y="35244"/>
                  </a:lnTo>
                  <a:lnTo>
                    <a:pt x="18340" y="35152"/>
                  </a:lnTo>
                  <a:lnTo>
                    <a:pt x="18016" y="35198"/>
                  </a:lnTo>
                  <a:lnTo>
                    <a:pt x="17877" y="35244"/>
                  </a:lnTo>
                  <a:lnTo>
                    <a:pt x="17738" y="35290"/>
                  </a:lnTo>
                  <a:lnTo>
                    <a:pt x="17414" y="35568"/>
                  </a:lnTo>
                  <a:lnTo>
                    <a:pt x="17136" y="35893"/>
                  </a:lnTo>
                  <a:lnTo>
                    <a:pt x="16904" y="36170"/>
                  </a:lnTo>
                  <a:lnTo>
                    <a:pt x="16673" y="36495"/>
                  </a:lnTo>
                  <a:lnTo>
                    <a:pt x="16256" y="37097"/>
                  </a:lnTo>
                  <a:lnTo>
                    <a:pt x="15978" y="37791"/>
                  </a:lnTo>
                  <a:lnTo>
                    <a:pt x="15746" y="38532"/>
                  </a:lnTo>
                  <a:lnTo>
                    <a:pt x="15607" y="39273"/>
                  </a:lnTo>
                  <a:lnTo>
                    <a:pt x="15469" y="40061"/>
                  </a:lnTo>
                  <a:lnTo>
                    <a:pt x="15376" y="40894"/>
                  </a:lnTo>
                  <a:lnTo>
                    <a:pt x="15144" y="42978"/>
                  </a:lnTo>
                  <a:lnTo>
                    <a:pt x="15005" y="45062"/>
                  </a:lnTo>
                  <a:lnTo>
                    <a:pt x="14774" y="49277"/>
                  </a:lnTo>
                  <a:lnTo>
                    <a:pt x="14728" y="51268"/>
                  </a:lnTo>
                  <a:lnTo>
                    <a:pt x="14589" y="53260"/>
                  </a:lnTo>
                  <a:lnTo>
                    <a:pt x="14542" y="54279"/>
                  </a:lnTo>
                  <a:lnTo>
                    <a:pt x="14403" y="55251"/>
                  </a:lnTo>
                  <a:lnTo>
                    <a:pt x="14218" y="56224"/>
                  </a:lnTo>
                  <a:lnTo>
                    <a:pt x="13987" y="57196"/>
                  </a:lnTo>
                  <a:lnTo>
                    <a:pt x="13801" y="57752"/>
                  </a:lnTo>
                  <a:lnTo>
                    <a:pt x="13570" y="58261"/>
                  </a:lnTo>
                  <a:lnTo>
                    <a:pt x="13338" y="58678"/>
                  </a:lnTo>
                  <a:lnTo>
                    <a:pt x="13060" y="59095"/>
                  </a:lnTo>
                  <a:lnTo>
                    <a:pt x="12968" y="55853"/>
                  </a:lnTo>
                  <a:lnTo>
                    <a:pt x="12921" y="52611"/>
                  </a:lnTo>
                  <a:lnTo>
                    <a:pt x="12875" y="46128"/>
                  </a:lnTo>
                  <a:lnTo>
                    <a:pt x="12829" y="40477"/>
                  </a:lnTo>
                  <a:lnTo>
                    <a:pt x="12782" y="34827"/>
                  </a:lnTo>
                  <a:lnTo>
                    <a:pt x="12551" y="23527"/>
                  </a:lnTo>
                  <a:lnTo>
                    <a:pt x="12458" y="17877"/>
                  </a:lnTo>
                  <a:lnTo>
                    <a:pt x="12412" y="12227"/>
                  </a:lnTo>
                  <a:lnTo>
                    <a:pt x="12412" y="9402"/>
                  </a:lnTo>
                  <a:lnTo>
                    <a:pt x="12458" y="6530"/>
                  </a:lnTo>
                  <a:lnTo>
                    <a:pt x="12458" y="5141"/>
                  </a:lnTo>
                  <a:lnTo>
                    <a:pt x="12458" y="3705"/>
                  </a:lnTo>
                  <a:lnTo>
                    <a:pt x="12412" y="2316"/>
                  </a:lnTo>
                  <a:lnTo>
                    <a:pt x="12319" y="927"/>
                  </a:lnTo>
                  <a:lnTo>
                    <a:pt x="12273" y="695"/>
                  </a:lnTo>
                  <a:lnTo>
                    <a:pt x="12180" y="510"/>
                  </a:lnTo>
                  <a:lnTo>
                    <a:pt x="12041" y="371"/>
                  </a:lnTo>
                  <a:lnTo>
                    <a:pt x="11902" y="232"/>
                  </a:lnTo>
                  <a:lnTo>
                    <a:pt x="11717" y="139"/>
                  </a:lnTo>
                  <a:lnTo>
                    <a:pt x="11486" y="47"/>
                  </a:lnTo>
                  <a:lnTo>
                    <a:pt x="11069" y="0"/>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606" name="Google Shape;606;p37"/>
            <p:cNvSpPr/>
            <p:nvPr/>
          </p:nvSpPr>
          <p:spPr>
            <a:xfrm flipH="1">
              <a:off x="8494248" y="4215388"/>
              <a:ext cx="230989" cy="777232"/>
            </a:xfrm>
            <a:custGeom>
              <a:avLst/>
              <a:gdLst/>
              <a:ahLst/>
              <a:cxnLst/>
              <a:rect l="l" t="t" r="r" b="b"/>
              <a:pathLst>
                <a:path w="11672" h="39274" extrusionOk="0">
                  <a:moveTo>
                    <a:pt x="6253" y="1"/>
                  </a:moveTo>
                  <a:lnTo>
                    <a:pt x="6068" y="47"/>
                  </a:lnTo>
                  <a:lnTo>
                    <a:pt x="5929" y="140"/>
                  </a:lnTo>
                  <a:lnTo>
                    <a:pt x="5558" y="603"/>
                  </a:lnTo>
                  <a:lnTo>
                    <a:pt x="5327" y="1112"/>
                  </a:lnTo>
                  <a:lnTo>
                    <a:pt x="5141" y="1622"/>
                  </a:lnTo>
                  <a:lnTo>
                    <a:pt x="5002" y="2177"/>
                  </a:lnTo>
                  <a:lnTo>
                    <a:pt x="4910" y="2733"/>
                  </a:lnTo>
                  <a:lnTo>
                    <a:pt x="4863" y="3289"/>
                  </a:lnTo>
                  <a:lnTo>
                    <a:pt x="4817" y="4447"/>
                  </a:lnTo>
                  <a:lnTo>
                    <a:pt x="4771" y="6855"/>
                  </a:lnTo>
                  <a:lnTo>
                    <a:pt x="4725" y="9263"/>
                  </a:lnTo>
                  <a:lnTo>
                    <a:pt x="4771" y="11903"/>
                  </a:lnTo>
                  <a:lnTo>
                    <a:pt x="4817" y="14543"/>
                  </a:lnTo>
                  <a:lnTo>
                    <a:pt x="4586" y="14172"/>
                  </a:lnTo>
                  <a:lnTo>
                    <a:pt x="4447" y="13755"/>
                  </a:lnTo>
                  <a:lnTo>
                    <a:pt x="4308" y="13339"/>
                  </a:lnTo>
                  <a:lnTo>
                    <a:pt x="4215" y="12922"/>
                  </a:lnTo>
                  <a:lnTo>
                    <a:pt x="4169" y="12459"/>
                  </a:lnTo>
                  <a:lnTo>
                    <a:pt x="4076" y="11533"/>
                  </a:lnTo>
                  <a:lnTo>
                    <a:pt x="4030" y="10699"/>
                  </a:lnTo>
                  <a:lnTo>
                    <a:pt x="4076" y="10189"/>
                  </a:lnTo>
                  <a:lnTo>
                    <a:pt x="4076" y="9680"/>
                  </a:lnTo>
                  <a:lnTo>
                    <a:pt x="4030" y="8661"/>
                  </a:lnTo>
                  <a:lnTo>
                    <a:pt x="3798" y="6670"/>
                  </a:lnTo>
                  <a:lnTo>
                    <a:pt x="3752" y="5605"/>
                  </a:lnTo>
                  <a:lnTo>
                    <a:pt x="3659" y="4586"/>
                  </a:lnTo>
                  <a:lnTo>
                    <a:pt x="3613" y="4076"/>
                  </a:lnTo>
                  <a:lnTo>
                    <a:pt x="3520" y="3567"/>
                  </a:lnTo>
                  <a:lnTo>
                    <a:pt x="3381" y="3057"/>
                  </a:lnTo>
                  <a:lnTo>
                    <a:pt x="3150" y="2594"/>
                  </a:lnTo>
                  <a:lnTo>
                    <a:pt x="3104" y="2502"/>
                  </a:lnTo>
                  <a:lnTo>
                    <a:pt x="3011" y="2409"/>
                  </a:lnTo>
                  <a:lnTo>
                    <a:pt x="2826" y="2363"/>
                  </a:lnTo>
                  <a:lnTo>
                    <a:pt x="2594" y="2455"/>
                  </a:lnTo>
                  <a:lnTo>
                    <a:pt x="2548" y="2502"/>
                  </a:lnTo>
                  <a:lnTo>
                    <a:pt x="2455" y="2594"/>
                  </a:lnTo>
                  <a:lnTo>
                    <a:pt x="2224" y="3104"/>
                  </a:lnTo>
                  <a:lnTo>
                    <a:pt x="2038" y="3613"/>
                  </a:lnTo>
                  <a:lnTo>
                    <a:pt x="1946" y="4169"/>
                  </a:lnTo>
                  <a:lnTo>
                    <a:pt x="1853" y="4725"/>
                  </a:lnTo>
                  <a:lnTo>
                    <a:pt x="1853" y="5280"/>
                  </a:lnTo>
                  <a:lnTo>
                    <a:pt x="1853" y="5836"/>
                  </a:lnTo>
                  <a:lnTo>
                    <a:pt x="1899" y="6994"/>
                  </a:lnTo>
                  <a:lnTo>
                    <a:pt x="1992" y="8105"/>
                  </a:lnTo>
                  <a:lnTo>
                    <a:pt x="2131" y="9171"/>
                  </a:lnTo>
                  <a:lnTo>
                    <a:pt x="2177" y="10421"/>
                  </a:lnTo>
                  <a:lnTo>
                    <a:pt x="2270" y="11625"/>
                  </a:lnTo>
                  <a:lnTo>
                    <a:pt x="2455" y="12737"/>
                  </a:lnTo>
                  <a:lnTo>
                    <a:pt x="2548" y="13292"/>
                  </a:lnTo>
                  <a:lnTo>
                    <a:pt x="2687" y="13802"/>
                  </a:lnTo>
                  <a:lnTo>
                    <a:pt x="2872" y="14265"/>
                  </a:lnTo>
                  <a:lnTo>
                    <a:pt x="3057" y="14682"/>
                  </a:lnTo>
                  <a:lnTo>
                    <a:pt x="3289" y="15052"/>
                  </a:lnTo>
                  <a:lnTo>
                    <a:pt x="3567" y="15376"/>
                  </a:lnTo>
                  <a:lnTo>
                    <a:pt x="3845" y="15654"/>
                  </a:lnTo>
                  <a:lnTo>
                    <a:pt x="4169" y="15886"/>
                  </a:lnTo>
                  <a:lnTo>
                    <a:pt x="4493" y="16025"/>
                  </a:lnTo>
                  <a:lnTo>
                    <a:pt x="4863" y="16071"/>
                  </a:lnTo>
                  <a:lnTo>
                    <a:pt x="5002" y="18850"/>
                  </a:lnTo>
                  <a:lnTo>
                    <a:pt x="5049" y="19545"/>
                  </a:lnTo>
                  <a:lnTo>
                    <a:pt x="4910" y="19591"/>
                  </a:lnTo>
                  <a:lnTo>
                    <a:pt x="4586" y="19730"/>
                  </a:lnTo>
                  <a:lnTo>
                    <a:pt x="4261" y="19730"/>
                  </a:lnTo>
                  <a:lnTo>
                    <a:pt x="3984" y="19683"/>
                  </a:lnTo>
                  <a:lnTo>
                    <a:pt x="3752" y="19545"/>
                  </a:lnTo>
                  <a:lnTo>
                    <a:pt x="3520" y="19359"/>
                  </a:lnTo>
                  <a:lnTo>
                    <a:pt x="3289" y="19128"/>
                  </a:lnTo>
                  <a:lnTo>
                    <a:pt x="3104" y="18804"/>
                  </a:lnTo>
                  <a:lnTo>
                    <a:pt x="2965" y="18479"/>
                  </a:lnTo>
                  <a:lnTo>
                    <a:pt x="2687" y="17692"/>
                  </a:lnTo>
                  <a:lnTo>
                    <a:pt x="2455" y="16812"/>
                  </a:lnTo>
                  <a:lnTo>
                    <a:pt x="2316" y="15886"/>
                  </a:lnTo>
                  <a:lnTo>
                    <a:pt x="2224" y="15052"/>
                  </a:lnTo>
                  <a:lnTo>
                    <a:pt x="2224" y="14033"/>
                  </a:lnTo>
                  <a:lnTo>
                    <a:pt x="2177" y="13061"/>
                  </a:lnTo>
                  <a:lnTo>
                    <a:pt x="1992" y="11069"/>
                  </a:lnTo>
                  <a:lnTo>
                    <a:pt x="1899" y="9958"/>
                  </a:lnTo>
                  <a:lnTo>
                    <a:pt x="1807" y="9402"/>
                  </a:lnTo>
                  <a:lnTo>
                    <a:pt x="1714" y="8893"/>
                  </a:lnTo>
                  <a:lnTo>
                    <a:pt x="1529" y="8383"/>
                  </a:lnTo>
                  <a:lnTo>
                    <a:pt x="1344" y="7874"/>
                  </a:lnTo>
                  <a:lnTo>
                    <a:pt x="1066" y="7364"/>
                  </a:lnTo>
                  <a:lnTo>
                    <a:pt x="742" y="6901"/>
                  </a:lnTo>
                  <a:lnTo>
                    <a:pt x="649" y="6809"/>
                  </a:lnTo>
                  <a:lnTo>
                    <a:pt x="556" y="6762"/>
                  </a:lnTo>
                  <a:lnTo>
                    <a:pt x="417" y="6762"/>
                  </a:lnTo>
                  <a:lnTo>
                    <a:pt x="279" y="6809"/>
                  </a:lnTo>
                  <a:lnTo>
                    <a:pt x="186" y="6855"/>
                  </a:lnTo>
                  <a:lnTo>
                    <a:pt x="93" y="6948"/>
                  </a:lnTo>
                  <a:lnTo>
                    <a:pt x="47" y="7087"/>
                  </a:lnTo>
                  <a:lnTo>
                    <a:pt x="1" y="7179"/>
                  </a:lnTo>
                  <a:lnTo>
                    <a:pt x="47" y="8430"/>
                  </a:lnTo>
                  <a:lnTo>
                    <a:pt x="140" y="9634"/>
                  </a:lnTo>
                  <a:lnTo>
                    <a:pt x="232" y="10838"/>
                  </a:lnTo>
                  <a:lnTo>
                    <a:pt x="325" y="12088"/>
                  </a:lnTo>
                  <a:lnTo>
                    <a:pt x="371" y="13153"/>
                  </a:lnTo>
                  <a:lnTo>
                    <a:pt x="464" y="14265"/>
                  </a:lnTo>
                  <a:lnTo>
                    <a:pt x="510" y="15284"/>
                  </a:lnTo>
                  <a:lnTo>
                    <a:pt x="603" y="16256"/>
                  </a:lnTo>
                  <a:lnTo>
                    <a:pt x="742" y="17275"/>
                  </a:lnTo>
                  <a:lnTo>
                    <a:pt x="834" y="17738"/>
                  </a:lnTo>
                  <a:lnTo>
                    <a:pt x="973" y="18201"/>
                  </a:lnTo>
                  <a:lnTo>
                    <a:pt x="1066" y="18572"/>
                  </a:lnTo>
                  <a:lnTo>
                    <a:pt x="1205" y="18896"/>
                  </a:lnTo>
                  <a:lnTo>
                    <a:pt x="1575" y="19498"/>
                  </a:lnTo>
                  <a:lnTo>
                    <a:pt x="2038" y="20054"/>
                  </a:lnTo>
                  <a:lnTo>
                    <a:pt x="2270" y="20332"/>
                  </a:lnTo>
                  <a:lnTo>
                    <a:pt x="2548" y="20563"/>
                  </a:lnTo>
                  <a:lnTo>
                    <a:pt x="2826" y="20749"/>
                  </a:lnTo>
                  <a:lnTo>
                    <a:pt x="3104" y="20934"/>
                  </a:lnTo>
                  <a:lnTo>
                    <a:pt x="3428" y="21073"/>
                  </a:lnTo>
                  <a:lnTo>
                    <a:pt x="3752" y="21165"/>
                  </a:lnTo>
                  <a:lnTo>
                    <a:pt x="4076" y="21258"/>
                  </a:lnTo>
                  <a:lnTo>
                    <a:pt x="4771" y="21258"/>
                  </a:lnTo>
                  <a:lnTo>
                    <a:pt x="5095" y="21212"/>
                  </a:lnTo>
                  <a:lnTo>
                    <a:pt x="5141" y="23388"/>
                  </a:lnTo>
                  <a:lnTo>
                    <a:pt x="5141" y="25519"/>
                  </a:lnTo>
                  <a:lnTo>
                    <a:pt x="5188" y="29872"/>
                  </a:lnTo>
                  <a:lnTo>
                    <a:pt x="5188" y="32049"/>
                  </a:lnTo>
                  <a:lnTo>
                    <a:pt x="5234" y="34179"/>
                  </a:lnTo>
                  <a:lnTo>
                    <a:pt x="5327" y="36356"/>
                  </a:lnTo>
                  <a:lnTo>
                    <a:pt x="5466" y="38533"/>
                  </a:lnTo>
                  <a:lnTo>
                    <a:pt x="5512" y="38672"/>
                  </a:lnTo>
                  <a:lnTo>
                    <a:pt x="5558" y="38857"/>
                  </a:lnTo>
                  <a:lnTo>
                    <a:pt x="5697" y="38949"/>
                  </a:lnTo>
                  <a:lnTo>
                    <a:pt x="5836" y="39088"/>
                  </a:lnTo>
                  <a:lnTo>
                    <a:pt x="6021" y="39135"/>
                  </a:lnTo>
                  <a:lnTo>
                    <a:pt x="6207" y="39227"/>
                  </a:lnTo>
                  <a:lnTo>
                    <a:pt x="6577" y="39274"/>
                  </a:lnTo>
                  <a:lnTo>
                    <a:pt x="6994" y="39227"/>
                  </a:lnTo>
                  <a:lnTo>
                    <a:pt x="7179" y="39135"/>
                  </a:lnTo>
                  <a:lnTo>
                    <a:pt x="7318" y="39088"/>
                  </a:lnTo>
                  <a:lnTo>
                    <a:pt x="7457" y="38949"/>
                  </a:lnTo>
                  <a:lnTo>
                    <a:pt x="7596" y="38857"/>
                  </a:lnTo>
                  <a:lnTo>
                    <a:pt x="7642" y="38718"/>
                  </a:lnTo>
                  <a:lnTo>
                    <a:pt x="7689" y="38533"/>
                  </a:lnTo>
                  <a:lnTo>
                    <a:pt x="7689" y="36587"/>
                  </a:lnTo>
                  <a:lnTo>
                    <a:pt x="7596" y="34642"/>
                  </a:lnTo>
                  <a:lnTo>
                    <a:pt x="7411" y="30798"/>
                  </a:lnTo>
                  <a:lnTo>
                    <a:pt x="7179" y="26955"/>
                  </a:lnTo>
                  <a:lnTo>
                    <a:pt x="6948" y="23111"/>
                  </a:lnTo>
                  <a:lnTo>
                    <a:pt x="6948" y="23111"/>
                  </a:lnTo>
                  <a:lnTo>
                    <a:pt x="7225" y="23157"/>
                  </a:lnTo>
                  <a:lnTo>
                    <a:pt x="7828" y="23157"/>
                  </a:lnTo>
                  <a:lnTo>
                    <a:pt x="8152" y="23111"/>
                  </a:lnTo>
                  <a:lnTo>
                    <a:pt x="8430" y="23018"/>
                  </a:lnTo>
                  <a:lnTo>
                    <a:pt x="8707" y="22879"/>
                  </a:lnTo>
                  <a:lnTo>
                    <a:pt x="9217" y="22555"/>
                  </a:lnTo>
                  <a:lnTo>
                    <a:pt x="9726" y="22184"/>
                  </a:lnTo>
                  <a:lnTo>
                    <a:pt x="10143" y="21721"/>
                  </a:lnTo>
                  <a:lnTo>
                    <a:pt x="10514" y="21165"/>
                  </a:lnTo>
                  <a:lnTo>
                    <a:pt x="10792" y="20656"/>
                  </a:lnTo>
                  <a:lnTo>
                    <a:pt x="11116" y="19730"/>
                  </a:lnTo>
                  <a:lnTo>
                    <a:pt x="11394" y="18757"/>
                  </a:lnTo>
                  <a:lnTo>
                    <a:pt x="11579" y="17785"/>
                  </a:lnTo>
                  <a:lnTo>
                    <a:pt x="11671" y="16766"/>
                  </a:lnTo>
                  <a:lnTo>
                    <a:pt x="11671" y="15747"/>
                  </a:lnTo>
                  <a:lnTo>
                    <a:pt x="11625" y="15237"/>
                  </a:lnTo>
                  <a:lnTo>
                    <a:pt x="11533" y="14728"/>
                  </a:lnTo>
                  <a:lnTo>
                    <a:pt x="11440" y="14265"/>
                  </a:lnTo>
                  <a:lnTo>
                    <a:pt x="11301" y="13755"/>
                  </a:lnTo>
                  <a:lnTo>
                    <a:pt x="11162" y="13339"/>
                  </a:lnTo>
                  <a:lnTo>
                    <a:pt x="10977" y="12876"/>
                  </a:lnTo>
                  <a:lnTo>
                    <a:pt x="10884" y="12783"/>
                  </a:lnTo>
                  <a:lnTo>
                    <a:pt x="10792" y="12690"/>
                  </a:lnTo>
                  <a:lnTo>
                    <a:pt x="10653" y="12644"/>
                  </a:lnTo>
                  <a:lnTo>
                    <a:pt x="10560" y="12690"/>
                  </a:lnTo>
                  <a:lnTo>
                    <a:pt x="10421" y="12690"/>
                  </a:lnTo>
                  <a:lnTo>
                    <a:pt x="10328" y="12783"/>
                  </a:lnTo>
                  <a:lnTo>
                    <a:pt x="10236" y="12876"/>
                  </a:lnTo>
                  <a:lnTo>
                    <a:pt x="10189" y="12968"/>
                  </a:lnTo>
                  <a:lnTo>
                    <a:pt x="10004" y="13524"/>
                  </a:lnTo>
                  <a:lnTo>
                    <a:pt x="9912" y="14033"/>
                  </a:lnTo>
                  <a:lnTo>
                    <a:pt x="9726" y="15099"/>
                  </a:lnTo>
                  <a:lnTo>
                    <a:pt x="9448" y="17229"/>
                  </a:lnTo>
                  <a:lnTo>
                    <a:pt x="9263" y="18433"/>
                  </a:lnTo>
                  <a:lnTo>
                    <a:pt x="9078" y="19128"/>
                  </a:lnTo>
                  <a:lnTo>
                    <a:pt x="8846" y="19822"/>
                  </a:lnTo>
                  <a:lnTo>
                    <a:pt x="8707" y="20054"/>
                  </a:lnTo>
                  <a:lnTo>
                    <a:pt x="8569" y="20286"/>
                  </a:lnTo>
                  <a:lnTo>
                    <a:pt x="8383" y="20471"/>
                  </a:lnTo>
                  <a:lnTo>
                    <a:pt x="8198" y="20610"/>
                  </a:lnTo>
                  <a:lnTo>
                    <a:pt x="7920" y="20702"/>
                  </a:lnTo>
                  <a:lnTo>
                    <a:pt x="7689" y="20749"/>
                  </a:lnTo>
                  <a:lnTo>
                    <a:pt x="7364" y="20749"/>
                  </a:lnTo>
                  <a:lnTo>
                    <a:pt x="6994" y="20702"/>
                  </a:lnTo>
                  <a:lnTo>
                    <a:pt x="6855" y="20656"/>
                  </a:lnTo>
                  <a:lnTo>
                    <a:pt x="6809" y="18850"/>
                  </a:lnTo>
                  <a:lnTo>
                    <a:pt x="6809" y="17877"/>
                  </a:lnTo>
                  <a:lnTo>
                    <a:pt x="7225" y="17831"/>
                  </a:lnTo>
                  <a:lnTo>
                    <a:pt x="7550" y="17738"/>
                  </a:lnTo>
                  <a:lnTo>
                    <a:pt x="7874" y="17599"/>
                  </a:lnTo>
                  <a:lnTo>
                    <a:pt x="8105" y="17414"/>
                  </a:lnTo>
                  <a:lnTo>
                    <a:pt x="8337" y="17229"/>
                  </a:lnTo>
                  <a:lnTo>
                    <a:pt x="8476" y="17044"/>
                  </a:lnTo>
                  <a:lnTo>
                    <a:pt x="8615" y="16812"/>
                  </a:lnTo>
                  <a:lnTo>
                    <a:pt x="8754" y="16534"/>
                  </a:lnTo>
                  <a:lnTo>
                    <a:pt x="8893" y="16349"/>
                  </a:lnTo>
                  <a:lnTo>
                    <a:pt x="9032" y="16117"/>
                  </a:lnTo>
                  <a:lnTo>
                    <a:pt x="9217" y="15562"/>
                  </a:lnTo>
                  <a:lnTo>
                    <a:pt x="9356" y="15006"/>
                  </a:lnTo>
                  <a:lnTo>
                    <a:pt x="9402" y="14404"/>
                  </a:lnTo>
                  <a:lnTo>
                    <a:pt x="9448" y="13061"/>
                  </a:lnTo>
                  <a:lnTo>
                    <a:pt x="9819" y="11394"/>
                  </a:lnTo>
                  <a:lnTo>
                    <a:pt x="9912" y="10560"/>
                  </a:lnTo>
                  <a:lnTo>
                    <a:pt x="10004" y="9726"/>
                  </a:lnTo>
                  <a:lnTo>
                    <a:pt x="10004" y="8893"/>
                  </a:lnTo>
                  <a:lnTo>
                    <a:pt x="9912" y="8059"/>
                  </a:lnTo>
                  <a:lnTo>
                    <a:pt x="9819" y="7642"/>
                  </a:lnTo>
                  <a:lnTo>
                    <a:pt x="9726" y="7225"/>
                  </a:lnTo>
                  <a:lnTo>
                    <a:pt x="9541" y="6809"/>
                  </a:lnTo>
                  <a:lnTo>
                    <a:pt x="9356" y="6392"/>
                  </a:lnTo>
                  <a:lnTo>
                    <a:pt x="9263" y="6299"/>
                  </a:lnTo>
                  <a:lnTo>
                    <a:pt x="9171" y="6207"/>
                  </a:lnTo>
                  <a:lnTo>
                    <a:pt x="8939" y="6207"/>
                  </a:lnTo>
                  <a:lnTo>
                    <a:pt x="8846" y="6253"/>
                  </a:lnTo>
                  <a:lnTo>
                    <a:pt x="8707" y="6299"/>
                  </a:lnTo>
                  <a:lnTo>
                    <a:pt x="8661" y="6392"/>
                  </a:lnTo>
                  <a:lnTo>
                    <a:pt x="8569" y="6531"/>
                  </a:lnTo>
                  <a:lnTo>
                    <a:pt x="8383" y="7179"/>
                  </a:lnTo>
                  <a:lnTo>
                    <a:pt x="8198" y="7920"/>
                  </a:lnTo>
                  <a:lnTo>
                    <a:pt x="8059" y="8661"/>
                  </a:lnTo>
                  <a:lnTo>
                    <a:pt x="7966" y="9448"/>
                  </a:lnTo>
                  <a:lnTo>
                    <a:pt x="7828" y="10977"/>
                  </a:lnTo>
                  <a:lnTo>
                    <a:pt x="7735" y="12459"/>
                  </a:lnTo>
                  <a:lnTo>
                    <a:pt x="7689" y="13014"/>
                  </a:lnTo>
                  <a:lnTo>
                    <a:pt x="7735" y="13570"/>
                  </a:lnTo>
                  <a:lnTo>
                    <a:pt x="7735" y="14126"/>
                  </a:lnTo>
                  <a:lnTo>
                    <a:pt x="7735" y="14404"/>
                  </a:lnTo>
                  <a:lnTo>
                    <a:pt x="7689" y="14682"/>
                  </a:lnTo>
                  <a:lnTo>
                    <a:pt x="7550" y="15099"/>
                  </a:lnTo>
                  <a:lnTo>
                    <a:pt x="7318" y="15423"/>
                  </a:lnTo>
                  <a:lnTo>
                    <a:pt x="7087" y="15654"/>
                  </a:lnTo>
                  <a:lnTo>
                    <a:pt x="6809" y="15886"/>
                  </a:lnTo>
                  <a:lnTo>
                    <a:pt x="6809" y="12551"/>
                  </a:lnTo>
                  <a:lnTo>
                    <a:pt x="6855" y="9263"/>
                  </a:lnTo>
                  <a:lnTo>
                    <a:pt x="6948" y="6670"/>
                  </a:lnTo>
                  <a:lnTo>
                    <a:pt x="7087" y="4076"/>
                  </a:lnTo>
                  <a:lnTo>
                    <a:pt x="7133" y="3057"/>
                  </a:lnTo>
                  <a:lnTo>
                    <a:pt x="7179" y="2548"/>
                  </a:lnTo>
                  <a:lnTo>
                    <a:pt x="7133" y="2038"/>
                  </a:lnTo>
                  <a:lnTo>
                    <a:pt x="7087" y="1529"/>
                  </a:lnTo>
                  <a:lnTo>
                    <a:pt x="6994" y="1066"/>
                  </a:lnTo>
                  <a:lnTo>
                    <a:pt x="6809" y="603"/>
                  </a:lnTo>
                  <a:lnTo>
                    <a:pt x="6531" y="140"/>
                  </a:lnTo>
                  <a:lnTo>
                    <a:pt x="6438" y="47"/>
                  </a:lnTo>
                  <a:lnTo>
                    <a:pt x="6253" y="1"/>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607" name="Google Shape;607;p37"/>
            <p:cNvSpPr/>
            <p:nvPr/>
          </p:nvSpPr>
          <p:spPr>
            <a:xfrm>
              <a:off x="8657635" y="2581275"/>
              <a:ext cx="612253" cy="2355611"/>
            </a:xfrm>
            <a:custGeom>
              <a:avLst/>
              <a:gdLst/>
              <a:ahLst/>
              <a:cxnLst/>
              <a:rect l="l" t="t" r="r" b="b"/>
              <a:pathLst>
                <a:path w="24361" h="93737" extrusionOk="0">
                  <a:moveTo>
                    <a:pt x="11069" y="0"/>
                  </a:moveTo>
                  <a:lnTo>
                    <a:pt x="10606" y="47"/>
                  </a:lnTo>
                  <a:lnTo>
                    <a:pt x="10189" y="139"/>
                  </a:lnTo>
                  <a:lnTo>
                    <a:pt x="9957" y="232"/>
                  </a:lnTo>
                  <a:lnTo>
                    <a:pt x="9818" y="371"/>
                  </a:lnTo>
                  <a:lnTo>
                    <a:pt x="9679" y="510"/>
                  </a:lnTo>
                  <a:lnTo>
                    <a:pt x="9541" y="649"/>
                  </a:lnTo>
                  <a:lnTo>
                    <a:pt x="9263" y="1297"/>
                  </a:lnTo>
                  <a:lnTo>
                    <a:pt x="9031" y="1899"/>
                  </a:lnTo>
                  <a:lnTo>
                    <a:pt x="8800" y="2548"/>
                  </a:lnTo>
                  <a:lnTo>
                    <a:pt x="8661" y="3196"/>
                  </a:lnTo>
                  <a:lnTo>
                    <a:pt x="8522" y="3844"/>
                  </a:lnTo>
                  <a:lnTo>
                    <a:pt x="8429" y="4539"/>
                  </a:lnTo>
                  <a:lnTo>
                    <a:pt x="8383" y="5187"/>
                  </a:lnTo>
                  <a:lnTo>
                    <a:pt x="8336" y="5836"/>
                  </a:lnTo>
                  <a:lnTo>
                    <a:pt x="8336" y="7179"/>
                  </a:lnTo>
                  <a:lnTo>
                    <a:pt x="8429" y="8522"/>
                  </a:lnTo>
                  <a:lnTo>
                    <a:pt x="8661" y="11208"/>
                  </a:lnTo>
                  <a:lnTo>
                    <a:pt x="8938" y="14172"/>
                  </a:lnTo>
                  <a:lnTo>
                    <a:pt x="9124" y="17090"/>
                  </a:lnTo>
                  <a:lnTo>
                    <a:pt x="9216" y="20054"/>
                  </a:lnTo>
                  <a:lnTo>
                    <a:pt x="9216" y="21489"/>
                  </a:lnTo>
                  <a:lnTo>
                    <a:pt x="9216" y="22971"/>
                  </a:lnTo>
                  <a:lnTo>
                    <a:pt x="9124" y="25194"/>
                  </a:lnTo>
                  <a:lnTo>
                    <a:pt x="8985" y="27417"/>
                  </a:lnTo>
                  <a:lnTo>
                    <a:pt x="8707" y="31863"/>
                  </a:lnTo>
                  <a:lnTo>
                    <a:pt x="8383" y="36263"/>
                  </a:lnTo>
                  <a:lnTo>
                    <a:pt x="8058" y="40709"/>
                  </a:lnTo>
                  <a:lnTo>
                    <a:pt x="7873" y="40061"/>
                  </a:lnTo>
                  <a:lnTo>
                    <a:pt x="7595" y="39412"/>
                  </a:lnTo>
                  <a:lnTo>
                    <a:pt x="7225" y="38857"/>
                  </a:lnTo>
                  <a:lnTo>
                    <a:pt x="6808" y="38347"/>
                  </a:lnTo>
                  <a:lnTo>
                    <a:pt x="6669" y="38254"/>
                  </a:lnTo>
                  <a:lnTo>
                    <a:pt x="6438" y="38208"/>
                  </a:lnTo>
                  <a:lnTo>
                    <a:pt x="6252" y="38208"/>
                  </a:lnTo>
                  <a:lnTo>
                    <a:pt x="6160" y="38254"/>
                  </a:lnTo>
                  <a:lnTo>
                    <a:pt x="6067" y="38347"/>
                  </a:lnTo>
                  <a:lnTo>
                    <a:pt x="5835" y="38671"/>
                  </a:lnTo>
                  <a:lnTo>
                    <a:pt x="5650" y="39042"/>
                  </a:lnTo>
                  <a:lnTo>
                    <a:pt x="5465" y="39412"/>
                  </a:lnTo>
                  <a:lnTo>
                    <a:pt x="5326" y="39783"/>
                  </a:lnTo>
                  <a:lnTo>
                    <a:pt x="5233" y="40153"/>
                  </a:lnTo>
                  <a:lnTo>
                    <a:pt x="5141" y="40570"/>
                  </a:lnTo>
                  <a:lnTo>
                    <a:pt x="5048" y="41357"/>
                  </a:lnTo>
                  <a:lnTo>
                    <a:pt x="5048" y="42191"/>
                  </a:lnTo>
                  <a:lnTo>
                    <a:pt x="5048" y="43025"/>
                  </a:lnTo>
                  <a:lnTo>
                    <a:pt x="5094" y="44646"/>
                  </a:lnTo>
                  <a:lnTo>
                    <a:pt x="5141" y="46730"/>
                  </a:lnTo>
                  <a:lnTo>
                    <a:pt x="5187" y="48814"/>
                  </a:lnTo>
                  <a:lnTo>
                    <a:pt x="5419" y="52935"/>
                  </a:lnTo>
                  <a:lnTo>
                    <a:pt x="5511" y="54927"/>
                  </a:lnTo>
                  <a:lnTo>
                    <a:pt x="5558" y="56965"/>
                  </a:lnTo>
                  <a:lnTo>
                    <a:pt x="5558" y="56965"/>
                  </a:lnTo>
                  <a:lnTo>
                    <a:pt x="5326" y="56177"/>
                  </a:lnTo>
                  <a:lnTo>
                    <a:pt x="5141" y="55436"/>
                  </a:lnTo>
                  <a:lnTo>
                    <a:pt x="4956" y="54649"/>
                  </a:lnTo>
                  <a:lnTo>
                    <a:pt x="4817" y="53862"/>
                  </a:lnTo>
                  <a:lnTo>
                    <a:pt x="4770" y="53074"/>
                  </a:lnTo>
                  <a:lnTo>
                    <a:pt x="4724" y="52287"/>
                  </a:lnTo>
                  <a:lnTo>
                    <a:pt x="4678" y="50759"/>
                  </a:lnTo>
                  <a:lnTo>
                    <a:pt x="4817" y="47656"/>
                  </a:lnTo>
                  <a:lnTo>
                    <a:pt x="4817" y="45896"/>
                  </a:lnTo>
                  <a:lnTo>
                    <a:pt x="4770" y="44090"/>
                  </a:lnTo>
                  <a:lnTo>
                    <a:pt x="4678" y="42330"/>
                  </a:lnTo>
                  <a:lnTo>
                    <a:pt x="4585" y="40524"/>
                  </a:lnTo>
                  <a:lnTo>
                    <a:pt x="4261" y="36958"/>
                  </a:lnTo>
                  <a:lnTo>
                    <a:pt x="4029" y="33392"/>
                  </a:lnTo>
                  <a:lnTo>
                    <a:pt x="3937" y="31400"/>
                  </a:lnTo>
                  <a:lnTo>
                    <a:pt x="3844" y="30428"/>
                  </a:lnTo>
                  <a:lnTo>
                    <a:pt x="3751" y="29918"/>
                  </a:lnTo>
                  <a:lnTo>
                    <a:pt x="3659" y="29455"/>
                  </a:lnTo>
                  <a:lnTo>
                    <a:pt x="3520" y="29038"/>
                  </a:lnTo>
                  <a:lnTo>
                    <a:pt x="3335" y="28621"/>
                  </a:lnTo>
                  <a:lnTo>
                    <a:pt x="3103" y="28251"/>
                  </a:lnTo>
                  <a:lnTo>
                    <a:pt x="2779" y="27927"/>
                  </a:lnTo>
                  <a:lnTo>
                    <a:pt x="2455" y="27649"/>
                  </a:lnTo>
                  <a:lnTo>
                    <a:pt x="2038" y="27464"/>
                  </a:lnTo>
                  <a:lnTo>
                    <a:pt x="1528" y="27278"/>
                  </a:lnTo>
                  <a:lnTo>
                    <a:pt x="973" y="27232"/>
                  </a:lnTo>
                  <a:lnTo>
                    <a:pt x="648" y="27232"/>
                  </a:lnTo>
                  <a:lnTo>
                    <a:pt x="463" y="27325"/>
                  </a:lnTo>
                  <a:lnTo>
                    <a:pt x="278" y="27417"/>
                  </a:lnTo>
                  <a:lnTo>
                    <a:pt x="139" y="27510"/>
                  </a:lnTo>
                  <a:lnTo>
                    <a:pt x="46" y="27695"/>
                  </a:lnTo>
                  <a:lnTo>
                    <a:pt x="0" y="27834"/>
                  </a:lnTo>
                  <a:lnTo>
                    <a:pt x="0" y="28019"/>
                  </a:lnTo>
                  <a:lnTo>
                    <a:pt x="232" y="28668"/>
                  </a:lnTo>
                  <a:lnTo>
                    <a:pt x="324" y="29316"/>
                  </a:lnTo>
                  <a:lnTo>
                    <a:pt x="417" y="30011"/>
                  </a:lnTo>
                  <a:lnTo>
                    <a:pt x="463" y="30706"/>
                  </a:lnTo>
                  <a:lnTo>
                    <a:pt x="463" y="32049"/>
                  </a:lnTo>
                  <a:lnTo>
                    <a:pt x="463" y="33392"/>
                  </a:lnTo>
                  <a:lnTo>
                    <a:pt x="556" y="35244"/>
                  </a:lnTo>
                  <a:lnTo>
                    <a:pt x="648" y="37097"/>
                  </a:lnTo>
                  <a:lnTo>
                    <a:pt x="648" y="38023"/>
                  </a:lnTo>
                  <a:lnTo>
                    <a:pt x="648" y="38949"/>
                  </a:lnTo>
                  <a:lnTo>
                    <a:pt x="648" y="39875"/>
                  </a:lnTo>
                  <a:lnTo>
                    <a:pt x="556" y="40802"/>
                  </a:lnTo>
                  <a:lnTo>
                    <a:pt x="371" y="42469"/>
                  </a:lnTo>
                  <a:lnTo>
                    <a:pt x="232" y="44229"/>
                  </a:lnTo>
                  <a:lnTo>
                    <a:pt x="139" y="45989"/>
                  </a:lnTo>
                  <a:lnTo>
                    <a:pt x="93" y="47795"/>
                  </a:lnTo>
                  <a:lnTo>
                    <a:pt x="93" y="49555"/>
                  </a:lnTo>
                  <a:lnTo>
                    <a:pt x="185" y="51315"/>
                  </a:lnTo>
                  <a:lnTo>
                    <a:pt x="324" y="53074"/>
                  </a:lnTo>
                  <a:lnTo>
                    <a:pt x="556" y="54742"/>
                  </a:lnTo>
                  <a:lnTo>
                    <a:pt x="695" y="55575"/>
                  </a:lnTo>
                  <a:lnTo>
                    <a:pt x="880" y="56409"/>
                  </a:lnTo>
                  <a:lnTo>
                    <a:pt x="1297" y="57984"/>
                  </a:lnTo>
                  <a:lnTo>
                    <a:pt x="1714" y="59604"/>
                  </a:lnTo>
                  <a:lnTo>
                    <a:pt x="1899" y="60438"/>
                  </a:lnTo>
                  <a:lnTo>
                    <a:pt x="2038" y="61272"/>
                  </a:lnTo>
                  <a:lnTo>
                    <a:pt x="2223" y="62661"/>
                  </a:lnTo>
                  <a:lnTo>
                    <a:pt x="2408" y="64097"/>
                  </a:lnTo>
                  <a:lnTo>
                    <a:pt x="2547" y="64791"/>
                  </a:lnTo>
                  <a:lnTo>
                    <a:pt x="2686" y="65486"/>
                  </a:lnTo>
                  <a:lnTo>
                    <a:pt x="2918" y="66181"/>
                  </a:lnTo>
                  <a:lnTo>
                    <a:pt x="3196" y="66829"/>
                  </a:lnTo>
                  <a:lnTo>
                    <a:pt x="3566" y="67478"/>
                  </a:lnTo>
                  <a:lnTo>
                    <a:pt x="3983" y="68126"/>
                  </a:lnTo>
                  <a:lnTo>
                    <a:pt x="4446" y="68682"/>
                  </a:lnTo>
                  <a:lnTo>
                    <a:pt x="4956" y="69237"/>
                  </a:lnTo>
                  <a:lnTo>
                    <a:pt x="5511" y="69701"/>
                  </a:lnTo>
                  <a:lnTo>
                    <a:pt x="6113" y="70164"/>
                  </a:lnTo>
                  <a:lnTo>
                    <a:pt x="6715" y="70534"/>
                  </a:lnTo>
                  <a:lnTo>
                    <a:pt x="7364" y="70812"/>
                  </a:lnTo>
                  <a:lnTo>
                    <a:pt x="7179" y="72572"/>
                  </a:lnTo>
                  <a:lnTo>
                    <a:pt x="7086" y="73452"/>
                  </a:lnTo>
                  <a:lnTo>
                    <a:pt x="7040" y="74332"/>
                  </a:lnTo>
                  <a:lnTo>
                    <a:pt x="7086" y="75767"/>
                  </a:lnTo>
                  <a:lnTo>
                    <a:pt x="7179" y="77203"/>
                  </a:lnTo>
                  <a:lnTo>
                    <a:pt x="7317" y="78639"/>
                  </a:lnTo>
                  <a:lnTo>
                    <a:pt x="7410" y="80075"/>
                  </a:lnTo>
                  <a:lnTo>
                    <a:pt x="7456" y="81603"/>
                  </a:lnTo>
                  <a:lnTo>
                    <a:pt x="7456" y="83131"/>
                  </a:lnTo>
                  <a:lnTo>
                    <a:pt x="7503" y="86188"/>
                  </a:lnTo>
                  <a:lnTo>
                    <a:pt x="7549" y="87716"/>
                  </a:lnTo>
                  <a:lnTo>
                    <a:pt x="7642" y="89244"/>
                  </a:lnTo>
                  <a:lnTo>
                    <a:pt x="7827" y="90773"/>
                  </a:lnTo>
                  <a:lnTo>
                    <a:pt x="7966" y="91514"/>
                  </a:lnTo>
                  <a:lnTo>
                    <a:pt x="8151" y="92208"/>
                  </a:lnTo>
                  <a:lnTo>
                    <a:pt x="8197" y="92440"/>
                  </a:lnTo>
                  <a:lnTo>
                    <a:pt x="8290" y="92625"/>
                  </a:lnTo>
                  <a:lnTo>
                    <a:pt x="8522" y="92996"/>
                  </a:lnTo>
                  <a:lnTo>
                    <a:pt x="8846" y="93274"/>
                  </a:lnTo>
                  <a:lnTo>
                    <a:pt x="9263" y="93505"/>
                  </a:lnTo>
                  <a:lnTo>
                    <a:pt x="9679" y="93644"/>
                  </a:lnTo>
                  <a:lnTo>
                    <a:pt x="10143" y="93737"/>
                  </a:lnTo>
                  <a:lnTo>
                    <a:pt x="10652" y="93737"/>
                  </a:lnTo>
                  <a:lnTo>
                    <a:pt x="11161" y="93690"/>
                  </a:lnTo>
                  <a:lnTo>
                    <a:pt x="11671" y="93598"/>
                  </a:lnTo>
                  <a:lnTo>
                    <a:pt x="12180" y="93459"/>
                  </a:lnTo>
                  <a:lnTo>
                    <a:pt x="12643" y="93274"/>
                  </a:lnTo>
                  <a:lnTo>
                    <a:pt x="13060" y="93042"/>
                  </a:lnTo>
                  <a:lnTo>
                    <a:pt x="13431" y="92764"/>
                  </a:lnTo>
                  <a:lnTo>
                    <a:pt x="13709" y="92440"/>
                  </a:lnTo>
                  <a:lnTo>
                    <a:pt x="13940" y="92116"/>
                  </a:lnTo>
                  <a:lnTo>
                    <a:pt x="14079" y="91699"/>
                  </a:lnTo>
                  <a:lnTo>
                    <a:pt x="14218" y="91004"/>
                  </a:lnTo>
                  <a:lnTo>
                    <a:pt x="14311" y="90310"/>
                  </a:lnTo>
                  <a:lnTo>
                    <a:pt x="14403" y="88874"/>
                  </a:lnTo>
                  <a:lnTo>
                    <a:pt x="14450" y="87392"/>
                  </a:lnTo>
                  <a:lnTo>
                    <a:pt x="14403" y="85910"/>
                  </a:lnTo>
                  <a:lnTo>
                    <a:pt x="14264" y="82992"/>
                  </a:lnTo>
                  <a:lnTo>
                    <a:pt x="14218" y="81510"/>
                  </a:lnTo>
                  <a:lnTo>
                    <a:pt x="14218" y="80075"/>
                  </a:lnTo>
                  <a:lnTo>
                    <a:pt x="14218" y="78546"/>
                  </a:lnTo>
                  <a:lnTo>
                    <a:pt x="14311" y="76972"/>
                  </a:lnTo>
                  <a:lnTo>
                    <a:pt x="14311" y="75443"/>
                  </a:lnTo>
                  <a:lnTo>
                    <a:pt x="14311" y="74656"/>
                  </a:lnTo>
                  <a:lnTo>
                    <a:pt x="14264" y="73915"/>
                  </a:lnTo>
                  <a:lnTo>
                    <a:pt x="14125" y="72711"/>
                  </a:lnTo>
                  <a:lnTo>
                    <a:pt x="13940" y="71507"/>
                  </a:lnTo>
                  <a:lnTo>
                    <a:pt x="14403" y="71321"/>
                  </a:lnTo>
                  <a:lnTo>
                    <a:pt x="14820" y="71136"/>
                  </a:lnTo>
                  <a:lnTo>
                    <a:pt x="15237" y="70905"/>
                  </a:lnTo>
                  <a:lnTo>
                    <a:pt x="15654" y="70627"/>
                  </a:lnTo>
                  <a:lnTo>
                    <a:pt x="16395" y="70025"/>
                  </a:lnTo>
                  <a:lnTo>
                    <a:pt x="17089" y="69376"/>
                  </a:lnTo>
                  <a:lnTo>
                    <a:pt x="17738" y="68635"/>
                  </a:lnTo>
                  <a:lnTo>
                    <a:pt x="18294" y="67848"/>
                  </a:lnTo>
                  <a:lnTo>
                    <a:pt x="18849" y="66968"/>
                  </a:lnTo>
                  <a:lnTo>
                    <a:pt x="19313" y="66088"/>
                  </a:lnTo>
                  <a:lnTo>
                    <a:pt x="19729" y="65162"/>
                  </a:lnTo>
                  <a:lnTo>
                    <a:pt x="20100" y="64189"/>
                  </a:lnTo>
                  <a:lnTo>
                    <a:pt x="20424" y="63263"/>
                  </a:lnTo>
                  <a:lnTo>
                    <a:pt x="20702" y="62291"/>
                  </a:lnTo>
                  <a:lnTo>
                    <a:pt x="20933" y="61318"/>
                  </a:lnTo>
                  <a:lnTo>
                    <a:pt x="21119" y="60345"/>
                  </a:lnTo>
                  <a:lnTo>
                    <a:pt x="21258" y="59419"/>
                  </a:lnTo>
                  <a:lnTo>
                    <a:pt x="21350" y="58493"/>
                  </a:lnTo>
                  <a:lnTo>
                    <a:pt x="21628" y="55622"/>
                  </a:lnTo>
                  <a:lnTo>
                    <a:pt x="21906" y="52797"/>
                  </a:lnTo>
                  <a:lnTo>
                    <a:pt x="22091" y="51407"/>
                  </a:lnTo>
                  <a:lnTo>
                    <a:pt x="22277" y="49971"/>
                  </a:lnTo>
                  <a:lnTo>
                    <a:pt x="22508" y="48582"/>
                  </a:lnTo>
                  <a:lnTo>
                    <a:pt x="22786" y="47146"/>
                  </a:lnTo>
                  <a:lnTo>
                    <a:pt x="23064" y="45942"/>
                  </a:lnTo>
                  <a:lnTo>
                    <a:pt x="23434" y="44738"/>
                  </a:lnTo>
                  <a:lnTo>
                    <a:pt x="23759" y="43488"/>
                  </a:lnTo>
                  <a:lnTo>
                    <a:pt x="24083" y="42237"/>
                  </a:lnTo>
                  <a:lnTo>
                    <a:pt x="24175" y="41635"/>
                  </a:lnTo>
                  <a:lnTo>
                    <a:pt x="24268" y="41033"/>
                  </a:lnTo>
                  <a:lnTo>
                    <a:pt x="24361" y="40385"/>
                  </a:lnTo>
                  <a:lnTo>
                    <a:pt x="24361" y="39783"/>
                  </a:lnTo>
                  <a:lnTo>
                    <a:pt x="24361" y="39181"/>
                  </a:lnTo>
                  <a:lnTo>
                    <a:pt x="24268" y="38532"/>
                  </a:lnTo>
                  <a:lnTo>
                    <a:pt x="24129" y="37930"/>
                  </a:lnTo>
                  <a:lnTo>
                    <a:pt x="23944" y="37375"/>
                  </a:lnTo>
                  <a:lnTo>
                    <a:pt x="23897" y="37236"/>
                  </a:lnTo>
                  <a:lnTo>
                    <a:pt x="23805" y="37189"/>
                  </a:lnTo>
                  <a:lnTo>
                    <a:pt x="23666" y="37143"/>
                  </a:lnTo>
                  <a:lnTo>
                    <a:pt x="23573" y="37097"/>
                  </a:lnTo>
                  <a:lnTo>
                    <a:pt x="23295" y="37097"/>
                  </a:lnTo>
                  <a:lnTo>
                    <a:pt x="23064" y="37189"/>
                  </a:lnTo>
                  <a:lnTo>
                    <a:pt x="22647" y="37513"/>
                  </a:lnTo>
                  <a:lnTo>
                    <a:pt x="22277" y="37838"/>
                  </a:lnTo>
                  <a:lnTo>
                    <a:pt x="21906" y="38162"/>
                  </a:lnTo>
                  <a:lnTo>
                    <a:pt x="21582" y="38532"/>
                  </a:lnTo>
                  <a:lnTo>
                    <a:pt x="20933" y="39273"/>
                  </a:lnTo>
                  <a:lnTo>
                    <a:pt x="20378" y="40107"/>
                  </a:lnTo>
                  <a:lnTo>
                    <a:pt x="20378" y="39459"/>
                  </a:lnTo>
                  <a:lnTo>
                    <a:pt x="20331" y="38764"/>
                  </a:lnTo>
                  <a:lnTo>
                    <a:pt x="20239" y="38162"/>
                  </a:lnTo>
                  <a:lnTo>
                    <a:pt x="20100" y="37560"/>
                  </a:lnTo>
                  <a:lnTo>
                    <a:pt x="19915" y="36958"/>
                  </a:lnTo>
                  <a:lnTo>
                    <a:pt x="19637" y="36402"/>
                  </a:lnTo>
                  <a:lnTo>
                    <a:pt x="19266" y="35893"/>
                  </a:lnTo>
                  <a:lnTo>
                    <a:pt x="18849" y="35383"/>
                  </a:lnTo>
                  <a:lnTo>
                    <a:pt x="18757" y="35290"/>
                  </a:lnTo>
                  <a:lnTo>
                    <a:pt x="18618" y="35244"/>
                  </a:lnTo>
                  <a:lnTo>
                    <a:pt x="18340" y="35152"/>
                  </a:lnTo>
                  <a:lnTo>
                    <a:pt x="18016" y="35198"/>
                  </a:lnTo>
                  <a:lnTo>
                    <a:pt x="17877" y="35244"/>
                  </a:lnTo>
                  <a:lnTo>
                    <a:pt x="17738" y="35290"/>
                  </a:lnTo>
                  <a:lnTo>
                    <a:pt x="17414" y="35568"/>
                  </a:lnTo>
                  <a:lnTo>
                    <a:pt x="17136" y="35893"/>
                  </a:lnTo>
                  <a:lnTo>
                    <a:pt x="16904" y="36170"/>
                  </a:lnTo>
                  <a:lnTo>
                    <a:pt x="16673" y="36495"/>
                  </a:lnTo>
                  <a:lnTo>
                    <a:pt x="16256" y="37097"/>
                  </a:lnTo>
                  <a:lnTo>
                    <a:pt x="15978" y="37791"/>
                  </a:lnTo>
                  <a:lnTo>
                    <a:pt x="15746" y="38532"/>
                  </a:lnTo>
                  <a:lnTo>
                    <a:pt x="15607" y="39273"/>
                  </a:lnTo>
                  <a:lnTo>
                    <a:pt x="15469" y="40061"/>
                  </a:lnTo>
                  <a:lnTo>
                    <a:pt x="15376" y="40894"/>
                  </a:lnTo>
                  <a:lnTo>
                    <a:pt x="15144" y="42978"/>
                  </a:lnTo>
                  <a:lnTo>
                    <a:pt x="15005" y="45062"/>
                  </a:lnTo>
                  <a:lnTo>
                    <a:pt x="14774" y="49277"/>
                  </a:lnTo>
                  <a:lnTo>
                    <a:pt x="14728" y="51268"/>
                  </a:lnTo>
                  <a:lnTo>
                    <a:pt x="14589" y="53260"/>
                  </a:lnTo>
                  <a:lnTo>
                    <a:pt x="14542" y="54279"/>
                  </a:lnTo>
                  <a:lnTo>
                    <a:pt x="14403" y="55251"/>
                  </a:lnTo>
                  <a:lnTo>
                    <a:pt x="14218" y="56224"/>
                  </a:lnTo>
                  <a:lnTo>
                    <a:pt x="13987" y="57196"/>
                  </a:lnTo>
                  <a:lnTo>
                    <a:pt x="13801" y="57752"/>
                  </a:lnTo>
                  <a:lnTo>
                    <a:pt x="13570" y="58261"/>
                  </a:lnTo>
                  <a:lnTo>
                    <a:pt x="13338" y="58678"/>
                  </a:lnTo>
                  <a:lnTo>
                    <a:pt x="13060" y="59095"/>
                  </a:lnTo>
                  <a:lnTo>
                    <a:pt x="12968" y="55853"/>
                  </a:lnTo>
                  <a:lnTo>
                    <a:pt x="12921" y="52611"/>
                  </a:lnTo>
                  <a:lnTo>
                    <a:pt x="12875" y="46128"/>
                  </a:lnTo>
                  <a:lnTo>
                    <a:pt x="12829" y="40477"/>
                  </a:lnTo>
                  <a:lnTo>
                    <a:pt x="12782" y="34827"/>
                  </a:lnTo>
                  <a:lnTo>
                    <a:pt x="12551" y="23527"/>
                  </a:lnTo>
                  <a:lnTo>
                    <a:pt x="12458" y="17877"/>
                  </a:lnTo>
                  <a:lnTo>
                    <a:pt x="12412" y="12227"/>
                  </a:lnTo>
                  <a:lnTo>
                    <a:pt x="12412" y="9402"/>
                  </a:lnTo>
                  <a:lnTo>
                    <a:pt x="12458" y="6530"/>
                  </a:lnTo>
                  <a:lnTo>
                    <a:pt x="12458" y="5141"/>
                  </a:lnTo>
                  <a:lnTo>
                    <a:pt x="12458" y="3705"/>
                  </a:lnTo>
                  <a:lnTo>
                    <a:pt x="12412" y="2316"/>
                  </a:lnTo>
                  <a:lnTo>
                    <a:pt x="12319" y="927"/>
                  </a:lnTo>
                  <a:lnTo>
                    <a:pt x="12273" y="695"/>
                  </a:lnTo>
                  <a:lnTo>
                    <a:pt x="12180" y="510"/>
                  </a:lnTo>
                  <a:lnTo>
                    <a:pt x="12041" y="371"/>
                  </a:lnTo>
                  <a:lnTo>
                    <a:pt x="11902" y="232"/>
                  </a:lnTo>
                  <a:lnTo>
                    <a:pt x="11717" y="139"/>
                  </a:lnTo>
                  <a:lnTo>
                    <a:pt x="11486" y="47"/>
                  </a:lnTo>
                  <a:lnTo>
                    <a:pt x="11069" y="0"/>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Tree>
    <p:extLst>
      <p:ext uri="{BB962C8B-B14F-4D97-AF65-F5344CB8AC3E}">
        <p14:creationId xmlns:p14="http://schemas.microsoft.com/office/powerpoint/2010/main" val="190230688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cxnSp>
        <p:nvCxnSpPr>
          <p:cNvPr id="7" name="Straight Connector 6"/>
          <p:cNvCxnSpPr/>
          <p:nvPr userDrawn="1"/>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sp>
        <p:nvSpPr>
          <p:cNvPr id="54" name="Text Placeholder 24"/>
          <p:cNvSpPr>
            <a:spLocks noGrp="1"/>
          </p:cNvSpPr>
          <p:nvPr>
            <p:ph type="body" sz="quarter" idx="10"/>
          </p:nvPr>
        </p:nvSpPr>
        <p:spPr>
          <a:xfrm>
            <a:off x="8360934" y="3069803"/>
            <a:ext cx="6035357"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55" name="Text Placeholder 26"/>
          <p:cNvSpPr>
            <a:spLocks noGrp="1"/>
          </p:cNvSpPr>
          <p:nvPr>
            <p:ph type="body" sz="quarter" idx="11"/>
          </p:nvPr>
        </p:nvSpPr>
        <p:spPr>
          <a:xfrm>
            <a:off x="8360935" y="3867601"/>
            <a:ext cx="6035357" cy="2811463"/>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tx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56" name="Rectangle 55"/>
          <p:cNvSpPr/>
          <p:nvPr userDrawn="1"/>
        </p:nvSpPr>
        <p:spPr>
          <a:xfrm>
            <a:off x="8153047" y="2823722"/>
            <a:ext cx="6480000" cy="3420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57" name="Text Placeholder 24"/>
          <p:cNvSpPr>
            <a:spLocks noGrp="1"/>
          </p:cNvSpPr>
          <p:nvPr>
            <p:ph type="body" sz="quarter" idx="12"/>
          </p:nvPr>
        </p:nvSpPr>
        <p:spPr>
          <a:xfrm>
            <a:off x="8360934" y="6833887"/>
            <a:ext cx="6035357"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58" name="Text Placeholder 26"/>
          <p:cNvSpPr>
            <a:spLocks noGrp="1"/>
          </p:cNvSpPr>
          <p:nvPr>
            <p:ph type="body" sz="quarter" idx="13"/>
          </p:nvPr>
        </p:nvSpPr>
        <p:spPr>
          <a:xfrm>
            <a:off x="8360935" y="7631685"/>
            <a:ext cx="6035357" cy="2811463"/>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tx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59" name="Rectangle 58"/>
          <p:cNvSpPr/>
          <p:nvPr userDrawn="1"/>
        </p:nvSpPr>
        <p:spPr>
          <a:xfrm>
            <a:off x="8153047" y="6587806"/>
            <a:ext cx="6480000" cy="3420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60" name="Text Placeholder 24"/>
          <p:cNvSpPr>
            <a:spLocks noGrp="1"/>
          </p:cNvSpPr>
          <p:nvPr>
            <p:ph type="body" sz="quarter" idx="14"/>
          </p:nvPr>
        </p:nvSpPr>
        <p:spPr>
          <a:xfrm>
            <a:off x="1183713" y="6833887"/>
            <a:ext cx="6035357"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61" name="Text Placeholder 26"/>
          <p:cNvSpPr>
            <a:spLocks noGrp="1"/>
          </p:cNvSpPr>
          <p:nvPr>
            <p:ph type="body" sz="quarter" idx="15"/>
          </p:nvPr>
        </p:nvSpPr>
        <p:spPr>
          <a:xfrm>
            <a:off x="1183714" y="7631685"/>
            <a:ext cx="6035357" cy="2811463"/>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tx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62" name="Rectangle 61"/>
          <p:cNvSpPr/>
          <p:nvPr userDrawn="1"/>
        </p:nvSpPr>
        <p:spPr>
          <a:xfrm>
            <a:off x="975826" y="6587806"/>
            <a:ext cx="6480000" cy="3420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63" name="Text Placeholder 24"/>
          <p:cNvSpPr>
            <a:spLocks noGrp="1"/>
          </p:cNvSpPr>
          <p:nvPr>
            <p:ph type="body" sz="quarter" idx="16"/>
          </p:nvPr>
        </p:nvSpPr>
        <p:spPr>
          <a:xfrm>
            <a:off x="1183713" y="3051204"/>
            <a:ext cx="6035357"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64" name="Text Placeholder 26"/>
          <p:cNvSpPr>
            <a:spLocks noGrp="1"/>
          </p:cNvSpPr>
          <p:nvPr>
            <p:ph type="body" sz="quarter" idx="17"/>
          </p:nvPr>
        </p:nvSpPr>
        <p:spPr>
          <a:xfrm>
            <a:off x="1183714" y="3849002"/>
            <a:ext cx="6035357" cy="2811463"/>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tx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65" name="Rectangle 64"/>
          <p:cNvSpPr/>
          <p:nvPr userDrawn="1"/>
        </p:nvSpPr>
        <p:spPr>
          <a:xfrm>
            <a:off x="975826" y="2805123"/>
            <a:ext cx="6480000" cy="3420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66" name="Text Placeholder 24"/>
          <p:cNvSpPr>
            <a:spLocks noGrp="1"/>
          </p:cNvSpPr>
          <p:nvPr>
            <p:ph type="body" sz="quarter" idx="18"/>
          </p:nvPr>
        </p:nvSpPr>
        <p:spPr>
          <a:xfrm>
            <a:off x="15538155" y="4570824"/>
            <a:ext cx="4022833" cy="696277"/>
          </a:xfrm>
        </p:spPr>
        <p:txBody>
          <a:bodyPr>
            <a:noAutofit/>
          </a:bodyPr>
          <a:lstStyle>
            <a:lvl1pPr marL="0" indent="0" algn="ctr">
              <a:buFontTx/>
              <a:buNone/>
              <a:defRPr sz="3200" b="0">
                <a:solidFill>
                  <a:schemeClr val="tx1"/>
                </a:solidFill>
              </a:defRPr>
            </a:lvl1pPr>
          </a:lstStyle>
          <a:p>
            <a:pPr lvl="0"/>
            <a:r>
              <a:rPr lang="en-US" dirty="0"/>
              <a:t>Edit Master text</a:t>
            </a:r>
            <a:endParaRPr lang="en-GB" dirty="0"/>
          </a:p>
        </p:txBody>
      </p:sp>
      <p:sp>
        <p:nvSpPr>
          <p:cNvPr id="67" name="Text Placeholder 24"/>
          <p:cNvSpPr>
            <a:spLocks noGrp="1"/>
          </p:cNvSpPr>
          <p:nvPr>
            <p:ph type="body" sz="quarter" idx="19" hasCustomPrompt="1"/>
          </p:nvPr>
        </p:nvSpPr>
        <p:spPr>
          <a:xfrm>
            <a:off x="15538155" y="3145133"/>
            <a:ext cx="4022833" cy="1380339"/>
          </a:xfrm>
        </p:spPr>
        <p:txBody>
          <a:bodyPr>
            <a:normAutofit/>
          </a:bodyPr>
          <a:lstStyle>
            <a:lvl1pPr marL="0" indent="0">
              <a:buFontTx/>
              <a:buNone/>
              <a:defRPr sz="9600" b="1">
                <a:solidFill>
                  <a:schemeClr val="bg2"/>
                </a:solidFill>
              </a:defRPr>
            </a:lvl1pPr>
          </a:lstStyle>
          <a:p>
            <a:pPr lvl="0"/>
            <a:r>
              <a:rPr lang="en-US" dirty="0"/>
              <a:t>£00000</a:t>
            </a:r>
            <a:endParaRPr lang="en-GB" dirty="0"/>
          </a:p>
        </p:txBody>
      </p:sp>
      <p:cxnSp>
        <p:nvCxnSpPr>
          <p:cNvPr id="68" name="Straight Connector 67"/>
          <p:cNvCxnSpPr/>
          <p:nvPr userDrawn="1"/>
        </p:nvCxnSpPr>
        <p:spPr>
          <a:xfrm>
            <a:off x="15538155" y="5285440"/>
            <a:ext cx="4022833" cy="0"/>
          </a:xfrm>
          <a:prstGeom prst="line">
            <a:avLst/>
          </a:prstGeom>
          <a:ln w="12700"/>
        </p:spPr>
        <p:style>
          <a:lnRef idx="1">
            <a:schemeClr val="accent1"/>
          </a:lnRef>
          <a:fillRef idx="0">
            <a:schemeClr val="accent1"/>
          </a:fillRef>
          <a:effectRef idx="0">
            <a:schemeClr val="accent1"/>
          </a:effectRef>
          <a:fontRef idx="minor">
            <a:schemeClr val="tx1"/>
          </a:fontRef>
        </p:style>
      </p:cxnSp>
      <p:cxnSp>
        <p:nvCxnSpPr>
          <p:cNvPr id="69" name="Straight Connector 68"/>
          <p:cNvCxnSpPr/>
          <p:nvPr userDrawn="1"/>
        </p:nvCxnSpPr>
        <p:spPr>
          <a:xfrm>
            <a:off x="15538155" y="2903020"/>
            <a:ext cx="4022833" cy="0"/>
          </a:xfrm>
          <a:prstGeom prst="line">
            <a:avLst/>
          </a:prstGeom>
          <a:ln w="12700"/>
        </p:spPr>
        <p:style>
          <a:lnRef idx="1">
            <a:schemeClr val="accent1"/>
          </a:lnRef>
          <a:fillRef idx="0">
            <a:schemeClr val="accent1"/>
          </a:fillRef>
          <a:effectRef idx="0">
            <a:schemeClr val="accent1"/>
          </a:effectRef>
          <a:fontRef idx="minor">
            <a:schemeClr val="tx1"/>
          </a:fontRef>
        </p:style>
      </p:cxnSp>
      <p:sp>
        <p:nvSpPr>
          <p:cNvPr id="70" name="Text Placeholder 24"/>
          <p:cNvSpPr>
            <a:spLocks noGrp="1"/>
          </p:cNvSpPr>
          <p:nvPr>
            <p:ph type="body" sz="quarter" idx="20"/>
          </p:nvPr>
        </p:nvSpPr>
        <p:spPr>
          <a:xfrm>
            <a:off x="15538155" y="6930156"/>
            <a:ext cx="4022833" cy="696277"/>
          </a:xfrm>
        </p:spPr>
        <p:txBody>
          <a:bodyPr>
            <a:noAutofit/>
          </a:bodyPr>
          <a:lstStyle>
            <a:lvl1pPr marL="0" indent="0" algn="ctr">
              <a:buFontTx/>
              <a:buNone/>
              <a:defRPr sz="3200" b="0">
                <a:solidFill>
                  <a:schemeClr val="tx1"/>
                </a:solidFill>
              </a:defRPr>
            </a:lvl1pPr>
          </a:lstStyle>
          <a:p>
            <a:pPr lvl="0"/>
            <a:r>
              <a:rPr lang="en-US" dirty="0"/>
              <a:t>Edit Master text</a:t>
            </a:r>
            <a:endParaRPr lang="en-GB" dirty="0"/>
          </a:p>
        </p:txBody>
      </p:sp>
      <p:sp>
        <p:nvSpPr>
          <p:cNvPr id="71" name="Text Placeholder 24"/>
          <p:cNvSpPr>
            <a:spLocks noGrp="1"/>
          </p:cNvSpPr>
          <p:nvPr>
            <p:ph type="body" sz="quarter" idx="21" hasCustomPrompt="1"/>
          </p:nvPr>
        </p:nvSpPr>
        <p:spPr>
          <a:xfrm>
            <a:off x="15538155" y="5504465"/>
            <a:ext cx="4022833" cy="1380339"/>
          </a:xfrm>
        </p:spPr>
        <p:txBody>
          <a:bodyPr>
            <a:normAutofit/>
          </a:bodyPr>
          <a:lstStyle>
            <a:lvl1pPr marL="0" indent="0">
              <a:buFontTx/>
              <a:buNone/>
              <a:defRPr sz="9600" b="1">
                <a:solidFill>
                  <a:schemeClr val="bg2"/>
                </a:solidFill>
              </a:defRPr>
            </a:lvl1pPr>
          </a:lstStyle>
          <a:p>
            <a:pPr lvl="0"/>
            <a:r>
              <a:rPr lang="en-US" dirty="0"/>
              <a:t>£00000</a:t>
            </a:r>
            <a:endParaRPr lang="en-GB" dirty="0"/>
          </a:p>
        </p:txBody>
      </p:sp>
      <p:cxnSp>
        <p:nvCxnSpPr>
          <p:cNvPr id="72" name="Straight Connector 71"/>
          <p:cNvCxnSpPr/>
          <p:nvPr userDrawn="1"/>
        </p:nvCxnSpPr>
        <p:spPr>
          <a:xfrm>
            <a:off x="15538155" y="7644772"/>
            <a:ext cx="4022833" cy="0"/>
          </a:xfrm>
          <a:prstGeom prst="line">
            <a:avLst/>
          </a:prstGeom>
          <a:ln w="12700"/>
        </p:spPr>
        <p:style>
          <a:lnRef idx="1">
            <a:schemeClr val="accent1"/>
          </a:lnRef>
          <a:fillRef idx="0">
            <a:schemeClr val="accent1"/>
          </a:fillRef>
          <a:effectRef idx="0">
            <a:schemeClr val="accent1"/>
          </a:effectRef>
          <a:fontRef idx="minor">
            <a:schemeClr val="tx1"/>
          </a:fontRef>
        </p:style>
      </p:cxnSp>
      <p:sp>
        <p:nvSpPr>
          <p:cNvPr id="73" name="Text Placeholder 24"/>
          <p:cNvSpPr>
            <a:spLocks noGrp="1"/>
          </p:cNvSpPr>
          <p:nvPr>
            <p:ph type="body" sz="quarter" idx="22"/>
          </p:nvPr>
        </p:nvSpPr>
        <p:spPr>
          <a:xfrm>
            <a:off x="15536153" y="9311529"/>
            <a:ext cx="4022833" cy="696277"/>
          </a:xfrm>
        </p:spPr>
        <p:txBody>
          <a:bodyPr>
            <a:noAutofit/>
          </a:bodyPr>
          <a:lstStyle>
            <a:lvl1pPr marL="0" indent="0" algn="ctr">
              <a:buFontTx/>
              <a:buNone/>
              <a:defRPr sz="3200" b="0">
                <a:solidFill>
                  <a:schemeClr val="tx1"/>
                </a:solidFill>
              </a:defRPr>
            </a:lvl1pPr>
          </a:lstStyle>
          <a:p>
            <a:pPr lvl="0"/>
            <a:r>
              <a:rPr lang="en-US" dirty="0"/>
              <a:t>Edit Master text</a:t>
            </a:r>
            <a:endParaRPr lang="en-GB" dirty="0"/>
          </a:p>
        </p:txBody>
      </p:sp>
      <p:sp>
        <p:nvSpPr>
          <p:cNvPr id="74" name="Text Placeholder 24"/>
          <p:cNvSpPr>
            <a:spLocks noGrp="1"/>
          </p:cNvSpPr>
          <p:nvPr>
            <p:ph type="body" sz="quarter" idx="23" hasCustomPrompt="1"/>
          </p:nvPr>
        </p:nvSpPr>
        <p:spPr>
          <a:xfrm>
            <a:off x="15536153" y="7885838"/>
            <a:ext cx="4022833" cy="1380339"/>
          </a:xfrm>
        </p:spPr>
        <p:txBody>
          <a:bodyPr>
            <a:normAutofit/>
          </a:bodyPr>
          <a:lstStyle>
            <a:lvl1pPr marL="0" indent="0">
              <a:buFontTx/>
              <a:buNone/>
              <a:defRPr sz="9600" b="1">
                <a:solidFill>
                  <a:schemeClr val="bg2"/>
                </a:solidFill>
              </a:defRPr>
            </a:lvl1pPr>
          </a:lstStyle>
          <a:p>
            <a:pPr lvl="0"/>
            <a:r>
              <a:rPr lang="en-US" dirty="0"/>
              <a:t>£00000</a:t>
            </a:r>
            <a:endParaRPr lang="en-GB" dirty="0"/>
          </a:p>
        </p:txBody>
      </p:sp>
      <p:cxnSp>
        <p:nvCxnSpPr>
          <p:cNvPr id="75" name="Straight Connector 74"/>
          <p:cNvCxnSpPr/>
          <p:nvPr userDrawn="1"/>
        </p:nvCxnSpPr>
        <p:spPr>
          <a:xfrm>
            <a:off x="15536153" y="10026145"/>
            <a:ext cx="4022833" cy="0"/>
          </a:xfrm>
          <a:prstGeom prst="line">
            <a:avLst/>
          </a:prstGeom>
          <a:ln w="12700"/>
        </p:spPr>
        <p:style>
          <a:lnRef idx="1">
            <a:schemeClr val="accent1"/>
          </a:lnRef>
          <a:fillRef idx="0">
            <a:schemeClr val="accent1"/>
          </a:fillRef>
          <a:effectRef idx="0">
            <a:schemeClr val="accent1"/>
          </a:effectRef>
          <a:fontRef idx="minor">
            <a:schemeClr val="tx1"/>
          </a:fontRef>
        </p:style>
      </p:cxnSp>
      <p:sp>
        <p:nvSpPr>
          <p:cNvPr id="27" name="Title 4"/>
          <p:cNvSpPr>
            <a:spLocks noGrp="1"/>
          </p:cNvSpPr>
          <p:nvPr>
            <p:ph type="title"/>
          </p:nvPr>
        </p:nvSpPr>
        <p:spPr>
          <a:xfrm>
            <a:off x="842674" y="794960"/>
            <a:ext cx="17793001" cy="984304"/>
          </a:xfrm>
          <a:prstGeom prst="rect">
            <a:avLst/>
          </a:prstGeom>
        </p:spPr>
        <p:txBody>
          <a:bodyPr anchor="t" anchorCtr="0"/>
          <a:lstStyle>
            <a:lvl1pPr>
              <a:defRPr sz="4800">
                <a:solidFill>
                  <a:srgbClr val="114B5F"/>
                </a:solidFill>
              </a:defRPr>
            </a:lvl1pPr>
          </a:lstStyle>
          <a:p>
            <a:r>
              <a:rPr lang="en-US" dirty="0"/>
              <a:t>Click to edit Master title style</a:t>
            </a:r>
            <a:endParaRPr lang="en-GB" dirty="0"/>
          </a:p>
        </p:txBody>
      </p:sp>
      <p:pic>
        <p:nvPicPr>
          <p:cNvPr id="32" name="Picture 31"/>
          <p:cNvPicPr>
            <a:picLocks noChangeAspect="1"/>
          </p:cNvPicPr>
          <p:nvPr userDrawn="1"/>
        </p:nvPicPr>
        <p:blipFill>
          <a:blip r:embed="rId2" cstate="email">
            <a:extLst>
              <a:ext uri="{28A0092B-C50C-407E-A947-70E740481C1C}">
                <a14:useLocalDpi xmlns:a14="http://schemas.microsoft.com/office/drawing/2010/main" val="0"/>
              </a:ext>
            </a:extLst>
          </a:blip>
          <a:stretch>
            <a:fillRect/>
          </a:stretch>
        </p:blipFill>
        <p:spPr>
          <a:xfrm>
            <a:off x="15153862" y="908091"/>
            <a:ext cx="4407126" cy="606456"/>
          </a:xfrm>
          <a:prstGeom prst="rect">
            <a:avLst/>
          </a:prstGeom>
        </p:spPr>
      </p:pic>
    </p:spTree>
    <p:extLst>
      <p:ext uri="{BB962C8B-B14F-4D97-AF65-F5344CB8AC3E}">
        <p14:creationId xmlns:p14="http://schemas.microsoft.com/office/powerpoint/2010/main" val="3589833341"/>
      </p:ext>
    </p:extLst>
  </p:cSld>
  <p:clrMapOvr>
    <a:masterClrMapping/>
  </p:clrMapOvr>
</p:sldLayout>
</file>

<file path=ppt/slideLayouts/slideLayout120.xml><?xml version="1.0" encoding="utf-8"?>
<p:sldLayout xmlns:a="http://schemas.openxmlformats.org/drawingml/2006/main" xmlns:r="http://schemas.openxmlformats.org/officeDocument/2006/relationships" xmlns:p="http://schemas.openxmlformats.org/presentationml/2006/main" matchingName="Background 2">
  <p:cSld name="Background 2">
    <p:spTree>
      <p:nvGrpSpPr>
        <p:cNvPr id="1" name="Shape 608"/>
        <p:cNvGrpSpPr/>
        <p:nvPr/>
      </p:nvGrpSpPr>
      <p:grpSpPr>
        <a:xfrm>
          <a:off x="0" y="0"/>
          <a:ext cx="0" cy="0"/>
          <a:chOff x="0" y="0"/>
          <a:chExt cx="0" cy="0"/>
        </a:xfrm>
      </p:grpSpPr>
      <p:pic>
        <p:nvPicPr>
          <p:cNvPr id="609" name="Google Shape;609;p38"/>
          <p:cNvPicPr preferRelativeResize="0"/>
          <p:nvPr/>
        </p:nvPicPr>
        <p:blipFill rotWithShape="1">
          <a:blip r:embed="rId2">
            <a:alphaModFix amt="58999"/>
          </a:blip>
          <a:srcRect/>
          <a:stretch/>
        </p:blipFill>
        <p:spPr>
          <a:xfrm>
            <a:off x="0" y="0"/>
            <a:ext cx="20320000" cy="11430000"/>
          </a:xfrm>
          <a:prstGeom prst="rect">
            <a:avLst/>
          </a:prstGeom>
          <a:noFill/>
          <a:ln>
            <a:noFill/>
          </a:ln>
        </p:spPr>
      </p:pic>
      <p:grpSp>
        <p:nvGrpSpPr>
          <p:cNvPr id="610" name="Google Shape;610;p38"/>
          <p:cNvGrpSpPr/>
          <p:nvPr/>
        </p:nvGrpSpPr>
        <p:grpSpPr>
          <a:xfrm>
            <a:off x="921445" y="681333"/>
            <a:ext cx="18477111" cy="481333"/>
            <a:chOff x="414650" y="306600"/>
            <a:chExt cx="8314700" cy="216600"/>
          </a:xfrm>
        </p:grpSpPr>
        <p:grpSp>
          <p:nvGrpSpPr>
            <p:cNvPr id="611" name="Google Shape;611;p38"/>
            <p:cNvGrpSpPr/>
            <p:nvPr/>
          </p:nvGrpSpPr>
          <p:grpSpPr>
            <a:xfrm>
              <a:off x="713281" y="389286"/>
              <a:ext cx="7717437" cy="51251"/>
              <a:chOff x="450050" y="465475"/>
              <a:chExt cx="8367600" cy="51241"/>
            </a:xfrm>
          </p:grpSpPr>
          <p:cxnSp>
            <p:nvCxnSpPr>
              <p:cNvPr id="612" name="Google Shape;612;p38"/>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613" name="Google Shape;613;p38"/>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614" name="Google Shape;614;p38"/>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615" name="Google Shape;615;p38"/>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grpSp>
        <p:nvGrpSpPr>
          <p:cNvPr id="616" name="Google Shape;616;p38"/>
          <p:cNvGrpSpPr/>
          <p:nvPr/>
        </p:nvGrpSpPr>
        <p:grpSpPr>
          <a:xfrm flipH="1">
            <a:off x="-95246" y="9278907"/>
            <a:ext cx="20510500" cy="2242200"/>
            <a:chOff x="-42862" y="4175650"/>
            <a:chExt cx="9229725" cy="1008990"/>
          </a:xfrm>
        </p:grpSpPr>
        <p:sp>
          <p:nvSpPr>
            <p:cNvPr id="617" name="Google Shape;617;p38"/>
            <p:cNvSpPr/>
            <p:nvPr/>
          </p:nvSpPr>
          <p:spPr>
            <a:xfrm flipH="1">
              <a:off x="-42862" y="4211397"/>
              <a:ext cx="9229725" cy="937485"/>
            </a:xfrm>
            <a:custGeom>
              <a:avLst/>
              <a:gdLst/>
              <a:ahLst/>
              <a:cxnLst/>
              <a:rect l="l" t="t" r="r" b="b"/>
              <a:pathLst>
                <a:path w="285750" h="81326" extrusionOk="0">
                  <a:moveTo>
                    <a:pt x="84150" y="1"/>
                  </a:moveTo>
                  <a:lnTo>
                    <a:pt x="83270" y="47"/>
                  </a:lnTo>
                  <a:lnTo>
                    <a:pt x="82437" y="186"/>
                  </a:lnTo>
                  <a:lnTo>
                    <a:pt x="80723" y="464"/>
                  </a:lnTo>
                  <a:lnTo>
                    <a:pt x="78917" y="835"/>
                  </a:lnTo>
                  <a:lnTo>
                    <a:pt x="77111" y="1205"/>
                  </a:lnTo>
                  <a:lnTo>
                    <a:pt x="75258" y="1668"/>
                  </a:lnTo>
                  <a:lnTo>
                    <a:pt x="73359" y="2178"/>
                  </a:lnTo>
                  <a:lnTo>
                    <a:pt x="71414" y="2687"/>
                  </a:lnTo>
                  <a:lnTo>
                    <a:pt x="67478" y="3845"/>
                  </a:lnTo>
                  <a:lnTo>
                    <a:pt x="63402" y="5095"/>
                  </a:lnTo>
                  <a:lnTo>
                    <a:pt x="59280" y="6438"/>
                  </a:lnTo>
                  <a:lnTo>
                    <a:pt x="51037" y="9217"/>
                  </a:lnTo>
                  <a:lnTo>
                    <a:pt x="46961" y="10606"/>
                  </a:lnTo>
                  <a:lnTo>
                    <a:pt x="42932" y="11950"/>
                  </a:lnTo>
                  <a:lnTo>
                    <a:pt x="39042" y="13154"/>
                  </a:lnTo>
                  <a:lnTo>
                    <a:pt x="35290" y="14265"/>
                  </a:lnTo>
                  <a:lnTo>
                    <a:pt x="33484" y="14775"/>
                  </a:lnTo>
                  <a:lnTo>
                    <a:pt x="31724" y="15238"/>
                  </a:lnTo>
                  <a:lnTo>
                    <a:pt x="30011" y="15655"/>
                  </a:lnTo>
                  <a:lnTo>
                    <a:pt x="28390" y="16025"/>
                  </a:lnTo>
                  <a:lnTo>
                    <a:pt x="26815" y="16349"/>
                  </a:lnTo>
                  <a:lnTo>
                    <a:pt x="25287" y="16627"/>
                  </a:lnTo>
                  <a:lnTo>
                    <a:pt x="23851" y="16812"/>
                  </a:lnTo>
                  <a:lnTo>
                    <a:pt x="22462" y="16951"/>
                  </a:lnTo>
                  <a:lnTo>
                    <a:pt x="19868" y="17183"/>
                  </a:lnTo>
                  <a:lnTo>
                    <a:pt x="17414" y="17368"/>
                  </a:lnTo>
                  <a:lnTo>
                    <a:pt x="15098" y="17646"/>
                  </a:lnTo>
                  <a:lnTo>
                    <a:pt x="12921" y="17878"/>
                  </a:lnTo>
                  <a:lnTo>
                    <a:pt x="9077" y="18433"/>
                  </a:lnTo>
                  <a:lnTo>
                    <a:pt x="5882" y="18896"/>
                  </a:lnTo>
                  <a:lnTo>
                    <a:pt x="3335" y="19360"/>
                  </a:lnTo>
                  <a:lnTo>
                    <a:pt x="1528" y="19730"/>
                  </a:lnTo>
                  <a:lnTo>
                    <a:pt x="0" y="20101"/>
                  </a:lnTo>
                  <a:lnTo>
                    <a:pt x="0" y="81325"/>
                  </a:lnTo>
                  <a:lnTo>
                    <a:pt x="285750" y="81325"/>
                  </a:lnTo>
                  <a:lnTo>
                    <a:pt x="285750" y="16951"/>
                  </a:lnTo>
                  <a:lnTo>
                    <a:pt x="281906" y="16396"/>
                  </a:lnTo>
                  <a:lnTo>
                    <a:pt x="277460" y="15793"/>
                  </a:lnTo>
                  <a:lnTo>
                    <a:pt x="271578" y="15006"/>
                  </a:lnTo>
                  <a:lnTo>
                    <a:pt x="264492" y="14173"/>
                  </a:lnTo>
                  <a:lnTo>
                    <a:pt x="256388" y="13339"/>
                  </a:lnTo>
                  <a:lnTo>
                    <a:pt x="252034" y="12922"/>
                  </a:lnTo>
                  <a:lnTo>
                    <a:pt x="247496" y="12505"/>
                  </a:lnTo>
                  <a:lnTo>
                    <a:pt x="242818" y="12135"/>
                  </a:lnTo>
                  <a:lnTo>
                    <a:pt x="238002" y="11811"/>
                  </a:lnTo>
                  <a:lnTo>
                    <a:pt x="233139" y="11486"/>
                  </a:lnTo>
                  <a:lnTo>
                    <a:pt x="228137" y="11255"/>
                  </a:lnTo>
                  <a:lnTo>
                    <a:pt x="223135" y="11023"/>
                  </a:lnTo>
                  <a:lnTo>
                    <a:pt x="218133" y="10931"/>
                  </a:lnTo>
                  <a:lnTo>
                    <a:pt x="213132" y="10838"/>
                  </a:lnTo>
                  <a:lnTo>
                    <a:pt x="208130" y="10838"/>
                  </a:lnTo>
                  <a:lnTo>
                    <a:pt x="203221" y="10977"/>
                  </a:lnTo>
                  <a:lnTo>
                    <a:pt x="198404" y="11162"/>
                  </a:lnTo>
                  <a:lnTo>
                    <a:pt x="196042" y="11301"/>
                  </a:lnTo>
                  <a:lnTo>
                    <a:pt x="193680" y="11440"/>
                  </a:lnTo>
                  <a:lnTo>
                    <a:pt x="191365" y="11625"/>
                  </a:lnTo>
                  <a:lnTo>
                    <a:pt x="189141" y="11857"/>
                  </a:lnTo>
                  <a:lnTo>
                    <a:pt x="186918" y="12088"/>
                  </a:lnTo>
                  <a:lnTo>
                    <a:pt x="184695" y="12366"/>
                  </a:lnTo>
                  <a:lnTo>
                    <a:pt x="182565" y="12691"/>
                  </a:lnTo>
                  <a:lnTo>
                    <a:pt x="180527" y="13015"/>
                  </a:lnTo>
                  <a:lnTo>
                    <a:pt x="178490" y="13385"/>
                  </a:lnTo>
                  <a:lnTo>
                    <a:pt x="176498" y="13756"/>
                  </a:lnTo>
                  <a:lnTo>
                    <a:pt x="174599" y="14219"/>
                  </a:lnTo>
                  <a:lnTo>
                    <a:pt x="172747" y="14682"/>
                  </a:lnTo>
                  <a:lnTo>
                    <a:pt x="170987" y="15191"/>
                  </a:lnTo>
                  <a:lnTo>
                    <a:pt x="169273" y="15747"/>
                  </a:lnTo>
                  <a:lnTo>
                    <a:pt x="167652" y="16349"/>
                  </a:lnTo>
                  <a:lnTo>
                    <a:pt x="166124" y="16951"/>
                  </a:lnTo>
                  <a:lnTo>
                    <a:pt x="164596" y="17553"/>
                  </a:lnTo>
                  <a:lnTo>
                    <a:pt x="163114" y="18109"/>
                  </a:lnTo>
                  <a:lnTo>
                    <a:pt x="161585" y="18572"/>
                  </a:lnTo>
                  <a:lnTo>
                    <a:pt x="160057" y="18989"/>
                  </a:lnTo>
                  <a:lnTo>
                    <a:pt x="158529" y="19360"/>
                  </a:lnTo>
                  <a:lnTo>
                    <a:pt x="157047" y="19637"/>
                  </a:lnTo>
                  <a:lnTo>
                    <a:pt x="155518" y="19869"/>
                  </a:lnTo>
                  <a:lnTo>
                    <a:pt x="153990" y="20054"/>
                  </a:lnTo>
                  <a:lnTo>
                    <a:pt x="152508" y="20193"/>
                  </a:lnTo>
                  <a:lnTo>
                    <a:pt x="150980" y="20286"/>
                  </a:lnTo>
                  <a:lnTo>
                    <a:pt x="147969" y="20286"/>
                  </a:lnTo>
                  <a:lnTo>
                    <a:pt x="146487" y="20193"/>
                  </a:lnTo>
                  <a:lnTo>
                    <a:pt x="144959" y="20101"/>
                  </a:lnTo>
                  <a:lnTo>
                    <a:pt x="143477" y="19915"/>
                  </a:lnTo>
                  <a:lnTo>
                    <a:pt x="141995" y="19730"/>
                  </a:lnTo>
                  <a:lnTo>
                    <a:pt x="140513" y="19498"/>
                  </a:lnTo>
                  <a:lnTo>
                    <a:pt x="139031" y="19221"/>
                  </a:lnTo>
                  <a:lnTo>
                    <a:pt x="137549" y="18896"/>
                  </a:lnTo>
                  <a:lnTo>
                    <a:pt x="136067" y="18572"/>
                  </a:lnTo>
                  <a:lnTo>
                    <a:pt x="134585" y="18202"/>
                  </a:lnTo>
                  <a:lnTo>
                    <a:pt x="133149" y="17831"/>
                  </a:lnTo>
                  <a:lnTo>
                    <a:pt x="130232" y="16951"/>
                  </a:lnTo>
                  <a:lnTo>
                    <a:pt x="127360" y="15979"/>
                  </a:lnTo>
                  <a:lnTo>
                    <a:pt x="124535" y="14914"/>
                  </a:lnTo>
                  <a:lnTo>
                    <a:pt x="121710" y="13802"/>
                  </a:lnTo>
                  <a:lnTo>
                    <a:pt x="118931" y="12644"/>
                  </a:lnTo>
                  <a:lnTo>
                    <a:pt x="116245" y="11440"/>
                  </a:lnTo>
                  <a:lnTo>
                    <a:pt x="113559" y="10236"/>
                  </a:lnTo>
                  <a:lnTo>
                    <a:pt x="108326" y="7874"/>
                  </a:lnTo>
                  <a:lnTo>
                    <a:pt x="103324" y="5558"/>
                  </a:lnTo>
                  <a:lnTo>
                    <a:pt x="100916" y="4493"/>
                  </a:lnTo>
                  <a:lnTo>
                    <a:pt x="98554" y="3521"/>
                  </a:lnTo>
                  <a:lnTo>
                    <a:pt x="96284" y="2641"/>
                  </a:lnTo>
                  <a:lnTo>
                    <a:pt x="94061" y="1853"/>
                  </a:lnTo>
                  <a:lnTo>
                    <a:pt x="91931" y="1159"/>
                  </a:lnTo>
                  <a:lnTo>
                    <a:pt x="90912" y="881"/>
                  </a:lnTo>
                  <a:lnTo>
                    <a:pt x="89893" y="649"/>
                  </a:lnTo>
                  <a:lnTo>
                    <a:pt x="88874" y="418"/>
                  </a:lnTo>
                  <a:lnTo>
                    <a:pt x="87902" y="279"/>
                  </a:lnTo>
                  <a:lnTo>
                    <a:pt x="86929" y="140"/>
                  </a:lnTo>
                  <a:lnTo>
                    <a:pt x="86003" y="47"/>
                  </a:lnTo>
                  <a:lnTo>
                    <a:pt x="85077" y="1"/>
                  </a:lnTo>
                  <a:close/>
                </a:path>
              </a:pathLst>
            </a:cu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618" name="Google Shape;618;p38"/>
            <p:cNvSpPr/>
            <p:nvPr/>
          </p:nvSpPr>
          <p:spPr>
            <a:xfrm flipH="1">
              <a:off x="-42608" y="4175650"/>
              <a:ext cx="9229433" cy="937442"/>
            </a:xfrm>
            <a:custGeom>
              <a:avLst/>
              <a:gdLst/>
              <a:ahLst/>
              <a:cxnLst/>
              <a:rect l="l" t="t" r="r" b="b"/>
              <a:pathLst>
                <a:path w="285057" h="22555" extrusionOk="0">
                  <a:moveTo>
                    <a:pt x="1" y="0"/>
                  </a:moveTo>
                  <a:lnTo>
                    <a:pt x="1" y="22554"/>
                  </a:lnTo>
                  <a:lnTo>
                    <a:pt x="285056" y="22554"/>
                  </a:lnTo>
                  <a:lnTo>
                    <a:pt x="285056" y="16904"/>
                  </a:lnTo>
                  <a:lnTo>
                    <a:pt x="281860" y="16673"/>
                  </a:lnTo>
                  <a:lnTo>
                    <a:pt x="273246" y="16117"/>
                  </a:lnTo>
                  <a:lnTo>
                    <a:pt x="267365" y="15654"/>
                  </a:lnTo>
                  <a:lnTo>
                    <a:pt x="260695" y="15144"/>
                  </a:lnTo>
                  <a:lnTo>
                    <a:pt x="253424" y="14496"/>
                  </a:lnTo>
                  <a:lnTo>
                    <a:pt x="245736" y="13801"/>
                  </a:lnTo>
                  <a:lnTo>
                    <a:pt x="237771" y="12968"/>
                  </a:lnTo>
                  <a:lnTo>
                    <a:pt x="229759" y="12088"/>
                  </a:lnTo>
                  <a:lnTo>
                    <a:pt x="225822" y="11625"/>
                  </a:lnTo>
                  <a:lnTo>
                    <a:pt x="221885" y="11115"/>
                  </a:lnTo>
                  <a:lnTo>
                    <a:pt x="218088" y="10606"/>
                  </a:lnTo>
                  <a:lnTo>
                    <a:pt x="214336" y="10050"/>
                  </a:lnTo>
                  <a:lnTo>
                    <a:pt x="210770" y="9494"/>
                  </a:lnTo>
                  <a:lnTo>
                    <a:pt x="207297" y="8892"/>
                  </a:lnTo>
                  <a:lnTo>
                    <a:pt x="204009" y="8290"/>
                  </a:lnTo>
                  <a:lnTo>
                    <a:pt x="200952" y="7688"/>
                  </a:lnTo>
                  <a:lnTo>
                    <a:pt x="198081" y="7040"/>
                  </a:lnTo>
                  <a:lnTo>
                    <a:pt x="195441" y="6391"/>
                  </a:lnTo>
                  <a:lnTo>
                    <a:pt x="193079" y="5697"/>
                  </a:lnTo>
                  <a:lnTo>
                    <a:pt x="192014" y="5326"/>
                  </a:lnTo>
                  <a:lnTo>
                    <a:pt x="190995" y="5002"/>
                  </a:lnTo>
                  <a:lnTo>
                    <a:pt x="190022" y="4632"/>
                  </a:lnTo>
                  <a:lnTo>
                    <a:pt x="189096" y="4354"/>
                  </a:lnTo>
                  <a:lnTo>
                    <a:pt x="188123" y="4030"/>
                  </a:lnTo>
                  <a:lnTo>
                    <a:pt x="187151" y="3798"/>
                  </a:lnTo>
                  <a:lnTo>
                    <a:pt x="186132" y="3566"/>
                  </a:lnTo>
                  <a:lnTo>
                    <a:pt x="185159" y="3381"/>
                  </a:lnTo>
                  <a:lnTo>
                    <a:pt x="183214" y="3057"/>
                  </a:lnTo>
                  <a:lnTo>
                    <a:pt x="181223" y="2872"/>
                  </a:lnTo>
                  <a:lnTo>
                    <a:pt x="179231" y="2733"/>
                  </a:lnTo>
                  <a:lnTo>
                    <a:pt x="177193" y="2733"/>
                  </a:lnTo>
                  <a:lnTo>
                    <a:pt x="175156" y="2779"/>
                  </a:lnTo>
                  <a:lnTo>
                    <a:pt x="173118" y="2918"/>
                  </a:lnTo>
                  <a:lnTo>
                    <a:pt x="171034" y="3103"/>
                  </a:lnTo>
                  <a:lnTo>
                    <a:pt x="168996" y="3381"/>
                  </a:lnTo>
                  <a:lnTo>
                    <a:pt x="166866" y="3705"/>
                  </a:lnTo>
                  <a:lnTo>
                    <a:pt x="164735" y="4076"/>
                  </a:lnTo>
                  <a:lnTo>
                    <a:pt x="162605" y="4493"/>
                  </a:lnTo>
                  <a:lnTo>
                    <a:pt x="160475" y="4956"/>
                  </a:lnTo>
                  <a:lnTo>
                    <a:pt x="158298" y="5465"/>
                  </a:lnTo>
                  <a:lnTo>
                    <a:pt x="153852" y="6484"/>
                  </a:lnTo>
                  <a:lnTo>
                    <a:pt x="149359" y="7596"/>
                  </a:lnTo>
                  <a:lnTo>
                    <a:pt x="144775" y="8707"/>
                  </a:lnTo>
                  <a:lnTo>
                    <a:pt x="140097" y="9772"/>
                  </a:lnTo>
                  <a:lnTo>
                    <a:pt x="137735" y="10282"/>
                  </a:lnTo>
                  <a:lnTo>
                    <a:pt x="135327" y="10745"/>
                  </a:lnTo>
                  <a:lnTo>
                    <a:pt x="132918" y="11162"/>
                  </a:lnTo>
                  <a:lnTo>
                    <a:pt x="130464" y="11532"/>
                  </a:lnTo>
                  <a:lnTo>
                    <a:pt x="127963" y="11903"/>
                  </a:lnTo>
                  <a:lnTo>
                    <a:pt x="125462" y="12180"/>
                  </a:lnTo>
                  <a:lnTo>
                    <a:pt x="122961" y="12366"/>
                  </a:lnTo>
                  <a:lnTo>
                    <a:pt x="120414" y="12505"/>
                  </a:lnTo>
                  <a:lnTo>
                    <a:pt x="117635" y="12597"/>
                  </a:lnTo>
                  <a:lnTo>
                    <a:pt x="114532" y="12597"/>
                  </a:lnTo>
                  <a:lnTo>
                    <a:pt x="111105" y="12505"/>
                  </a:lnTo>
                  <a:lnTo>
                    <a:pt x="107354" y="12319"/>
                  </a:lnTo>
                  <a:lnTo>
                    <a:pt x="103371" y="12088"/>
                  </a:lnTo>
                  <a:lnTo>
                    <a:pt x="99110" y="11810"/>
                  </a:lnTo>
                  <a:lnTo>
                    <a:pt x="94664" y="11486"/>
                  </a:lnTo>
                  <a:lnTo>
                    <a:pt x="90033" y="11069"/>
                  </a:lnTo>
                  <a:lnTo>
                    <a:pt x="85263" y="10606"/>
                  </a:lnTo>
                  <a:lnTo>
                    <a:pt x="80353" y="10143"/>
                  </a:lnTo>
                  <a:lnTo>
                    <a:pt x="70257" y="9078"/>
                  </a:lnTo>
                  <a:lnTo>
                    <a:pt x="60068" y="7920"/>
                  </a:lnTo>
                  <a:lnTo>
                    <a:pt x="49926" y="6716"/>
                  </a:lnTo>
                  <a:lnTo>
                    <a:pt x="40108" y="5465"/>
                  </a:lnTo>
                  <a:lnTo>
                    <a:pt x="30891" y="4261"/>
                  </a:lnTo>
                  <a:lnTo>
                    <a:pt x="22416" y="3150"/>
                  </a:lnTo>
                  <a:lnTo>
                    <a:pt x="14960" y="2131"/>
                  </a:lnTo>
                  <a:lnTo>
                    <a:pt x="4076" y="602"/>
                  </a:lnTo>
                  <a:lnTo>
                    <a:pt x="1" y="0"/>
                  </a:lnTo>
                  <a:close/>
                </a:path>
              </a:pathLst>
            </a:custGeom>
            <a:solidFill>
              <a:schemeClr val="l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619" name="Google Shape;619;p38"/>
            <p:cNvSpPr/>
            <p:nvPr/>
          </p:nvSpPr>
          <p:spPr>
            <a:xfrm flipH="1">
              <a:off x="-42608" y="4610670"/>
              <a:ext cx="9229433" cy="502399"/>
            </a:xfrm>
            <a:custGeom>
              <a:avLst/>
              <a:gdLst/>
              <a:ahLst/>
              <a:cxnLst/>
              <a:rect l="l" t="t" r="r" b="b"/>
              <a:pathLst>
                <a:path w="285057" h="13941" extrusionOk="0">
                  <a:moveTo>
                    <a:pt x="238141" y="0"/>
                  </a:moveTo>
                  <a:lnTo>
                    <a:pt x="234529" y="47"/>
                  </a:lnTo>
                  <a:lnTo>
                    <a:pt x="230777" y="186"/>
                  </a:lnTo>
                  <a:lnTo>
                    <a:pt x="226933" y="325"/>
                  </a:lnTo>
                  <a:lnTo>
                    <a:pt x="222997" y="602"/>
                  </a:lnTo>
                  <a:lnTo>
                    <a:pt x="218921" y="927"/>
                  </a:lnTo>
                  <a:lnTo>
                    <a:pt x="214799" y="1343"/>
                  </a:lnTo>
                  <a:lnTo>
                    <a:pt x="210585" y="1853"/>
                  </a:lnTo>
                  <a:lnTo>
                    <a:pt x="206278" y="2455"/>
                  </a:lnTo>
                  <a:lnTo>
                    <a:pt x="204009" y="2733"/>
                  </a:lnTo>
                  <a:lnTo>
                    <a:pt x="201647" y="3057"/>
                  </a:lnTo>
                  <a:lnTo>
                    <a:pt x="199053" y="3289"/>
                  </a:lnTo>
                  <a:lnTo>
                    <a:pt x="196367" y="3566"/>
                  </a:lnTo>
                  <a:lnTo>
                    <a:pt x="193542" y="3798"/>
                  </a:lnTo>
                  <a:lnTo>
                    <a:pt x="190578" y="4030"/>
                  </a:lnTo>
                  <a:lnTo>
                    <a:pt x="184279" y="4400"/>
                  </a:lnTo>
                  <a:lnTo>
                    <a:pt x="177518" y="4724"/>
                  </a:lnTo>
                  <a:lnTo>
                    <a:pt x="170386" y="5002"/>
                  </a:lnTo>
                  <a:lnTo>
                    <a:pt x="162883" y="5187"/>
                  </a:lnTo>
                  <a:lnTo>
                    <a:pt x="155056" y="5326"/>
                  </a:lnTo>
                  <a:lnTo>
                    <a:pt x="146998" y="5465"/>
                  </a:lnTo>
                  <a:lnTo>
                    <a:pt x="138708" y="5512"/>
                  </a:lnTo>
                  <a:lnTo>
                    <a:pt x="130232" y="5512"/>
                  </a:lnTo>
                  <a:lnTo>
                    <a:pt x="121711" y="5465"/>
                  </a:lnTo>
                  <a:lnTo>
                    <a:pt x="113050" y="5419"/>
                  </a:lnTo>
                  <a:lnTo>
                    <a:pt x="104436" y="5280"/>
                  </a:lnTo>
                  <a:lnTo>
                    <a:pt x="95776" y="5187"/>
                  </a:lnTo>
                  <a:lnTo>
                    <a:pt x="87254" y="5002"/>
                  </a:lnTo>
                  <a:lnTo>
                    <a:pt x="70581" y="4632"/>
                  </a:lnTo>
                  <a:lnTo>
                    <a:pt x="54789" y="4215"/>
                  </a:lnTo>
                  <a:lnTo>
                    <a:pt x="40293" y="3752"/>
                  </a:lnTo>
                  <a:lnTo>
                    <a:pt x="27418" y="3242"/>
                  </a:lnTo>
                  <a:lnTo>
                    <a:pt x="16534" y="2825"/>
                  </a:lnTo>
                  <a:lnTo>
                    <a:pt x="8105" y="2409"/>
                  </a:lnTo>
                  <a:lnTo>
                    <a:pt x="2455" y="2131"/>
                  </a:lnTo>
                  <a:lnTo>
                    <a:pt x="834" y="1992"/>
                  </a:lnTo>
                  <a:lnTo>
                    <a:pt x="1" y="1946"/>
                  </a:lnTo>
                  <a:lnTo>
                    <a:pt x="1" y="13940"/>
                  </a:lnTo>
                  <a:lnTo>
                    <a:pt x="285056" y="13940"/>
                  </a:lnTo>
                  <a:lnTo>
                    <a:pt x="285056" y="5512"/>
                  </a:lnTo>
                  <a:lnTo>
                    <a:pt x="283574" y="5095"/>
                  </a:lnTo>
                  <a:lnTo>
                    <a:pt x="281768" y="4632"/>
                  </a:lnTo>
                  <a:lnTo>
                    <a:pt x="279267" y="4076"/>
                  </a:lnTo>
                  <a:lnTo>
                    <a:pt x="276118" y="3428"/>
                  </a:lnTo>
                  <a:lnTo>
                    <a:pt x="272366" y="2733"/>
                  </a:lnTo>
                  <a:lnTo>
                    <a:pt x="270236" y="2362"/>
                  </a:lnTo>
                  <a:lnTo>
                    <a:pt x="268013" y="2038"/>
                  </a:lnTo>
                  <a:lnTo>
                    <a:pt x="265605" y="1714"/>
                  </a:lnTo>
                  <a:lnTo>
                    <a:pt x="263057" y="1390"/>
                  </a:lnTo>
                  <a:lnTo>
                    <a:pt x="260371" y="1112"/>
                  </a:lnTo>
                  <a:lnTo>
                    <a:pt x="257593" y="834"/>
                  </a:lnTo>
                  <a:lnTo>
                    <a:pt x="254629" y="602"/>
                  </a:lnTo>
                  <a:lnTo>
                    <a:pt x="251572" y="371"/>
                  </a:lnTo>
                  <a:lnTo>
                    <a:pt x="248423" y="232"/>
                  </a:lnTo>
                  <a:lnTo>
                    <a:pt x="245088" y="93"/>
                  </a:lnTo>
                  <a:lnTo>
                    <a:pt x="241661" y="47"/>
                  </a:lnTo>
                  <a:lnTo>
                    <a:pt x="238141" y="0"/>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620" name="Google Shape;620;p38"/>
            <p:cNvSpPr/>
            <p:nvPr/>
          </p:nvSpPr>
          <p:spPr>
            <a:xfrm flipH="1">
              <a:off x="-42608" y="4653459"/>
              <a:ext cx="9229433" cy="531181"/>
            </a:xfrm>
            <a:custGeom>
              <a:avLst/>
              <a:gdLst/>
              <a:ahLst/>
              <a:cxnLst/>
              <a:rect l="l" t="t" r="r" b="b"/>
              <a:pathLst>
                <a:path w="285057" h="21397" extrusionOk="0">
                  <a:moveTo>
                    <a:pt x="60439" y="1"/>
                  </a:moveTo>
                  <a:lnTo>
                    <a:pt x="57058" y="47"/>
                  </a:lnTo>
                  <a:lnTo>
                    <a:pt x="55530" y="47"/>
                  </a:lnTo>
                  <a:lnTo>
                    <a:pt x="54048" y="140"/>
                  </a:lnTo>
                  <a:lnTo>
                    <a:pt x="52658" y="232"/>
                  </a:lnTo>
                  <a:lnTo>
                    <a:pt x="51362" y="371"/>
                  </a:lnTo>
                  <a:lnTo>
                    <a:pt x="50157" y="510"/>
                  </a:lnTo>
                  <a:lnTo>
                    <a:pt x="49046" y="695"/>
                  </a:lnTo>
                  <a:lnTo>
                    <a:pt x="48073" y="927"/>
                  </a:lnTo>
                  <a:lnTo>
                    <a:pt x="47147" y="1205"/>
                  </a:lnTo>
                  <a:lnTo>
                    <a:pt x="43674" y="2270"/>
                  </a:lnTo>
                  <a:lnTo>
                    <a:pt x="40015" y="3335"/>
                  </a:lnTo>
                  <a:lnTo>
                    <a:pt x="36171" y="4400"/>
                  </a:lnTo>
                  <a:lnTo>
                    <a:pt x="32234" y="5419"/>
                  </a:lnTo>
                  <a:lnTo>
                    <a:pt x="28298" y="6392"/>
                  </a:lnTo>
                  <a:lnTo>
                    <a:pt x="24361" y="7318"/>
                  </a:lnTo>
                  <a:lnTo>
                    <a:pt x="16859" y="9032"/>
                  </a:lnTo>
                  <a:lnTo>
                    <a:pt x="10190" y="10467"/>
                  </a:lnTo>
                  <a:lnTo>
                    <a:pt x="4864" y="11579"/>
                  </a:lnTo>
                  <a:lnTo>
                    <a:pt x="1" y="12551"/>
                  </a:lnTo>
                  <a:lnTo>
                    <a:pt x="1" y="21397"/>
                  </a:lnTo>
                  <a:lnTo>
                    <a:pt x="285056" y="21397"/>
                  </a:lnTo>
                  <a:lnTo>
                    <a:pt x="285056" y="1205"/>
                  </a:lnTo>
                  <a:lnTo>
                    <a:pt x="280934" y="1853"/>
                  </a:lnTo>
                  <a:lnTo>
                    <a:pt x="275840" y="2687"/>
                  </a:lnTo>
                  <a:lnTo>
                    <a:pt x="263382" y="4910"/>
                  </a:lnTo>
                  <a:lnTo>
                    <a:pt x="248700" y="7503"/>
                  </a:lnTo>
                  <a:lnTo>
                    <a:pt x="240874" y="8846"/>
                  </a:lnTo>
                  <a:lnTo>
                    <a:pt x="232861" y="10143"/>
                  </a:lnTo>
                  <a:lnTo>
                    <a:pt x="224849" y="11440"/>
                  </a:lnTo>
                  <a:lnTo>
                    <a:pt x="216884" y="12551"/>
                  </a:lnTo>
                  <a:lnTo>
                    <a:pt x="212993" y="13107"/>
                  </a:lnTo>
                  <a:lnTo>
                    <a:pt x="209196" y="13570"/>
                  </a:lnTo>
                  <a:lnTo>
                    <a:pt x="205491" y="14033"/>
                  </a:lnTo>
                  <a:lnTo>
                    <a:pt x="201878" y="14404"/>
                  </a:lnTo>
                  <a:lnTo>
                    <a:pt x="198405" y="14728"/>
                  </a:lnTo>
                  <a:lnTo>
                    <a:pt x="195070" y="15006"/>
                  </a:lnTo>
                  <a:lnTo>
                    <a:pt x="191875" y="15191"/>
                  </a:lnTo>
                  <a:lnTo>
                    <a:pt x="188864" y="15330"/>
                  </a:lnTo>
                  <a:lnTo>
                    <a:pt x="186039" y="15423"/>
                  </a:lnTo>
                  <a:lnTo>
                    <a:pt x="183446" y="15376"/>
                  </a:lnTo>
                  <a:lnTo>
                    <a:pt x="181037" y="15284"/>
                  </a:lnTo>
                  <a:lnTo>
                    <a:pt x="179926" y="15191"/>
                  </a:lnTo>
                  <a:lnTo>
                    <a:pt x="178907" y="15052"/>
                  </a:lnTo>
                  <a:lnTo>
                    <a:pt x="174044" y="14404"/>
                  </a:lnTo>
                  <a:lnTo>
                    <a:pt x="167746" y="13478"/>
                  </a:lnTo>
                  <a:lnTo>
                    <a:pt x="151721" y="10977"/>
                  </a:lnTo>
                  <a:lnTo>
                    <a:pt x="142366" y="9495"/>
                  </a:lnTo>
                  <a:lnTo>
                    <a:pt x="132455" y="8013"/>
                  </a:lnTo>
                  <a:lnTo>
                    <a:pt x="122128" y="6484"/>
                  </a:lnTo>
                  <a:lnTo>
                    <a:pt x="111661" y="4956"/>
                  </a:lnTo>
                  <a:lnTo>
                    <a:pt x="101194" y="3567"/>
                  </a:lnTo>
                  <a:lnTo>
                    <a:pt x="96053" y="2965"/>
                  </a:lnTo>
                  <a:lnTo>
                    <a:pt x="91005" y="2363"/>
                  </a:lnTo>
                  <a:lnTo>
                    <a:pt x="86096" y="1807"/>
                  </a:lnTo>
                  <a:lnTo>
                    <a:pt x="81280" y="1344"/>
                  </a:lnTo>
                  <a:lnTo>
                    <a:pt x="76695" y="881"/>
                  </a:lnTo>
                  <a:lnTo>
                    <a:pt x="72249" y="556"/>
                  </a:lnTo>
                  <a:lnTo>
                    <a:pt x="68081" y="279"/>
                  </a:lnTo>
                  <a:lnTo>
                    <a:pt x="64098" y="93"/>
                  </a:lnTo>
                  <a:lnTo>
                    <a:pt x="60439" y="1"/>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grpSp>
        <p:nvGrpSpPr>
          <p:cNvPr id="621" name="Google Shape;621;p38"/>
          <p:cNvGrpSpPr/>
          <p:nvPr/>
        </p:nvGrpSpPr>
        <p:grpSpPr>
          <a:xfrm>
            <a:off x="-294777" y="6393952"/>
            <a:ext cx="20963367" cy="4886331"/>
            <a:chOff x="-132650" y="2877278"/>
            <a:chExt cx="9433515" cy="2198849"/>
          </a:xfrm>
        </p:grpSpPr>
        <p:grpSp>
          <p:nvGrpSpPr>
            <p:cNvPr id="622" name="Google Shape;622;p38"/>
            <p:cNvGrpSpPr/>
            <p:nvPr/>
          </p:nvGrpSpPr>
          <p:grpSpPr>
            <a:xfrm>
              <a:off x="-132650" y="2960438"/>
              <a:ext cx="8862000" cy="1588763"/>
              <a:chOff x="-132650" y="2960438"/>
              <a:chExt cx="8862000" cy="1588763"/>
            </a:xfrm>
          </p:grpSpPr>
          <p:sp>
            <p:nvSpPr>
              <p:cNvPr id="623" name="Google Shape;623;p38"/>
              <p:cNvSpPr/>
              <p:nvPr/>
            </p:nvSpPr>
            <p:spPr>
              <a:xfrm>
                <a:off x="-132650" y="2960438"/>
                <a:ext cx="462000" cy="1352350"/>
              </a:xfrm>
              <a:custGeom>
                <a:avLst/>
                <a:gdLst/>
                <a:ahLst/>
                <a:cxnLst/>
                <a:rect l="l" t="t" r="r" b="b"/>
                <a:pathLst>
                  <a:path w="18480" h="54094" extrusionOk="0">
                    <a:moveTo>
                      <a:pt x="2177" y="27464"/>
                    </a:moveTo>
                    <a:lnTo>
                      <a:pt x="2363" y="27973"/>
                    </a:lnTo>
                    <a:lnTo>
                      <a:pt x="2594" y="28436"/>
                    </a:lnTo>
                    <a:lnTo>
                      <a:pt x="2872" y="28853"/>
                    </a:lnTo>
                    <a:lnTo>
                      <a:pt x="3243" y="29224"/>
                    </a:lnTo>
                    <a:lnTo>
                      <a:pt x="3613" y="29548"/>
                    </a:lnTo>
                    <a:lnTo>
                      <a:pt x="4122" y="29779"/>
                    </a:lnTo>
                    <a:lnTo>
                      <a:pt x="4632" y="30011"/>
                    </a:lnTo>
                    <a:lnTo>
                      <a:pt x="5188" y="30196"/>
                    </a:lnTo>
                    <a:lnTo>
                      <a:pt x="5327" y="31539"/>
                    </a:lnTo>
                    <a:lnTo>
                      <a:pt x="4863" y="31493"/>
                    </a:lnTo>
                    <a:lnTo>
                      <a:pt x="4447" y="31400"/>
                    </a:lnTo>
                    <a:lnTo>
                      <a:pt x="3984" y="31261"/>
                    </a:lnTo>
                    <a:lnTo>
                      <a:pt x="3613" y="31076"/>
                    </a:lnTo>
                    <a:lnTo>
                      <a:pt x="3243" y="30845"/>
                    </a:lnTo>
                    <a:lnTo>
                      <a:pt x="2918" y="30613"/>
                    </a:lnTo>
                    <a:lnTo>
                      <a:pt x="2687" y="30335"/>
                    </a:lnTo>
                    <a:lnTo>
                      <a:pt x="2502" y="30011"/>
                    </a:lnTo>
                    <a:lnTo>
                      <a:pt x="2409" y="29733"/>
                    </a:lnTo>
                    <a:lnTo>
                      <a:pt x="2316" y="29455"/>
                    </a:lnTo>
                    <a:lnTo>
                      <a:pt x="2224" y="28807"/>
                    </a:lnTo>
                    <a:lnTo>
                      <a:pt x="2224" y="28158"/>
                    </a:lnTo>
                    <a:lnTo>
                      <a:pt x="2177" y="27464"/>
                    </a:lnTo>
                    <a:close/>
                    <a:moveTo>
                      <a:pt x="7457" y="1"/>
                    </a:moveTo>
                    <a:lnTo>
                      <a:pt x="7179" y="47"/>
                    </a:lnTo>
                    <a:lnTo>
                      <a:pt x="6901" y="140"/>
                    </a:lnTo>
                    <a:lnTo>
                      <a:pt x="6670" y="278"/>
                    </a:lnTo>
                    <a:lnTo>
                      <a:pt x="6484" y="510"/>
                    </a:lnTo>
                    <a:lnTo>
                      <a:pt x="6299" y="881"/>
                    </a:lnTo>
                    <a:lnTo>
                      <a:pt x="6114" y="1251"/>
                    </a:lnTo>
                    <a:lnTo>
                      <a:pt x="5882" y="2038"/>
                    </a:lnTo>
                    <a:lnTo>
                      <a:pt x="5697" y="2826"/>
                    </a:lnTo>
                    <a:lnTo>
                      <a:pt x="5604" y="3613"/>
                    </a:lnTo>
                    <a:lnTo>
                      <a:pt x="5558" y="4400"/>
                    </a:lnTo>
                    <a:lnTo>
                      <a:pt x="5558" y="5234"/>
                    </a:lnTo>
                    <a:lnTo>
                      <a:pt x="5558" y="6901"/>
                    </a:lnTo>
                    <a:lnTo>
                      <a:pt x="5558" y="10004"/>
                    </a:lnTo>
                    <a:lnTo>
                      <a:pt x="5604" y="13107"/>
                    </a:lnTo>
                    <a:lnTo>
                      <a:pt x="5651" y="14913"/>
                    </a:lnTo>
                    <a:lnTo>
                      <a:pt x="5604" y="16719"/>
                    </a:lnTo>
                    <a:lnTo>
                      <a:pt x="5558" y="18479"/>
                    </a:lnTo>
                    <a:lnTo>
                      <a:pt x="5466" y="19405"/>
                    </a:lnTo>
                    <a:lnTo>
                      <a:pt x="5327" y="20285"/>
                    </a:lnTo>
                    <a:lnTo>
                      <a:pt x="5095" y="21860"/>
                    </a:lnTo>
                    <a:lnTo>
                      <a:pt x="4817" y="23388"/>
                    </a:lnTo>
                    <a:lnTo>
                      <a:pt x="4771" y="24176"/>
                    </a:lnTo>
                    <a:lnTo>
                      <a:pt x="4725" y="24963"/>
                    </a:lnTo>
                    <a:lnTo>
                      <a:pt x="4725" y="25750"/>
                    </a:lnTo>
                    <a:lnTo>
                      <a:pt x="4817" y="26538"/>
                    </a:lnTo>
                    <a:lnTo>
                      <a:pt x="4910" y="27603"/>
                    </a:lnTo>
                    <a:lnTo>
                      <a:pt x="4539" y="27047"/>
                    </a:lnTo>
                    <a:lnTo>
                      <a:pt x="4261" y="26445"/>
                    </a:lnTo>
                    <a:lnTo>
                      <a:pt x="4030" y="25797"/>
                    </a:lnTo>
                    <a:lnTo>
                      <a:pt x="3891" y="25195"/>
                    </a:lnTo>
                    <a:lnTo>
                      <a:pt x="3845" y="24546"/>
                    </a:lnTo>
                    <a:lnTo>
                      <a:pt x="3798" y="23851"/>
                    </a:lnTo>
                    <a:lnTo>
                      <a:pt x="3845" y="22416"/>
                    </a:lnTo>
                    <a:lnTo>
                      <a:pt x="3798" y="21721"/>
                    </a:lnTo>
                    <a:lnTo>
                      <a:pt x="3752" y="21397"/>
                    </a:lnTo>
                    <a:lnTo>
                      <a:pt x="3659" y="21073"/>
                    </a:lnTo>
                    <a:lnTo>
                      <a:pt x="3567" y="20795"/>
                    </a:lnTo>
                    <a:lnTo>
                      <a:pt x="3428" y="20517"/>
                    </a:lnTo>
                    <a:lnTo>
                      <a:pt x="3243" y="20285"/>
                    </a:lnTo>
                    <a:lnTo>
                      <a:pt x="3011" y="20054"/>
                    </a:lnTo>
                    <a:lnTo>
                      <a:pt x="2965" y="20008"/>
                    </a:lnTo>
                    <a:lnTo>
                      <a:pt x="2872" y="20054"/>
                    </a:lnTo>
                    <a:lnTo>
                      <a:pt x="2502" y="20332"/>
                    </a:lnTo>
                    <a:lnTo>
                      <a:pt x="2224" y="20656"/>
                    </a:lnTo>
                    <a:lnTo>
                      <a:pt x="1992" y="21026"/>
                    </a:lnTo>
                    <a:lnTo>
                      <a:pt x="1853" y="21490"/>
                    </a:lnTo>
                    <a:lnTo>
                      <a:pt x="1761" y="21953"/>
                    </a:lnTo>
                    <a:lnTo>
                      <a:pt x="1714" y="22416"/>
                    </a:lnTo>
                    <a:lnTo>
                      <a:pt x="1668" y="22925"/>
                    </a:lnTo>
                    <a:lnTo>
                      <a:pt x="1668" y="23435"/>
                    </a:lnTo>
                    <a:lnTo>
                      <a:pt x="1483" y="22694"/>
                    </a:lnTo>
                    <a:lnTo>
                      <a:pt x="1297" y="21953"/>
                    </a:lnTo>
                    <a:lnTo>
                      <a:pt x="1020" y="21212"/>
                    </a:lnTo>
                    <a:lnTo>
                      <a:pt x="742" y="20424"/>
                    </a:lnTo>
                    <a:lnTo>
                      <a:pt x="695" y="20378"/>
                    </a:lnTo>
                    <a:lnTo>
                      <a:pt x="603" y="20424"/>
                    </a:lnTo>
                    <a:lnTo>
                      <a:pt x="371" y="21397"/>
                    </a:lnTo>
                    <a:lnTo>
                      <a:pt x="232" y="22323"/>
                    </a:lnTo>
                    <a:lnTo>
                      <a:pt x="93" y="23296"/>
                    </a:lnTo>
                    <a:lnTo>
                      <a:pt x="1" y="24268"/>
                    </a:lnTo>
                    <a:lnTo>
                      <a:pt x="1" y="25195"/>
                    </a:lnTo>
                    <a:lnTo>
                      <a:pt x="1" y="26167"/>
                    </a:lnTo>
                    <a:lnTo>
                      <a:pt x="47" y="28158"/>
                    </a:lnTo>
                    <a:lnTo>
                      <a:pt x="140" y="28853"/>
                    </a:lnTo>
                    <a:lnTo>
                      <a:pt x="186" y="29455"/>
                    </a:lnTo>
                    <a:lnTo>
                      <a:pt x="325" y="30057"/>
                    </a:lnTo>
                    <a:lnTo>
                      <a:pt x="510" y="30567"/>
                    </a:lnTo>
                    <a:lnTo>
                      <a:pt x="788" y="31030"/>
                    </a:lnTo>
                    <a:lnTo>
                      <a:pt x="1112" y="31493"/>
                    </a:lnTo>
                    <a:lnTo>
                      <a:pt x="1575" y="31863"/>
                    </a:lnTo>
                    <a:lnTo>
                      <a:pt x="2177" y="32234"/>
                    </a:lnTo>
                    <a:lnTo>
                      <a:pt x="2548" y="32419"/>
                    </a:lnTo>
                    <a:lnTo>
                      <a:pt x="2918" y="32604"/>
                    </a:lnTo>
                    <a:lnTo>
                      <a:pt x="3752" y="32836"/>
                    </a:lnTo>
                    <a:lnTo>
                      <a:pt x="4586" y="33021"/>
                    </a:lnTo>
                    <a:lnTo>
                      <a:pt x="5002" y="33068"/>
                    </a:lnTo>
                    <a:lnTo>
                      <a:pt x="5419" y="33068"/>
                    </a:lnTo>
                    <a:lnTo>
                      <a:pt x="5466" y="34503"/>
                    </a:lnTo>
                    <a:lnTo>
                      <a:pt x="5466" y="35985"/>
                    </a:lnTo>
                    <a:lnTo>
                      <a:pt x="5466" y="37514"/>
                    </a:lnTo>
                    <a:lnTo>
                      <a:pt x="5419" y="39042"/>
                    </a:lnTo>
                    <a:lnTo>
                      <a:pt x="5141" y="45711"/>
                    </a:lnTo>
                    <a:lnTo>
                      <a:pt x="5002" y="47517"/>
                    </a:lnTo>
                    <a:lnTo>
                      <a:pt x="4863" y="49370"/>
                    </a:lnTo>
                    <a:lnTo>
                      <a:pt x="4863" y="50249"/>
                    </a:lnTo>
                    <a:lnTo>
                      <a:pt x="4863" y="51176"/>
                    </a:lnTo>
                    <a:lnTo>
                      <a:pt x="4863" y="52056"/>
                    </a:lnTo>
                    <a:lnTo>
                      <a:pt x="5002" y="52936"/>
                    </a:lnTo>
                    <a:lnTo>
                      <a:pt x="5095" y="53260"/>
                    </a:lnTo>
                    <a:lnTo>
                      <a:pt x="5234" y="53538"/>
                    </a:lnTo>
                    <a:lnTo>
                      <a:pt x="5419" y="53769"/>
                    </a:lnTo>
                    <a:lnTo>
                      <a:pt x="5697" y="53908"/>
                    </a:lnTo>
                    <a:lnTo>
                      <a:pt x="5975" y="54001"/>
                    </a:lnTo>
                    <a:lnTo>
                      <a:pt x="6299" y="54093"/>
                    </a:lnTo>
                    <a:lnTo>
                      <a:pt x="6948" y="54093"/>
                    </a:lnTo>
                    <a:lnTo>
                      <a:pt x="7272" y="54047"/>
                    </a:lnTo>
                    <a:lnTo>
                      <a:pt x="7596" y="53954"/>
                    </a:lnTo>
                    <a:lnTo>
                      <a:pt x="7874" y="53816"/>
                    </a:lnTo>
                    <a:lnTo>
                      <a:pt x="8105" y="53677"/>
                    </a:lnTo>
                    <a:lnTo>
                      <a:pt x="8337" y="53538"/>
                    </a:lnTo>
                    <a:lnTo>
                      <a:pt x="8476" y="53352"/>
                    </a:lnTo>
                    <a:lnTo>
                      <a:pt x="8568" y="53121"/>
                    </a:lnTo>
                    <a:lnTo>
                      <a:pt x="8568" y="52936"/>
                    </a:lnTo>
                    <a:lnTo>
                      <a:pt x="8754" y="52102"/>
                    </a:lnTo>
                    <a:lnTo>
                      <a:pt x="8939" y="51315"/>
                    </a:lnTo>
                    <a:lnTo>
                      <a:pt x="9171" y="49647"/>
                    </a:lnTo>
                    <a:lnTo>
                      <a:pt x="9310" y="47980"/>
                    </a:lnTo>
                    <a:lnTo>
                      <a:pt x="9356" y="46267"/>
                    </a:lnTo>
                    <a:lnTo>
                      <a:pt x="9402" y="42840"/>
                    </a:lnTo>
                    <a:lnTo>
                      <a:pt x="9448" y="41172"/>
                    </a:lnTo>
                    <a:lnTo>
                      <a:pt x="9495" y="39551"/>
                    </a:lnTo>
                    <a:lnTo>
                      <a:pt x="9541" y="38255"/>
                    </a:lnTo>
                    <a:lnTo>
                      <a:pt x="10282" y="38255"/>
                    </a:lnTo>
                    <a:lnTo>
                      <a:pt x="10699" y="38162"/>
                    </a:lnTo>
                    <a:lnTo>
                      <a:pt x="11162" y="38069"/>
                    </a:lnTo>
                    <a:lnTo>
                      <a:pt x="11579" y="37977"/>
                    </a:lnTo>
                    <a:lnTo>
                      <a:pt x="11996" y="37838"/>
                    </a:lnTo>
                    <a:lnTo>
                      <a:pt x="12366" y="37653"/>
                    </a:lnTo>
                    <a:lnTo>
                      <a:pt x="12737" y="37467"/>
                    </a:lnTo>
                    <a:lnTo>
                      <a:pt x="13107" y="37236"/>
                    </a:lnTo>
                    <a:lnTo>
                      <a:pt x="13478" y="36958"/>
                    </a:lnTo>
                    <a:lnTo>
                      <a:pt x="13802" y="36726"/>
                    </a:lnTo>
                    <a:lnTo>
                      <a:pt x="14080" y="36402"/>
                    </a:lnTo>
                    <a:lnTo>
                      <a:pt x="14358" y="36078"/>
                    </a:lnTo>
                    <a:lnTo>
                      <a:pt x="14635" y="35754"/>
                    </a:lnTo>
                    <a:lnTo>
                      <a:pt x="14867" y="35383"/>
                    </a:lnTo>
                    <a:lnTo>
                      <a:pt x="15099" y="34966"/>
                    </a:lnTo>
                    <a:lnTo>
                      <a:pt x="15284" y="34550"/>
                    </a:lnTo>
                    <a:lnTo>
                      <a:pt x="15562" y="33901"/>
                    </a:lnTo>
                    <a:lnTo>
                      <a:pt x="15840" y="33207"/>
                    </a:lnTo>
                    <a:lnTo>
                      <a:pt x="16303" y="31863"/>
                    </a:lnTo>
                    <a:lnTo>
                      <a:pt x="17136" y="29085"/>
                    </a:lnTo>
                    <a:lnTo>
                      <a:pt x="17553" y="27788"/>
                    </a:lnTo>
                    <a:lnTo>
                      <a:pt x="17970" y="26538"/>
                    </a:lnTo>
                    <a:lnTo>
                      <a:pt x="18155" y="25889"/>
                    </a:lnTo>
                    <a:lnTo>
                      <a:pt x="18294" y="25241"/>
                    </a:lnTo>
                    <a:lnTo>
                      <a:pt x="18433" y="24592"/>
                    </a:lnTo>
                    <a:lnTo>
                      <a:pt x="18479" y="23898"/>
                    </a:lnTo>
                    <a:lnTo>
                      <a:pt x="18479" y="23620"/>
                    </a:lnTo>
                    <a:lnTo>
                      <a:pt x="18433" y="23157"/>
                    </a:lnTo>
                    <a:lnTo>
                      <a:pt x="18340" y="22601"/>
                    </a:lnTo>
                    <a:lnTo>
                      <a:pt x="18202" y="21999"/>
                    </a:lnTo>
                    <a:lnTo>
                      <a:pt x="17970" y="21443"/>
                    </a:lnTo>
                    <a:lnTo>
                      <a:pt x="17831" y="21212"/>
                    </a:lnTo>
                    <a:lnTo>
                      <a:pt x="17692" y="21026"/>
                    </a:lnTo>
                    <a:lnTo>
                      <a:pt x="17507" y="20887"/>
                    </a:lnTo>
                    <a:lnTo>
                      <a:pt x="17322" y="20795"/>
                    </a:lnTo>
                    <a:lnTo>
                      <a:pt x="17090" y="20841"/>
                    </a:lnTo>
                    <a:lnTo>
                      <a:pt x="16858" y="20934"/>
                    </a:lnTo>
                    <a:lnTo>
                      <a:pt x="16442" y="21212"/>
                    </a:lnTo>
                    <a:lnTo>
                      <a:pt x="16117" y="21490"/>
                    </a:lnTo>
                    <a:lnTo>
                      <a:pt x="15886" y="21767"/>
                    </a:lnTo>
                    <a:lnTo>
                      <a:pt x="15701" y="22092"/>
                    </a:lnTo>
                    <a:lnTo>
                      <a:pt x="15515" y="22416"/>
                    </a:lnTo>
                    <a:lnTo>
                      <a:pt x="15423" y="22833"/>
                    </a:lnTo>
                    <a:lnTo>
                      <a:pt x="15191" y="23759"/>
                    </a:lnTo>
                    <a:lnTo>
                      <a:pt x="14821" y="25195"/>
                    </a:lnTo>
                    <a:lnTo>
                      <a:pt x="14404" y="26630"/>
                    </a:lnTo>
                    <a:lnTo>
                      <a:pt x="13524" y="29502"/>
                    </a:lnTo>
                    <a:lnTo>
                      <a:pt x="12876" y="31771"/>
                    </a:lnTo>
                    <a:lnTo>
                      <a:pt x="12505" y="32882"/>
                    </a:lnTo>
                    <a:lnTo>
                      <a:pt x="12274" y="33438"/>
                    </a:lnTo>
                    <a:lnTo>
                      <a:pt x="12042" y="33994"/>
                    </a:lnTo>
                    <a:lnTo>
                      <a:pt x="11857" y="34411"/>
                    </a:lnTo>
                    <a:lnTo>
                      <a:pt x="11579" y="34781"/>
                    </a:lnTo>
                    <a:lnTo>
                      <a:pt x="11347" y="35105"/>
                    </a:lnTo>
                    <a:lnTo>
                      <a:pt x="11069" y="35337"/>
                    </a:lnTo>
                    <a:lnTo>
                      <a:pt x="10745" y="35568"/>
                    </a:lnTo>
                    <a:lnTo>
                      <a:pt x="10375" y="35707"/>
                    </a:lnTo>
                    <a:lnTo>
                      <a:pt x="10004" y="35846"/>
                    </a:lnTo>
                    <a:lnTo>
                      <a:pt x="9587" y="35939"/>
                    </a:lnTo>
                    <a:lnTo>
                      <a:pt x="9587" y="33716"/>
                    </a:lnTo>
                    <a:lnTo>
                      <a:pt x="9495" y="31493"/>
                    </a:lnTo>
                    <a:lnTo>
                      <a:pt x="9310" y="29270"/>
                    </a:lnTo>
                    <a:lnTo>
                      <a:pt x="9078" y="27047"/>
                    </a:lnTo>
                    <a:lnTo>
                      <a:pt x="8985" y="26213"/>
                    </a:lnTo>
                    <a:lnTo>
                      <a:pt x="8939" y="25426"/>
                    </a:lnTo>
                    <a:lnTo>
                      <a:pt x="8939" y="24639"/>
                    </a:lnTo>
                    <a:lnTo>
                      <a:pt x="8985" y="23898"/>
                    </a:lnTo>
                    <a:lnTo>
                      <a:pt x="9171" y="22369"/>
                    </a:lnTo>
                    <a:lnTo>
                      <a:pt x="9448" y="20749"/>
                    </a:lnTo>
                    <a:lnTo>
                      <a:pt x="9587" y="19915"/>
                    </a:lnTo>
                    <a:lnTo>
                      <a:pt x="9680" y="19128"/>
                    </a:lnTo>
                    <a:lnTo>
                      <a:pt x="9819" y="17460"/>
                    </a:lnTo>
                    <a:lnTo>
                      <a:pt x="9865" y="15793"/>
                    </a:lnTo>
                    <a:lnTo>
                      <a:pt x="9865" y="14126"/>
                    </a:lnTo>
                    <a:lnTo>
                      <a:pt x="9773" y="10513"/>
                    </a:lnTo>
                    <a:lnTo>
                      <a:pt x="9634" y="6901"/>
                    </a:lnTo>
                    <a:lnTo>
                      <a:pt x="9587" y="5234"/>
                    </a:lnTo>
                    <a:lnTo>
                      <a:pt x="9541" y="4400"/>
                    </a:lnTo>
                    <a:lnTo>
                      <a:pt x="9448" y="3613"/>
                    </a:lnTo>
                    <a:lnTo>
                      <a:pt x="9310" y="2779"/>
                    </a:lnTo>
                    <a:lnTo>
                      <a:pt x="9124" y="1992"/>
                    </a:lnTo>
                    <a:lnTo>
                      <a:pt x="8846" y="1251"/>
                    </a:lnTo>
                    <a:lnTo>
                      <a:pt x="8661" y="881"/>
                    </a:lnTo>
                    <a:lnTo>
                      <a:pt x="8430" y="510"/>
                    </a:lnTo>
                    <a:lnTo>
                      <a:pt x="8244" y="278"/>
                    </a:lnTo>
                    <a:lnTo>
                      <a:pt x="8013" y="140"/>
                    </a:lnTo>
                    <a:lnTo>
                      <a:pt x="7735" y="47"/>
                    </a:lnTo>
                    <a:lnTo>
                      <a:pt x="7457" y="1"/>
                    </a:lnTo>
                    <a:close/>
                  </a:path>
                </a:pathLst>
              </a:custGeom>
              <a:solidFill>
                <a:schemeClr val="l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624" name="Google Shape;624;p38"/>
              <p:cNvSpPr/>
              <p:nvPr/>
            </p:nvSpPr>
            <p:spPr>
              <a:xfrm>
                <a:off x="8437550" y="3567350"/>
                <a:ext cx="291800" cy="981850"/>
              </a:xfrm>
              <a:custGeom>
                <a:avLst/>
                <a:gdLst/>
                <a:ahLst/>
                <a:cxnLst/>
                <a:rect l="l" t="t" r="r" b="b"/>
                <a:pathLst>
                  <a:path w="11672" h="39274" extrusionOk="0">
                    <a:moveTo>
                      <a:pt x="6253" y="1"/>
                    </a:moveTo>
                    <a:lnTo>
                      <a:pt x="6068" y="47"/>
                    </a:lnTo>
                    <a:lnTo>
                      <a:pt x="5929" y="140"/>
                    </a:lnTo>
                    <a:lnTo>
                      <a:pt x="5558" y="603"/>
                    </a:lnTo>
                    <a:lnTo>
                      <a:pt x="5327" y="1112"/>
                    </a:lnTo>
                    <a:lnTo>
                      <a:pt x="5141" y="1622"/>
                    </a:lnTo>
                    <a:lnTo>
                      <a:pt x="5002" y="2177"/>
                    </a:lnTo>
                    <a:lnTo>
                      <a:pt x="4910" y="2733"/>
                    </a:lnTo>
                    <a:lnTo>
                      <a:pt x="4863" y="3289"/>
                    </a:lnTo>
                    <a:lnTo>
                      <a:pt x="4817" y="4447"/>
                    </a:lnTo>
                    <a:lnTo>
                      <a:pt x="4771" y="6855"/>
                    </a:lnTo>
                    <a:lnTo>
                      <a:pt x="4725" y="9263"/>
                    </a:lnTo>
                    <a:lnTo>
                      <a:pt x="4771" y="11903"/>
                    </a:lnTo>
                    <a:lnTo>
                      <a:pt x="4817" y="14543"/>
                    </a:lnTo>
                    <a:lnTo>
                      <a:pt x="4586" y="14172"/>
                    </a:lnTo>
                    <a:lnTo>
                      <a:pt x="4447" y="13755"/>
                    </a:lnTo>
                    <a:lnTo>
                      <a:pt x="4308" y="13339"/>
                    </a:lnTo>
                    <a:lnTo>
                      <a:pt x="4215" y="12922"/>
                    </a:lnTo>
                    <a:lnTo>
                      <a:pt x="4169" y="12459"/>
                    </a:lnTo>
                    <a:lnTo>
                      <a:pt x="4076" y="11533"/>
                    </a:lnTo>
                    <a:lnTo>
                      <a:pt x="4030" y="10699"/>
                    </a:lnTo>
                    <a:lnTo>
                      <a:pt x="4076" y="10189"/>
                    </a:lnTo>
                    <a:lnTo>
                      <a:pt x="4076" y="9680"/>
                    </a:lnTo>
                    <a:lnTo>
                      <a:pt x="4030" y="8661"/>
                    </a:lnTo>
                    <a:lnTo>
                      <a:pt x="3798" y="6670"/>
                    </a:lnTo>
                    <a:lnTo>
                      <a:pt x="3752" y="5605"/>
                    </a:lnTo>
                    <a:lnTo>
                      <a:pt x="3659" y="4586"/>
                    </a:lnTo>
                    <a:lnTo>
                      <a:pt x="3613" y="4076"/>
                    </a:lnTo>
                    <a:lnTo>
                      <a:pt x="3520" y="3567"/>
                    </a:lnTo>
                    <a:lnTo>
                      <a:pt x="3381" y="3057"/>
                    </a:lnTo>
                    <a:lnTo>
                      <a:pt x="3150" y="2594"/>
                    </a:lnTo>
                    <a:lnTo>
                      <a:pt x="3104" y="2502"/>
                    </a:lnTo>
                    <a:lnTo>
                      <a:pt x="3011" y="2409"/>
                    </a:lnTo>
                    <a:lnTo>
                      <a:pt x="2826" y="2363"/>
                    </a:lnTo>
                    <a:lnTo>
                      <a:pt x="2594" y="2455"/>
                    </a:lnTo>
                    <a:lnTo>
                      <a:pt x="2548" y="2502"/>
                    </a:lnTo>
                    <a:lnTo>
                      <a:pt x="2455" y="2594"/>
                    </a:lnTo>
                    <a:lnTo>
                      <a:pt x="2224" y="3104"/>
                    </a:lnTo>
                    <a:lnTo>
                      <a:pt x="2038" y="3613"/>
                    </a:lnTo>
                    <a:lnTo>
                      <a:pt x="1946" y="4169"/>
                    </a:lnTo>
                    <a:lnTo>
                      <a:pt x="1853" y="4725"/>
                    </a:lnTo>
                    <a:lnTo>
                      <a:pt x="1853" y="5280"/>
                    </a:lnTo>
                    <a:lnTo>
                      <a:pt x="1853" y="5836"/>
                    </a:lnTo>
                    <a:lnTo>
                      <a:pt x="1899" y="6994"/>
                    </a:lnTo>
                    <a:lnTo>
                      <a:pt x="1992" y="8105"/>
                    </a:lnTo>
                    <a:lnTo>
                      <a:pt x="2131" y="9171"/>
                    </a:lnTo>
                    <a:lnTo>
                      <a:pt x="2177" y="10421"/>
                    </a:lnTo>
                    <a:lnTo>
                      <a:pt x="2270" y="11625"/>
                    </a:lnTo>
                    <a:lnTo>
                      <a:pt x="2455" y="12737"/>
                    </a:lnTo>
                    <a:lnTo>
                      <a:pt x="2548" y="13292"/>
                    </a:lnTo>
                    <a:lnTo>
                      <a:pt x="2687" y="13802"/>
                    </a:lnTo>
                    <a:lnTo>
                      <a:pt x="2872" y="14265"/>
                    </a:lnTo>
                    <a:lnTo>
                      <a:pt x="3057" y="14682"/>
                    </a:lnTo>
                    <a:lnTo>
                      <a:pt x="3289" y="15052"/>
                    </a:lnTo>
                    <a:lnTo>
                      <a:pt x="3567" y="15376"/>
                    </a:lnTo>
                    <a:lnTo>
                      <a:pt x="3845" y="15654"/>
                    </a:lnTo>
                    <a:lnTo>
                      <a:pt x="4169" y="15886"/>
                    </a:lnTo>
                    <a:lnTo>
                      <a:pt x="4493" y="16025"/>
                    </a:lnTo>
                    <a:lnTo>
                      <a:pt x="4863" y="16071"/>
                    </a:lnTo>
                    <a:lnTo>
                      <a:pt x="5002" y="18850"/>
                    </a:lnTo>
                    <a:lnTo>
                      <a:pt x="5049" y="19545"/>
                    </a:lnTo>
                    <a:lnTo>
                      <a:pt x="4910" y="19591"/>
                    </a:lnTo>
                    <a:lnTo>
                      <a:pt x="4586" y="19730"/>
                    </a:lnTo>
                    <a:lnTo>
                      <a:pt x="4261" y="19730"/>
                    </a:lnTo>
                    <a:lnTo>
                      <a:pt x="3984" y="19683"/>
                    </a:lnTo>
                    <a:lnTo>
                      <a:pt x="3752" y="19545"/>
                    </a:lnTo>
                    <a:lnTo>
                      <a:pt x="3520" y="19359"/>
                    </a:lnTo>
                    <a:lnTo>
                      <a:pt x="3289" y="19128"/>
                    </a:lnTo>
                    <a:lnTo>
                      <a:pt x="3104" y="18804"/>
                    </a:lnTo>
                    <a:lnTo>
                      <a:pt x="2965" y="18479"/>
                    </a:lnTo>
                    <a:lnTo>
                      <a:pt x="2687" y="17692"/>
                    </a:lnTo>
                    <a:lnTo>
                      <a:pt x="2455" y="16812"/>
                    </a:lnTo>
                    <a:lnTo>
                      <a:pt x="2316" y="15886"/>
                    </a:lnTo>
                    <a:lnTo>
                      <a:pt x="2224" y="15052"/>
                    </a:lnTo>
                    <a:lnTo>
                      <a:pt x="2224" y="14033"/>
                    </a:lnTo>
                    <a:lnTo>
                      <a:pt x="2177" y="13061"/>
                    </a:lnTo>
                    <a:lnTo>
                      <a:pt x="1992" y="11069"/>
                    </a:lnTo>
                    <a:lnTo>
                      <a:pt x="1899" y="9958"/>
                    </a:lnTo>
                    <a:lnTo>
                      <a:pt x="1807" y="9402"/>
                    </a:lnTo>
                    <a:lnTo>
                      <a:pt x="1714" y="8893"/>
                    </a:lnTo>
                    <a:lnTo>
                      <a:pt x="1529" y="8383"/>
                    </a:lnTo>
                    <a:lnTo>
                      <a:pt x="1344" y="7874"/>
                    </a:lnTo>
                    <a:lnTo>
                      <a:pt x="1066" y="7364"/>
                    </a:lnTo>
                    <a:lnTo>
                      <a:pt x="742" y="6901"/>
                    </a:lnTo>
                    <a:lnTo>
                      <a:pt x="649" y="6809"/>
                    </a:lnTo>
                    <a:lnTo>
                      <a:pt x="556" y="6762"/>
                    </a:lnTo>
                    <a:lnTo>
                      <a:pt x="417" y="6762"/>
                    </a:lnTo>
                    <a:lnTo>
                      <a:pt x="279" y="6809"/>
                    </a:lnTo>
                    <a:lnTo>
                      <a:pt x="186" y="6855"/>
                    </a:lnTo>
                    <a:lnTo>
                      <a:pt x="93" y="6948"/>
                    </a:lnTo>
                    <a:lnTo>
                      <a:pt x="47" y="7087"/>
                    </a:lnTo>
                    <a:lnTo>
                      <a:pt x="1" y="7179"/>
                    </a:lnTo>
                    <a:lnTo>
                      <a:pt x="47" y="8430"/>
                    </a:lnTo>
                    <a:lnTo>
                      <a:pt x="140" y="9634"/>
                    </a:lnTo>
                    <a:lnTo>
                      <a:pt x="232" y="10838"/>
                    </a:lnTo>
                    <a:lnTo>
                      <a:pt x="325" y="12088"/>
                    </a:lnTo>
                    <a:lnTo>
                      <a:pt x="371" y="13153"/>
                    </a:lnTo>
                    <a:lnTo>
                      <a:pt x="464" y="14265"/>
                    </a:lnTo>
                    <a:lnTo>
                      <a:pt x="510" y="15284"/>
                    </a:lnTo>
                    <a:lnTo>
                      <a:pt x="603" y="16256"/>
                    </a:lnTo>
                    <a:lnTo>
                      <a:pt x="742" y="17275"/>
                    </a:lnTo>
                    <a:lnTo>
                      <a:pt x="834" y="17738"/>
                    </a:lnTo>
                    <a:lnTo>
                      <a:pt x="973" y="18201"/>
                    </a:lnTo>
                    <a:lnTo>
                      <a:pt x="1066" y="18572"/>
                    </a:lnTo>
                    <a:lnTo>
                      <a:pt x="1205" y="18896"/>
                    </a:lnTo>
                    <a:lnTo>
                      <a:pt x="1575" y="19498"/>
                    </a:lnTo>
                    <a:lnTo>
                      <a:pt x="2038" y="20054"/>
                    </a:lnTo>
                    <a:lnTo>
                      <a:pt x="2270" y="20332"/>
                    </a:lnTo>
                    <a:lnTo>
                      <a:pt x="2548" y="20563"/>
                    </a:lnTo>
                    <a:lnTo>
                      <a:pt x="2826" y="20749"/>
                    </a:lnTo>
                    <a:lnTo>
                      <a:pt x="3104" y="20934"/>
                    </a:lnTo>
                    <a:lnTo>
                      <a:pt x="3428" y="21073"/>
                    </a:lnTo>
                    <a:lnTo>
                      <a:pt x="3752" y="21165"/>
                    </a:lnTo>
                    <a:lnTo>
                      <a:pt x="4076" y="21258"/>
                    </a:lnTo>
                    <a:lnTo>
                      <a:pt x="4771" y="21258"/>
                    </a:lnTo>
                    <a:lnTo>
                      <a:pt x="5095" y="21212"/>
                    </a:lnTo>
                    <a:lnTo>
                      <a:pt x="5141" y="23388"/>
                    </a:lnTo>
                    <a:lnTo>
                      <a:pt x="5141" y="25519"/>
                    </a:lnTo>
                    <a:lnTo>
                      <a:pt x="5188" y="29872"/>
                    </a:lnTo>
                    <a:lnTo>
                      <a:pt x="5188" y="32049"/>
                    </a:lnTo>
                    <a:lnTo>
                      <a:pt x="5234" y="34179"/>
                    </a:lnTo>
                    <a:lnTo>
                      <a:pt x="5327" y="36356"/>
                    </a:lnTo>
                    <a:lnTo>
                      <a:pt x="5466" y="38533"/>
                    </a:lnTo>
                    <a:lnTo>
                      <a:pt x="5512" y="38672"/>
                    </a:lnTo>
                    <a:lnTo>
                      <a:pt x="5558" y="38857"/>
                    </a:lnTo>
                    <a:lnTo>
                      <a:pt x="5697" y="38949"/>
                    </a:lnTo>
                    <a:lnTo>
                      <a:pt x="5836" y="39088"/>
                    </a:lnTo>
                    <a:lnTo>
                      <a:pt x="6021" y="39135"/>
                    </a:lnTo>
                    <a:lnTo>
                      <a:pt x="6207" y="39227"/>
                    </a:lnTo>
                    <a:lnTo>
                      <a:pt x="6577" y="39274"/>
                    </a:lnTo>
                    <a:lnTo>
                      <a:pt x="6994" y="39227"/>
                    </a:lnTo>
                    <a:lnTo>
                      <a:pt x="7179" y="39135"/>
                    </a:lnTo>
                    <a:lnTo>
                      <a:pt x="7318" y="39088"/>
                    </a:lnTo>
                    <a:lnTo>
                      <a:pt x="7457" y="38949"/>
                    </a:lnTo>
                    <a:lnTo>
                      <a:pt x="7596" y="38857"/>
                    </a:lnTo>
                    <a:lnTo>
                      <a:pt x="7642" y="38718"/>
                    </a:lnTo>
                    <a:lnTo>
                      <a:pt x="7689" y="38533"/>
                    </a:lnTo>
                    <a:lnTo>
                      <a:pt x="7689" y="36587"/>
                    </a:lnTo>
                    <a:lnTo>
                      <a:pt x="7596" y="34642"/>
                    </a:lnTo>
                    <a:lnTo>
                      <a:pt x="7411" y="30798"/>
                    </a:lnTo>
                    <a:lnTo>
                      <a:pt x="7179" y="26955"/>
                    </a:lnTo>
                    <a:lnTo>
                      <a:pt x="6948" y="23111"/>
                    </a:lnTo>
                    <a:lnTo>
                      <a:pt x="6948" y="23111"/>
                    </a:lnTo>
                    <a:lnTo>
                      <a:pt x="7225" y="23157"/>
                    </a:lnTo>
                    <a:lnTo>
                      <a:pt x="7828" y="23157"/>
                    </a:lnTo>
                    <a:lnTo>
                      <a:pt x="8152" y="23111"/>
                    </a:lnTo>
                    <a:lnTo>
                      <a:pt x="8430" y="23018"/>
                    </a:lnTo>
                    <a:lnTo>
                      <a:pt x="8707" y="22879"/>
                    </a:lnTo>
                    <a:lnTo>
                      <a:pt x="9217" y="22555"/>
                    </a:lnTo>
                    <a:lnTo>
                      <a:pt x="9726" y="22184"/>
                    </a:lnTo>
                    <a:lnTo>
                      <a:pt x="10143" y="21721"/>
                    </a:lnTo>
                    <a:lnTo>
                      <a:pt x="10514" y="21165"/>
                    </a:lnTo>
                    <a:lnTo>
                      <a:pt x="10792" y="20656"/>
                    </a:lnTo>
                    <a:lnTo>
                      <a:pt x="11116" y="19730"/>
                    </a:lnTo>
                    <a:lnTo>
                      <a:pt x="11394" y="18757"/>
                    </a:lnTo>
                    <a:lnTo>
                      <a:pt x="11579" y="17785"/>
                    </a:lnTo>
                    <a:lnTo>
                      <a:pt x="11671" y="16766"/>
                    </a:lnTo>
                    <a:lnTo>
                      <a:pt x="11671" y="15747"/>
                    </a:lnTo>
                    <a:lnTo>
                      <a:pt x="11625" y="15237"/>
                    </a:lnTo>
                    <a:lnTo>
                      <a:pt x="11533" y="14728"/>
                    </a:lnTo>
                    <a:lnTo>
                      <a:pt x="11440" y="14265"/>
                    </a:lnTo>
                    <a:lnTo>
                      <a:pt x="11301" y="13755"/>
                    </a:lnTo>
                    <a:lnTo>
                      <a:pt x="11162" y="13339"/>
                    </a:lnTo>
                    <a:lnTo>
                      <a:pt x="10977" y="12876"/>
                    </a:lnTo>
                    <a:lnTo>
                      <a:pt x="10884" y="12783"/>
                    </a:lnTo>
                    <a:lnTo>
                      <a:pt x="10792" y="12690"/>
                    </a:lnTo>
                    <a:lnTo>
                      <a:pt x="10653" y="12644"/>
                    </a:lnTo>
                    <a:lnTo>
                      <a:pt x="10560" y="12690"/>
                    </a:lnTo>
                    <a:lnTo>
                      <a:pt x="10421" y="12690"/>
                    </a:lnTo>
                    <a:lnTo>
                      <a:pt x="10328" y="12783"/>
                    </a:lnTo>
                    <a:lnTo>
                      <a:pt x="10236" y="12876"/>
                    </a:lnTo>
                    <a:lnTo>
                      <a:pt x="10189" y="12968"/>
                    </a:lnTo>
                    <a:lnTo>
                      <a:pt x="10004" y="13524"/>
                    </a:lnTo>
                    <a:lnTo>
                      <a:pt x="9912" y="14033"/>
                    </a:lnTo>
                    <a:lnTo>
                      <a:pt x="9726" y="15099"/>
                    </a:lnTo>
                    <a:lnTo>
                      <a:pt x="9448" y="17229"/>
                    </a:lnTo>
                    <a:lnTo>
                      <a:pt x="9263" y="18433"/>
                    </a:lnTo>
                    <a:lnTo>
                      <a:pt x="9078" y="19128"/>
                    </a:lnTo>
                    <a:lnTo>
                      <a:pt x="8846" y="19822"/>
                    </a:lnTo>
                    <a:lnTo>
                      <a:pt x="8707" y="20054"/>
                    </a:lnTo>
                    <a:lnTo>
                      <a:pt x="8569" y="20286"/>
                    </a:lnTo>
                    <a:lnTo>
                      <a:pt x="8383" y="20471"/>
                    </a:lnTo>
                    <a:lnTo>
                      <a:pt x="8198" y="20610"/>
                    </a:lnTo>
                    <a:lnTo>
                      <a:pt x="7920" y="20702"/>
                    </a:lnTo>
                    <a:lnTo>
                      <a:pt x="7689" y="20749"/>
                    </a:lnTo>
                    <a:lnTo>
                      <a:pt x="7364" y="20749"/>
                    </a:lnTo>
                    <a:lnTo>
                      <a:pt x="6994" y="20702"/>
                    </a:lnTo>
                    <a:lnTo>
                      <a:pt x="6855" y="20656"/>
                    </a:lnTo>
                    <a:lnTo>
                      <a:pt x="6809" y="18850"/>
                    </a:lnTo>
                    <a:lnTo>
                      <a:pt x="6809" y="17877"/>
                    </a:lnTo>
                    <a:lnTo>
                      <a:pt x="7225" y="17831"/>
                    </a:lnTo>
                    <a:lnTo>
                      <a:pt x="7550" y="17738"/>
                    </a:lnTo>
                    <a:lnTo>
                      <a:pt x="7874" y="17599"/>
                    </a:lnTo>
                    <a:lnTo>
                      <a:pt x="8105" y="17414"/>
                    </a:lnTo>
                    <a:lnTo>
                      <a:pt x="8337" y="17229"/>
                    </a:lnTo>
                    <a:lnTo>
                      <a:pt x="8476" y="17044"/>
                    </a:lnTo>
                    <a:lnTo>
                      <a:pt x="8615" y="16812"/>
                    </a:lnTo>
                    <a:lnTo>
                      <a:pt x="8754" y="16534"/>
                    </a:lnTo>
                    <a:lnTo>
                      <a:pt x="8893" y="16349"/>
                    </a:lnTo>
                    <a:lnTo>
                      <a:pt x="9032" y="16117"/>
                    </a:lnTo>
                    <a:lnTo>
                      <a:pt x="9217" y="15562"/>
                    </a:lnTo>
                    <a:lnTo>
                      <a:pt x="9356" y="15006"/>
                    </a:lnTo>
                    <a:lnTo>
                      <a:pt x="9402" y="14404"/>
                    </a:lnTo>
                    <a:lnTo>
                      <a:pt x="9448" y="13061"/>
                    </a:lnTo>
                    <a:lnTo>
                      <a:pt x="9819" y="11394"/>
                    </a:lnTo>
                    <a:lnTo>
                      <a:pt x="9912" y="10560"/>
                    </a:lnTo>
                    <a:lnTo>
                      <a:pt x="10004" y="9726"/>
                    </a:lnTo>
                    <a:lnTo>
                      <a:pt x="10004" y="8893"/>
                    </a:lnTo>
                    <a:lnTo>
                      <a:pt x="9912" y="8059"/>
                    </a:lnTo>
                    <a:lnTo>
                      <a:pt x="9819" y="7642"/>
                    </a:lnTo>
                    <a:lnTo>
                      <a:pt x="9726" y="7225"/>
                    </a:lnTo>
                    <a:lnTo>
                      <a:pt x="9541" y="6809"/>
                    </a:lnTo>
                    <a:lnTo>
                      <a:pt x="9356" y="6392"/>
                    </a:lnTo>
                    <a:lnTo>
                      <a:pt x="9263" y="6299"/>
                    </a:lnTo>
                    <a:lnTo>
                      <a:pt x="9171" y="6207"/>
                    </a:lnTo>
                    <a:lnTo>
                      <a:pt x="8939" y="6207"/>
                    </a:lnTo>
                    <a:lnTo>
                      <a:pt x="8846" y="6253"/>
                    </a:lnTo>
                    <a:lnTo>
                      <a:pt x="8707" y="6299"/>
                    </a:lnTo>
                    <a:lnTo>
                      <a:pt x="8661" y="6392"/>
                    </a:lnTo>
                    <a:lnTo>
                      <a:pt x="8569" y="6531"/>
                    </a:lnTo>
                    <a:lnTo>
                      <a:pt x="8383" y="7179"/>
                    </a:lnTo>
                    <a:lnTo>
                      <a:pt x="8198" y="7920"/>
                    </a:lnTo>
                    <a:lnTo>
                      <a:pt x="8059" y="8661"/>
                    </a:lnTo>
                    <a:lnTo>
                      <a:pt x="7966" y="9448"/>
                    </a:lnTo>
                    <a:lnTo>
                      <a:pt x="7828" y="10977"/>
                    </a:lnTo>
                    <a:lnTo>
                      <a:pt x="7735" y="12459"/>
                    </a:lnTo>
                    <a:lnTo>
                      <a:pt x="7689" y="13014"/>
                    </a:lnTo>
                    <a:lnTo>
                      <a:pt x="7735" y="13570"/>
                    </a:lnTo>
                    <a:lnTo>
                      <a:pt x="7735" y="14126"/>
                    </a:lnTo>
                    <a:lnTo>
                      <a:pt x="7735" y="14404"/>
                    </a:lnTo>
                    <a:lnTo>
                      <a:pt x="7689" y="14682"/>
                    </a:lnTo>
                    <a:lnTo>
                      <a:pt x="7550" y="15099"/>
                    </a:lnTo>
                    <a:lnTo>
                      <a:pt x="7318" y="15423"/>
                    </a:lnTo>
                    <a:lnTo>
                      <a:pt x="7087" y="15654"/>
                    </a:lnTo>
                    <a:lnTo>
                      <a:pt x="6809" y="15886"/>
                    </a:lnTo>
                    <a:lnTo>
                      <a:pt x="6809" y="12551"/>
                    </a:lnTo>
                    <a:lnTo>
                      <a:pt x="6855" y="9263"/>
                    </a:lnTo>
                    <a:lnTo>
                      <a:pt x="6948" y="6670"/>
                    </a:lnTo>
                    <a:lnTo>
                      <a:pt x="7087" y="4076"/>
                    </a:lnTo>
                    <a:lnTo>
                      <a:pt x="7133" y="3057"/>
                    </a:lnTo>
                    <a:lnTo>
                      <a:pt x="7179" y="2548"/>
                    </a:lnTo>
                    <a:lnTo>
                      <a:pt x="7133" y="2038"/>
                    </a:lnTo>
                    <a:lnTo>
                      <a:pt x="7087" y="1529"/>
                    </a:lnTo>
                    <a:lnTo>
                      <a:pt x="6994" y="1066"/>
                    </a:lnTo>
                    <a:lnTo>
                      <a:pt x="6809" y="603"/>
                    </a:lnTo>
                    <a:lnTo>
                      <a:pt x="6531" y="140"/>
                    </a:lnTo>
                    <a:lnTo>
                      <a:pt x="6438" y="47"/>
                    </a:lnTo>
                    <a:lnTo>
                      <a:pt x="6253" y="1"/>
                    </a:lnTo>
                    <a:close/>
                  </a:path>
                </a:pathLst>
              </a:cu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625" name="Google Shape;625;p38"/>
            <p:cNvSpPr/>
            <p:nvPr/>
          </p:nvSpPr>
          <p:spPr>
            <a:xfrm flipH="1">
              <a:off x="262244" y="3135023"/>
              <a:ext cx="397825" cy="1941105"/>
            </a:xfrm>
            <a:custGeom>
              <a:avLst/>
              <a:gdLst/>
              <a:ahLst/>
              <a:cxnLst/>
              <a:rect l="l" t="t" r="r" b="b"/>
              <a:pathLst>
                <a:path w="16256" h="79334" extrusionOk="0">
                  <a:moveTo>
                    <a:pt x="7457" y="1"/>
                  </a:moveTo>
                  <a:lnTo>
                    <a:pt x="7179" y="93"/>
                  </a:lnTo>
                  <a:lnTo>
                    <a:pt x="6901" y="186"/>
                  </a:lnTo>
                  <a:lnTo>
                    <a:pt x="6762" y="371"/>
                  </a:lnTo>
                  <a:lnTo>
                    <a:pt x="6669" y="510"/>
                  </a:lnTo>
                  <a:lnTo>
                    <a:pt x="6669" y="649"/>
                  </a:lnTo>
                  <a:lnTo>
                    <a:pt x="6391" y="2455"/>
                  </a:lnTo>
                  <a:lnTo>
                    <a:pt x="6160" y="4261"/>
                  </a:lnTo>
                  <a:lnTo>
                    <a:pt x="5975" y="6114"/>
                  </a:lnTo>
                  <a:lnTo>
                    <a:pt x="5882" y="7966"/>
                  </a:lnTo>
                  <a:lnTo>
                    <a:pt x="5836" y="10560"/>
                  </a:lnTo>
                  <a:lnTo>
                    <a:pt x="5882" y="13153"/>
                  </a:lnTo>
                  <a:lnTo>
                    <a:pt x="5975" y="15747"/>
                  </a:lnTo>
                  <a:lnTo>
                    <a:pt x="6113" y="18340"/>
                  </a:lnTo>
                  <a:lnTo>
                    <a:pt x="6484" y="23620"/>
                  </a:lnTo>
                  <a:lnTo>
                    <a:pt x="6762" y="28946"/>
                  </a:lnTo>
                  <a:lnTo>
                    <a:pt x="6901" y="31586"/>
                  </a:lnTo>
                  <a:lnTo>
                    <a:pt x="6993" y="34226"/>
                  </a:lnTo>
                  <a:lnTo>
                    <a:pt x="7040" y="36912"/>
                  </a:lnTo>
                  <a:lnTo>
                    <a:pt x="7086" y="39551"/>
                  </a:lnTo>
                  <a:lnTo>
                    <a:pt x="7040" y="41635"/>
                  </a:lnTo>
                  <a:lnTo>
                    <a:pt x="6993" y="43673"/>
                  </a:lnTo>
                  <a:lnTo>
                    <a:pt x="6854" y="45757"/>
                  </a:lnTo>
                  <a:lnTo>
                    <a:pt x="6716" y="47795"/>
                  </a:lnTo>
                  <a:lnTo>
                    <a:pt x="6391" y="51917"/>
                  </a:lnTo>
                  <a:lnTo>
                    <a:pt x="6067" y="56039"/>
                  </a:lnTo>
                  <a:lnTo>
                    <a:pt x="5743" y="55807"/>
                  </a:lnTo>
                  <a:lnTo>
                    <a:pt x="5465" y="55529"/>
                  </a:lnTo>
                  <a:lnTo>
                    <a:pt x="5187" y="55251"/>
                  </a:lnTo>
                  <a:lnTo>
                    <a:pt x="4956" y="54927"/>
                  </a:lnTo>
                  <a:lnTo>
                    <a:pt x="4539" y="54232"/>
                  </a:lnTo>
                  <a:lnTo>
                    <a:pt x="4307" y="53723"/>
                  </a:lnTo>
                  <a:lnTo>
                    <a:pt x="4215" y="53353"/>
                  </a:lnTo>
                  <a:lnTo>
                    <a:pt x="4122" y="52982"/>
                  </a:lnTo>
                  <a:lnTo>
                    <a:pt x="4076" y="52241"/>
                  </a:lnTo>
                  <a:lnTo>
                    <a:pt x="4029" y="51454"/>
                  </a:lnTo>
                  <a:lnTo>
                    <a:pt x="4029" y="50713"/>
                  </a:lnTo>
                  <a:lnTo>
                    <a:pt x="3983" y="48073"/>
                  </a:lnTo>
                  <a:lnTo>
                    <a:pt x="4029" y="45479"/>
                  </a:lnTo>
                  <a:lnTo>
                    <a:pt x="4076" y="43117"/>
                  </a:lnTo>
                  <a:lnTo>
                    <a:pt x="4122" y="41960"/>
                  </a:lnTo>
                  <a:lnTo>
                    <a:pt x="4076" y="40802"/>
                  </a:lnTo>
                  <a:lnTo>
                    <a:pt x="4076" y="39644"/>
                  </a:lnTo>
                  <a:lnTo>
                    <a:pt x="3937" y="38486"/>
                  </a:lnTo>
                  <a:lnTo>
                    <a:pt x="3798" y="37328"/>
                  </a:lnTo>
                  <a:lnTo>
                    <a:pt x="3566" y="36171"/>
                  </a:lnTo>
                  <a:lnTo>
                    <a:pt x="3474" y="35939"/>
                  </a:lnTo>
                  <a:lnTo>
                    <a:pt x="3288" y="35754"/>
                  </a:lnTo>
                  <a:lnTo>
                    <a:pt x="3103" y="35569"/>
                  </a:lnTo>
                  <a:lnTo>
                    <a:pt x="2825" y="35476"/>
                  </a:lnTo>
                  <a:lnTo>
                    <a:pt x="2547" y="35383"/>
                  </a:lnTo>
                  <a:lnTo>
                    <a:pt x="2223" y="35337"/>
                  </a:lnTo>
                  <a:lnTo>
                    <a:pt x="1899" y="35291"/>
                  </a:lnTo>
                  <a:lnTo>
                    <a:pt x="1575" y="35291"/>
                  </a:lnTo>
                  <a:lnTo>
                    <a:pt x="1251" y="35337"/>
                  </a:lnTo>
                  <a:lnTo>
                    <a:pt x="926" y="35430"/>
                  </a:lnTo>
                  <a:lnTo>
                    <a:pt x="649" y="35522"/>
                  </a:lnTo>
                  <a:lnTo>
                    <a:pt x="371" y="35661"/>
                  </a:lnTo>
                  <a:lnTo>
                    <a:pt x="185" y="35800"/>
                  </a:lnTo>
                  <a:lnTo>
                    <a:pt x="46" y="36032"/>
                  </a:lnTo>
                  <a:lnTo>
                    <a:pt x="0" y="36217"/>
                  </a:lnTo>
                  <a:lnTo>
                    <a:pt x="0" y="36495"/>
                  </a:lnTo>
                  <a:lnTo>
                    <a:pt x="139" y="37467"/>
                  </a:lnTo>
                  <a:lnTo>
                    <a:pt x="278" y="38440"/>
                  </a:lnTo>
                  <a:lnTo>
                    <a:pt x="510" y="40385"/>
                  </a:lnTo>
                  <a:lnTo>
                    <a:pt x="649" y="42330"/>
                  </a:lnTo>
                  <a:lnTo>
                    <a:pt x="741" y="44275"/>
                  </a:lnTo>
                  <a:lnTo>
                    <a:pt x="880" y="48212"/>
                  </a:lnTo>
                  <a:lnTo>
                    <a:pt x="1019" y="50157"/>
                  </a:lnTo>
                  <a:lnTo>
                    <a:pt x="1204" y="52148"/>
                  </a:lnTo>
                  <a:lnTo>
                    <a:pt x="1390" y="53353"/>
                  </a:lnTo>
                  <a:lnTo>
                    <a:pt x="1528" y="53908"/>
                  </a:lnTo>
                  <a:lnTo>
                    <a:pt x="1667" y="54510"/>
                  </a:lnTo>
                  <a:lnTo>
                    <a:pt x="1853" y="55020"/>
                  </a:lnTo>
                  <a:lnTo>
                    <a:pt x="2038" y="55529"/>
                  </a:lnTo>
                  <a:lnTo>
                    <a:pt x="2269" y="56039"/>
                  </a:lnTo>
                  <a:lnTo>
                    <a:pt x="2547" y="56502"/>
                  </a:lnTo>
                  <a:lnTo>
                    <a:pt x="2872" y="56919"/>
                  </a:lnTo>
                  <a:lnTo>
                    <a:pt x="3196" y="57289"/>
                  </a:lnTo>
                  <a:lnTo>
                    <a:pt x="3566" y="57660"/>
                  </a:lnTo>
                  <a:lnTo>
                    <a:pt x="3937" y="57937"/>
                  </a:lnTo>
                  <a:lnTo>
                    <a:pt x="4400" y="58215"/>
                  </a:lnTo>
                  <a:lnTo>
                    <a:pt x="4863" y="58447"/>
                  </a:lnTo>
                  <a:lnTo>
                    <a:pt x="5372" y="58632"/>
                  </a:lnTo>
                  <a:lnTo>
                    <a:pt x="5882" y="58771"/>
                  </a:lnTo>
                  <a:lnTo>
                    <a:pt x="5836" y="59790"/>
                  </a:lnTo>
                  <a:lnTo>
                    <a:pt x="5743" y="62244"/>
                  </a:lnTo>
                  <a:lnTo>
                    <a:pt x="5604" y="64653"/>
                  </a:lnTo>
                  <a:lnTo>
                    <a:pt x="5558" y="67061"/>
                  </a:lnTo>
                  <a:lnTo>
                    <a:pt x="5558" y="68265"/>
                  </a:lnTo>
                  <a:lnTo>
                    <a:pt x="5604" y="69469"/>
                  </a:lnTo>
                  <a:lnTo>
                    <a:pt x="5650" y="71692"/>
                  </a:lnTo>
                  <a:lnTo>
                    <a:pt x="5650" y="72804"/>
                  </a:lnTo>
                  <a:lnTo>
                    <a:pt x="5650" y="73915"/>
                  </a:lnTo>
                  <a:lnTo>
                    <a:pt x="5558" y="74471"/>
                  </a:lnTo>
                  <a:lnTo>
                    <a:pt x="5511" y="74980"/>
                  </a:lnTo>
                  <a:lnTo>
                    <a:pt x="5372" y="76046"/>
                  </a:lnTo>
                  <a:lnTo>
                    <a:pt x="5326" y="76555"/>
                  </a:lnTo>
                  <a:lnTo>
                    <a:pt x="5326" y="77064"/>
                  </a:lnTo>
                  <a:lnTo>
                    <a:pt x="5465" y="77574"/>
                  </a:lnTo>
                  <a:lnTo>
                    <a:pt x="5650" y="78130"/>
                  </a:lnTo>
                  <a:lnTo>
                    <a:pt x="5789" y="78361"/>
                  </a:lnTo>
                  <a:lnTo>
                    <a:pt x="5975" y="78593"/>
                  </a:lnTo>
                  <a:lnTo>
                    <a:pt x="6160" y="78778"/>
                  </a:lnTo>
                  <a:lnTo>
                    <a:pt x="6438" y="78963"/>
                  </a:lnTo>
                  <a:lnTo>
                    <a:pt x="6669" y="79102"/>
                  </a:lnTo>
                  <a:lnTo>
                    <a:pt x="6947" y="79195"/>
                  </a:lnTo>
                  <a:lnTo>
                    <a:pt x="7271" y="79287"/>
                  </a:lnTo>
                  <a:lnTo>
                    <a:pt x="7549" y="79334"/>
                  </a:lnTo>
                  <a:lnTo>
                    <a:pt x="8198" y="79334"/>
                  </a:lnTo>
                  <a:lnTo>
                    <a:pt x="8800" y="79287"/>
                  </a:lnTo>
                  <a:lnTo>
                    <a:pt x="9402" y="79102"/>
                  </a:lnTo>
                  <a:lnTo>
                    <a:pt x="9633" y="78963"/>
                  </a:lnTo>
                  <a:lnTo>
                    <a:pt x="9865" y="78824"/>
                  </a:lnTo>
                  <a:lnTo>
                    <a:pt x="10328" y="78500"/>
                  </a:lnTo>
                  <a:lnTo>
                    <a:pt x="10698" y="78130"/>
                  </a:lnTo>
                  <a:lnTo>
                    <a:pt x="11069" y="77713"/>
                  </a:lnTo>
                  <a:lnTo>
                    <a:pt x="11347" y="77296"/>
                  </a:lnTo>
                  <a:lnTo>
                    <a:pt x="11578" y="76833"/>
                  </a:lnTo>
                  <a:lnTo>
                    <a:pt x="11764" y="76370"/>
                  </a:lnTo>
                  <a:lnTo>
                    <a:pt x="11949" y="75860"/>
                  </a:lnTo>
                  <a:lnTo>
                    <a:pt x="12041" y="75305"/>
                  </a:lnTo>
                  <a:lnTo>
                    <a:pt x="12134" y="74749"/>
                  </a:lnTo>
                  <a:lnTo>
                    <a:pt x="12180" y="74193"/>
                  </a:lnTo>
                  <a:lnTo>
                    <a:pt x="12180" y="73637"/>
                  </a:lnTo>
                  <a:lnTo>
                    <a:pt x="12180" y="73035"/>
                  </a:lnTo>
                  <a:lnTo>
                    <a:pt x="12041" y="71831"/>
                  </a:lnTo>
                  <a:lnTo>
                    <a:pt x="11856" y="70581"/>
                  </a:lnTo>
                  <a:lnTo>
                    <a:pt x="11625" y="69330"/>
                  </a:lnTo>
                  <a:lnTo>
                    <a:pt x="11347" y="68034"/>
                  </a:lnTo>
                  <a:lnTo>
                    <a:pt x="10745" y="65579"/>
                  </a:lnTo>
                  <a:lnTo>
                    <a:pt x="10467" y="64421"/>
                  </a:lnTo>
                  <a:lnTo>
                    <a:pt x="10235" y="63310"/>
                  </a:lnTo>
                  <a:lnTo>
                    <a:pt x="10050" y="62244"/>
                  </a:lnTo>
                  <a:lnTo>
                    <a:pt x="10004" y="61318"/>
                  </a:lnTo>
                  <a:lnTo>
                    <a:pt x="9957" y="58678"/>
                  </a:lnTo>
                  <a:lnTo>
                    <a:pt x="10004" y="55992"/>
                  </a:lnTo>
                  <a:lnTo>
                    <a:pt x="10143" y="53353"/>
                  </a:lnTo>
                  <a:lnTo>
                    <a:pt x="10282" y="50713"/>
                  </a:lnTo>
                  <a:lnTo>
                    <a:pt x="10559" y="45387"/>
                  </a:lnTo>
                  <a:lnTo>
                    <a:pt x="10652" y="42701"/>
                  </a:lnTo>
                  <a:lnTo>
                    <a:pt x="10698" y="40061"/>
                  </a:lnTo>
                  <a:lnTo>
                    <a:pt x="10698" y="37375"/>
                  </a:lnTo>
                  <a:lnTo>
                    <a:pt x="10652" y="34642"/>
                  </a:lnTo>
                  <a:lnTo>
                    <a:pt x="11115" y="34689"/>
                  </a:lnTo>
                  <a:lnTo>
                    <a:pt x="11578" y="34689"/>
                  </a:lnTo>
                  <a:lnTo>
                    <a:pt x="11995" y="34642"/>
                  </a:lnTo>
                  <a:lnTo>
                    <a:pt x="12412" y="34596"/>
                  </a:lnTo>
                  <a:lnTo>
                    <a:pt x="12829" y="34503"/>
                  </a:lnTo>
                  <a:lnTo>
                    <a:pt x="13199" y="34364"/>
                  </a:lnTo>
                  <a:lnTo>
                    <a:pt x="13570" y="34179"/>
                  </a:lnTo>
                  <a:lnTo>
                    <a:pt x="13894" y="33994"/>
                  </a:lnTo>
                  <a:lnTo>
                    <a:pt x="14218" y="33762"/>
                  </a:lnTo>
                  <a:lnTo>
                    <a:pt x="14496" y="33485"/>
                  </a:lnTo>
                  <a:lnTo>
                    <a:pt x="14774" y="33207"/>
                  </a:lnTo>
                  <a:lnTo>
                    <a:pt x="15006" y="32882"/>
                  </a:lnTo>
                  <a:lnTo>
                    <a:pt x="15237" y="32512"/>
                  </a:lnTo>
                  <a:lnTo>
                    <a:pt x="15422" y="32095"/>
                  </a:lnTo>
                  <a:lnTo>
                    <a:pt x="15561" y="31678"/>
                  </a:lnTo>
                  <a:lnTo>
                    <a:pt x="15654" y="31169"/>
                  </a:lnTo>
                  <a:lnTo>
                    <a:pt x="15885" y="30150"/>
                  </a:lnTo>
                  <a:lnTo>
                    <a:pt x="16071" y="29039"/>
                  </a:lnTo>
                  <a:lnTo>
                    <a:pt x="16163" y="27881"/>
                  </a:lnTo>
                  <a:lnTo>
                    <a:pt x="16256" y="26677"/>
                  </a:lnTo>
                  <a:lnTo>
                    <a:pt x="16210" y="26075"/>
                  </a:lnTo>
                  <a:lnTo>
                    <a:pt x="16163" y="25519"/>
                  </a:lnTo>
                  <a:lnTo>
                    <a:pt x="16117" y="24917"/>
                  </a:lnTo>
                  <a:lnTo>
                    <a:pt x="16024" y="24361"/>
                  </a:lnTo>
                  <a:lnTo>
                    <a:pt x="15839" y="23852"/>
                  </a:lnTo>
                  <a:lnTo>
                    <a:pt x="15654" y="23342"/>
                  </a:lnTo>
                  <a:lnTo>
                    <a:pt x="15422" y="22879"/>
                  </a:lnTo>
                  <a:lnTo>
                    <a:pt x="15144" y="22462"/>
                  </a:lnTo>
                  <a:lnTo>
                    <a:pt x="15052" y="22416"/>
                  </a:lnTo>
                  <a:lnTo>
                    <a:pt x="15006" y="22416"/>
                  </a:lnTo>
                  <a:lnTo>
                    <a:pt x="14867" y="22462"/>
                  </a:lnTo>
                  <a:lnTo>
                    <a:pt x="14403" y="22972"/>
                  </a:lnTo>
                  <a:lnTo>
                    <a:pt x="14033" y="23527"/>
                  </a:lnTo>
                  <a:lnTo>
                    <a:pt x="13709" y="24083"/>
                  </a:lnTo>
                  <a:lnTo>
                    <a:pt x="13477" y="24685"/>
                  </a:lnTo>
                  <a:lnTo>
                    <a:pt x="13292" y="25334"/>
                  </a:lnTo>
                  <a:lnTo>
                    <a:pt x="13107" y="25982"/>
                  </a:lnTo>
                  <a:lnTo>
                    <a:pt x="12921" y="27325"/>
                  </a:lnTo>
                  <a:lnTo>
                    <a:pt x="12829" y="27973"/>
                  </a:lnTo>
                  <a:lnTo>
                    <a:pt x="12782" y="28714"/>
                  </a:lnTo>
                  <a:lnTo>
                    <a:pt x="12736" y="29455"/>
                  </a:lnTo>
                  <a:lnTo>
                    <a:pt x="12597" y="30150"/>
                  </a:lnTo>
                  <a:lnTo>
                    <a:pt x="12505" y="30474"/>
                  </a:lnTo>
                  <a:lnTo>
                    <a:pt x="12366" y="30798"/>
                  </a:lnTo>
                  <a:lnTo>
                    <a:pt x="12227" y="31076"/>
                  </a:lnTo>
                  <a:lnTo>
                    <a:pt x="12041" y="31308"/>
                  </a:lnTo>
                  <a:lnTo>
                    <a:pt x="11810" y="31493"/>
                  </a:lnTo>
                  <a:lnTo>
                    <a:pt x="11532" y="31632"/>
                  </a:lnTo>
                  <a:lnTo>
                    <a:pt x="11208" y="31725"/>
                  </a:lnTo>
                  <a:lnTo>
                    <a:pt x="10837" y="31771"/>
                  </a:lnTo>
                  <a:lnTo>
                    <a:pt x="10606" y="31771"/>
                  </a:lnTo>
                  <a:lnTo>
                    <a:pt x="10374" y="25287"/>
                  </a:lnTo>
                  <a:lnTo>
                    <a:pt x="10189" y="18850"/>
                  </a:lnTo>
                  <a:lnTo>
                    <a:pt x="10096" y="16117"/>
                  </a:lnTo>
                  <a:lnTo>
                    <a:pt x="10004" y="13431"/>
                  </a:lnTo>
                  <a:lnTo>
                    <a:pt x="9865" y="10699"/>
                  </a:lnTo>
                  <a:lnTo>
                    <a:pt x="9680" y="7966"/>
                  </a:lnTo>
                  <a:lnTo>
                    <a:pt x="9633" y="6994"/>
                  </a:lnTo>
                  <a:lnTo>
                    <a:pt x="9633" y="5975"/>
                  </a:lnTo>
                  <a:lnTo>
                    <a:pt x="9633" y="4956"/>
                  </a:lnTo>
                  <a:lnTo>
                    <a:pt x="9633" y="3937"/>
                  </a:lnTo>
                  <a:lnTo>
                    <a:pt x="9494" y="2965"/>
                  </a:lnTo>
                  <a:lnTo>
                    <a:pt x="9448" y="2455"/>
                  </a:lnTo>
                  <a:lnTo>
                    <a:pt x="9309" y="1992"/>
                  </a:lnTo>
                  <a:lnTo>
                    <a:pt x="9170" y="1575"/>
                  </a:lnTo>
                  <a:lnTo>
                    <a:pt x="8985" y="1112"/>
                  </a:lnTo>
                  <a:lnTo>
                    <a:pt x="8753" y="695"/>
                  </a:lnTo>
                  <a:lnTo>
                    <a:pt x="8475" y="325"/>
                  </a:lnTo>
                  <a:lnTo>
                    <a:pt x="8244" y="140"/>
                  </a:lnTo>
                  <a:lnTo>
                    <a:pt x="8012" y="47"/>
                  </a:lnTo>
                  <a:lnTo>
                    <a:pt x="7734" y="1"/>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626" name="Google Shape;626;p38"/>
            <p:cNvSpPr/>
            <p:nvPr/>
          </p:nvSpPr>
          <p:spPr>
            <a:xfrm flipH="1">
              <a:off x="8729356" y="2877278"/>
              <a:ext cx="571509" cy="2198836"/>
            </a:xfrm>
            <a:custGeom>
              <a:avLst/>
              <a:gdLst/>
              <a:ahLst/>
              <a:cxnLst/>
              <a:rect l="l" t="t" r="r" b="b"/>
              <a:pathLst>
                <a:path w="24361" h="93737" extrusionOk="0">
                  <a:moveTo>
                    <a:pt x="11069" y="0"/>
                  </a:moveTo>
                  <a:lnTo>
                    <a:pt x="10606" y="47"/>
                  </a:lnTo>
                  <a:lnTo>
                    <a:pt x="10189" y="139"/>
                  </a:lnTo>
                  <a:lnTo>
                    <a:pt x="9957" y="232"/>
                  </a:lnTo>
                  <a:lnTo>
                    <a:pt x="9818" y="371"/>
                  </a:lnTo>
                  <a:lnTo>
                    <a:pt x="9679" y="510"/>
                  </a:lnTo>
                  <a:lnTo>
                    <a:pt x="9541" y="649"/>
                  </a:lnTo>
                  <a:lnTo>
                    <a:pt x="9263" y="1297"/>
                  </a:lnTo>
                  <a:lnTo>
                    <a:pt x="9031" y="1899"/>
                  </a:lnTo>
                  <a:lnTo>
                    <a:pt x="8800" y="2548"/>
                  </a:lnTo>
                  <a:lnTo>
                    <a:pt x="8661" y="3196"/>
                  </a:lnTo>
                  <a:lnTo>
                    <a:pt x="8522" y="3844"/>
                  </a:lnTo>
                  <a:lnTo>
                    <a:pt x="8429" y="4539"/>
                  </a:lnTo>
                  <a:lnTo>
                    <a:pt x="8383" y="5187"/>
                  </a:lnTo>
                  <a:lnTo>
                    <a:pt x="8336" y="5836"/>
                  </a:lnTo>
                  <a:lnTo>
                    <a:pt x="8336" y="7179"/>
                  </a:lnTo>
                  <a:lnTo>
                    <a:pt x="8429" y="8522"/>
                  </a:lnTo>
                  <a:lnTo>
                    <a:pt x="8661" y="11208"/>
                  </a:lnTo>
                  <a:lnTo>
                    <a:pt x="8938" y="14172"/>
                  </a:lnTo>
                  <a:lnTo>
                    <a:pt x="9124" y="17090"/>
                  </a:lnTo>
                  <a:lnTo>
                    <a:pt x="9216" y="20054"/>
                  </a:lnTo>
                  <a:lnTo>
                    <a:pt x="9216" y="21489"/>
                  </a:lnTo>
                  <a:lnTo>
                    <a:pt x="9216" y="22971"/>
                  </a:lnTo>
                  <a:lnTo>
                    <a:pt x="9124" y="25194"/>
                  </a:lnTo>
                  <a:lnTo>
                    <a:pt x="8985" y="27417"/>
                  </a:lnTo>
                  <a:lnTo>
                    <a:pt x="8707" y="31863"/>
                  </a:lnTo>
                  <a:lnTo>
                    <a:pt x="8383" y="36263"/>
                  </a:lnTo>
                  <a:lnTo>
                    <a:pt x="8058" y="40709"/>
                  </a:lnTo>
                  <a:lnTo>
                    <a:pt x="7873" y="40061"/>
                  </a:lnTo>
                  <a:lnTo>
                    <a:pt x="7595" y="39412"/>
                  </a:lnTo>
                  <a:lnTo>
                    <a:pt x="7225" y="38857"/>
                  </a:lnTo>
                  <a:lnTo>
                    <a:pt x="6808" y="38347"/>
                  </a:lnTo>
                  <a:lnTo>
                    <a:pt x="6669" y="38254"/>
                  </a:lnTo>
                  <a:lnTo>
                    <a:pt x="6438" y="38208"/>
                  </a:lnTo>
                  <a:lnTo>
                    <a:pt x="6252" y="38208"/>
                  </a:lnTo>
                  <a:lnTo>
                    <a:pt x="6160" y="38254"/>
                  </a:lnTo>
                  <a:lnTo>
                    <a:pt x="6067" y="38347"/>
                  </a:lnTo>
                  <a:lnTo>
                    <a:pt x="5835" y="38671"/>
                  </a:lnTo>
                  <a:lnTo>
                    <a:pt x="5650" y="39042"/>
                  </a:lnTo>
                  <a:lnTo>
                    <a:pt x="5465" y="39412"/>
                  </a:lnTo>
                  <a:lnTo>
                    <a:pt x="5326" y="39783"/>
                  </a:lnTo>
                  <a:lnTo>
                    <a:pt x="5233" y="40153"/>
                  </a:lnTo>
                  <a:lnTo>
                    <a:pt x="5141" y="40570"/>
                  </a:lnTo>
                  <a:lnTo>
                    <a:pt x="5048" y="41357"/>
                  </a:lnTo>
                  <a:lnTo>
                    <a:pt x="5048" y="42191"/>
                  </a:lnTo>
                  <a:lnTo>
                    <a:pt x="5048" y="43025"/>
                  </a:lnTo>
                  <a:lnTo>
                    <a:pt x="5094" y="44646"/>
                  </a:lnTo>
                  <a:lnTo>
                    <a:pt x="5141" y="46730"/>
                  </a:lnTo>
                  <a:lnTo>
                    <a:pt x="5187" y="48814"/>
                  </a:lnTo>
                  <a:lnTo>
                    <a:pt x="5419" y="52935"/>
                  </a:lnTo>
                  <a:lnTo>
                    <a:pt x="5511" y="54927"/>
                  </a:lnTo>
                  <a:lnTo>
                    <a:pt x="5558" y="56965"/>
                  </a:lnTo>
                  <a:lnTo>
                    <a:pt x="5558" y="56965"/>
                  </a:lnTo>
                  <a:lnTo>
                    <a:pt x="5326" y="56177"/>
                  </a:lnTo>
                  <a:lnTo>
                    <a:pt x="5141" y="55436"/>
                  </a:lnTo>
                  <a:lnTo>
                    <a:pt x="4956" y="54649"/>
                  </a:lnTo>
                  <a:lnTo>
                    <a:pt x="4817" y="53862"/>
                  </a:lnTo>
                  <a:lnTo>
                    <a:pt x="4770" y="53074"/>
                  </a:lnTo>
                  <a:lnTo>
                    <a:pt x="4724" y="52287"/>
                  </a:lnTo>
                  <a:lnTo>
                    <a:pt x="4678" y="50759"/>
                  </a:lnTo>
                  <a:lnTo>
                    <a:pt x="4817" y="47656"/>
                  </a:lnTo>
                  <a:lnTo>
                    <a:pt x="4817" y="45896"/>
                  </a:lnTo>
                  <a:lnTo>
                    <a:pt x="4770" y="44090"/>
                  </a:lnTo>
                  <a:lnTo>
                    <a:pt x="4678" y="42330"/>
                  </a:lnTo>
                  <a:lnTo>
                    <a:pt x="4585" y="40524"/>
                  </a:lnTo>
                  <a:lnTo>
                    <a:pt x="4261" y="36958"/>
                  </a:lnTo>
                  <a:lnTo>
                    <a:pt x="4029" y="33392"/>
                  </a:lnTo>
                  <a:lnTo>
                    <a:pt x="3937" y="31400"/>
                  </a:lnTo>
                  <a:lnTo>
                    <a:pt x="3844" y="30428"/>
                  </a:lnTo>
                  <a:lnTo>
                    <a:pt x="3751" y="29918"/>
                  </a:lnTo>
                  <a:lnTo>
                    <a:pt x="3659" y="29455"/>
                  </a:lnTo>
                  <a:lnTo>
                    <a:pt x="3520" y="29038"/>
                  </a:lnTo>
                  <a:lnTo>
                    <a:pt x="3335" y="28621"/>
                  </a:lnTo>
                  <a:lnTo>
                    <a:pt x="3103" y="28251"/>
                  </a:lnTo>
                  <a:lnTo>
                    <a:pt x="2779" y="27927"/>
                  </a:lnTo>
                  <a:lnTo>
                    <a:pt x="2455" y="27649"/>
                  </a:lnTo>
                  <a:lnTo>
                    <a:pt x="2038" y="27464"/>
                  </a:lnTo>
                  <a:lnTo>
                    <a:pt x="1528" y="27278"/>
                  </a:lnTo>
                  <a:lnTo>
                    <a:pt x="973" y="27232"/>
                  </a:lnTo>
                  <a:lnTo>
                    <a:pt x="648" y="27232"/>
                  </a:lnTo>
                  <a:lnTo>
                    <a:pt x="463" y="27325"/>
                  </a:lnTo>
                  <a:lnTo>
                    <a:pt x="278" y="27417"/>
                  </a:lnTo>
                  <a:lnTo>
                    <a:pt x="139" y="27510"/>
                  </a:lnTo>
                  <a:lnTo>
                    <a:pt x="46" y="27695"/>
                  </a:lnTo>
                  <a:lnTo>
                    <a:pt x="0" y="27834"/>
                  </a:lnTo>
                  <a:lnTo>
                    <a:pt x="0" y="28019"/>
                  </a:lnTo>
                  <a:lnTo>
                    <a:pt x="232" y="28668"/>
                  </a:lnTo>
                  <a:lnTo>
                    <a:pt x="324" y="29316"/>
                  </a:lnTo>
                  <a:lnTo>
                    <a:pt x="417" y="30011"/>
                  </a:lnTo>
                  <a:lnTo>
                    <a:pt x="463" y="30706"/>
                  </a:lnTo>
                  <a:lnTo>
                    <a:pt x="463" y="32049"/>
                  </a:lnTo>
                  <a:lnTo>
                    <a:pt x="463" y="33392"/>
                  </a:lnTo>
                  <a:lnTo>
                    <a:pt x="556" y="35244"/>
                  </a:lnTo>
                  <a:lnTo>
                    <a:pt x="648" y="37097"/>
                  </a:lnTo>
                  <a:lnTo>
                    <a:pt x="648" y="38023"/>
                  </a:lnTo>
                  <a:lnTo>
                    <a:pt x="648" y="38949"/>
                  </a:lnTo>
                  <a:lnTo>
                    <a:pt x="648" y="39875"/>
                  </a:lnTo>
                  <a:lnTo>
                    <a:pt x="556" y="40802"/>
                  </a:lnTo>
                  <a:lnTo>
                    <a:pt x="371" y="42469"/>
                  </a:lnTo>
                  <a:lnTo>
                    <a:pt x="232" y="44229"/>
                  </a:lnTo>
                  <a:lnTo>
                    <a:pt x="139" y="45989"/>
                  </a:lnTo>
                  <a:lnTo>
                    <a:pt x="93" y="47795"/>
                  </a:lnTo>
                  <a:lnTo>
                    <a:pt x="93" y="49555"/>
                  </a:lnTo>
                  <a:lnTo>
                    <a:pt x="185" y="51315"/>
                  </a:lnTo>
                  <a:lnTo>
                    <a:pt x="324" y="53074"/>
                  </a:lnTo>
                  <a:lnTo>
                    <a:pt x="556" y="54742"/>
                  </a:lnTo>
                  <a:lnTo>
                    <a:pt x="695" y="55575"/>
                  </a:lnTo>
                  <a:lnTo>
                    <a:pt x="880" y="56409"/>
                  </a:lnTo>
                  <a:lnTo>
                    <a:pt x="1297" y="57984"/>
                  </a:lnTo>
                  <a:lnTo>
                    <a:pt x="1714" y="59604"/>
                  </a:lnTo>
                  <a:lnTo>
                    <a:pt x="1899" y="60438"/>
                  </a:lnTo>
                  <a:lnTo>
                    <a:pt x="2038" y="61272"/>
                  </a:lnTo>
                  <a:lnTo>
                    <a:pt x="2223" y="62661"/>
                  </a:lnTo>
                  <a:lnTo>
                    <a:pt x="2408" y="64097"/>
                  </a:lnTo>
                  <a:lnTo>
                    <a:pt x="2547" y="64791"/>
                  </a:lnTo>
                  <a:lnTo>
                    <a:pt x="2686" y="65486"/>
                  </a:lnTo>
                  <a:lnTo>
                    <a:pt x="2918" y="66181"/>
                  </a:lnTo>
                  <a:lnTo>
                    <a:pt x="3196" y="66829"/>
                  </a:lnTo>
                  <a:lnTo>
                    <a:pt x="3566" y="67478"/>
                  </a:lnTo>
                  <a:lnTo>
                    <a:pt x="3983" y="68126"/>
                  </a:lnTo>
                  <a:lnTo>
                    <a:pt x="4446" y="68682"/>
                  </a:lnTo>
                  <a:lnTo>
                    <a:pt x="4956" y="69237"/>
                  </a:lnTo>
                  <a:lnTo>
                    <a:pt x="5511" y="69701"/>
                  </a:lnTo>
                  <a:lnTo>
                    <a:pt x="6113" y="70164"/>
                  </a:lnTo>
                  <a:lnTo>
                    <a:pt x="6715" y="70534"/>
                  </a:lnTo>
                  <a:lnTo>
                    <a:pt x="7364" y="70812"/>
                  </a:lnTo>
                  <a:lnTo>
                    <a:pt x="7179" y="72572"/>
                  </a:lnTo>
                  <a:lnTo>
                    <a:pt x="7086" y="73452"/>
                  </a:lnTo>
                  <a:lnTo>
                    <a:pt x="7040" y="74332"/>
                  </a:lnTo>
                  <a:lnTo>
                    <a:pt x="7086" y="75767"/>
                  </a:lnTo>
                  <a:lnTo>
                    <a:pt x="7179" y="77203"/>
                  </a:lnTo>
                  <a:lnTo>
                    <a:pt x="7317" y="78639"/>
                  </a:lnTo>
                  <a:lnTo>
                    <a:pt x="7410" y="80075"/>
                  </a:lnTo>
                  <a:lnTo>
                    <a:pt x="7456" y="81603"/>
                  </a:lnTo>
                  <a:lnTo>
                    <a:pt x="7456" y="83131"/>
                  </a:lnTo>
                  <a:lnTo>
                    <a:pt x="7503" y="86188"/>
                  </a:lnTo>
                  <a:lnTo>
                    <a:pt x="7549" y="87716"/>
                  </a:lnTo>
                  <a:lnTo>
                    <a:pt x="7642" y="89244"/>
                  </a:lnTo>
                  <a:lnTo>
                    <a:pt x="7827" y="90773"/>
                  </a:lnTo>
                  <a:lnTo>
                    <a:pt x="7966" y="91514"/>
                  </a:lnTo>
                  <a:lnTo>
                    <a:pt x="8151" y="92208"/>
                  </a:lnTo>
                  <a:lnTo>
                    <a:pt x="8197" y="92440"/>
                  </a:lnTo>
                  <a:lnTo>
                    <a:pt x="8290" y="92625"/>
                  </a:lnTo>
                  <a:lnTo>
                    <a:pt x="8522" y="92996"/>
                  </a:lnTo>
                  <a:lnTo>
                    <a:pt x="8846" y="93274"/>
                  </a:lnTo>
                  <a:lnTo>
                    <a:pt x="9263" y="93505"/>
                  </a:lnTo>
                  <a:lnTo>
                    <a:pt x="9679" y="93644"/>
                  </a:lnTo>
                  <a:lnTo>
                    <a:pt x="10143" y="93737"/>
                  </a:lnTo>
                  <a:lnTo>
                    <a:pt x="10652" y="93737"/>
                  </a:lnTo>
                  <a:lnTo>
                    <a:pt x="11161" y="93690"/>
                  </a:lnTo>
                  <a:lnTo>
                    <a:pt x="11671" y="93598"/>
                  </a:lnTo>
                  <a:lnTo>
                    <a:pt x="12180" y="93459"/>
                  </a:lnTo>
                  <a:lnTo>
                    <a:pt x="12643" y="93274"/>
                  </a:lnTo>
                  <a:lnTo>
                    <a:pt x="13060" y="93042"/>
                  </a:lnTo>
                  <a:lnTo>
                    <a:pt x="13431" y="92764"/>
                  </a:lnTo>
                  <a:lnTo>
                    <a:pt x="13709" y="92440"/>
                  </a:lnTo>
                  <a:lnTo>
                    <a:pt x="13940" y="92116"/>
                  </a:lnTo>
                  <a:lnTo>
                    <a:pt x="14079" y="91699"/>
                  </a:lnTo>
                  <a:lnTo>
                    <a:pt x="14218" y="91004"/>
                  </a:lnTo>
                  <a:lnTo>
                    <a:pt x="14311" y="90310"/>
                  </a:lnTo>
                  <a:lnTo>
                    <a:pt x="14403" y="88874"/>
                  </a:lnTo>
                  <a:lnTo>
                    <a:pt x="14450" y="87392"/>
                  </a:lnTo>
                  <a:lnTo>
                    <a:pt x="14403" y="85910"/>
                  </a:lnTo>
                  <a:lnTo>
                    <a:pt x="14264" y="82992"/>
                  </a:lnTo>
                  <a:lnTo>
                    <a:pt x="14218" y="81510"/>
                  </a:lnTo>
                  <a:lnTo>
                    <a:pt x="14218" y="80075"/>
                  </a:lnTo>
                  <a:lnTo>
                    <a:pt x="14218" y="78546"/>
                  </a:lnTo>
                  <a:lnTo>
                    <a:pt x="14311" y="76972"/>
                  </a:lnTo>
                  <a:lnTo>
                    <a:pt x="14311" y="75443"/>
                  </a:lnTo>
                  <a:lnTo>
                    <a:pt x="14311" y="74656"/>
                  </a:lnTo>
                  <a:lnTo>
                    <a:pt x="14264" y="73915"/>
                  </a:lnTo>
                  <a:lnTo>
                    <a:pt x="14125" y="72711"/>
                  </a:lnTo>
                  <a:lnTo>
                    <a:pt x="13940" y="71507"/>
                  </a:lnTo>
                  <a:lnTo>
                    <a:pt x="14403" y="71321"/>
                  </a:lnTo>
                  <a:lnTo>
                    <a:pt x="14820" y="71136"/>
                  </a:lnTo>
                  <a:lnTo>
                    <a:pt x="15237" y="70905"/>
                  </a:lnTo>
                  <a:lnTo>
                    <a:pt x="15654" y="70627"/>
                  </a:lnTo>
                  <a:lnTo>
                    <a:pt x="16395" y="70025"/>
                  </a:lnTo>
                  <a:lnTo>
                    <a:pt x="17089" y="69376"/>
                  </a:lnTo>
                  <a:lnTo>
                    <a:pt x="17738" y="68635"/>
                  </a:lnTo>
                  <a:lnTo>
                    <a:pt x="18294" y="67848"/>
                  </a:lnTo>
                  <a:lnTo>
                    <a:pt x="18849" y="66968"/>
                  </a:lnTo>
                  <a:lnTo>
                    <a:pt x="19313" y="66088"/>
                  </a:lnTo>
                  <a:lnTo>
                    <a:pt x="19729" y="65162"/>
                  </a:lnTo>
                  <a:lnTo>
                    <a:pt x="20100" y="64189"/>
                  </a:lnTo>
                  <a:lnTo>
                    <a:pt x="20424" y="63263"/>
                  </a:lnTo>
                  <a:lnTo>
                    <a:pt x="20702" y="62291"/>
                  </a:lnTo>
                  <a:lnTo>
                    <a:pt x="20933" y="61318"/>
                  </a:lnTo>
                  <a:lnTo>
                    <a:pt x="21119" y="60345"/>
                  </a:lnTo>
                  <a:lnTo>
                    <a:pt x="21258" y="59419"/>
                  </a:lnTo>
                  <a:lnTo>
                    <a:pt x="21350" y="58493"/>
                  </a:lnTo>
                  <a:lnTo>
                    <a:pt x="21628" y="55622"/>
                  </a:lnTo>
                  <a:lnTo>
                    <a:pt x="21906" y="52797"/>
                  </a:lnTo>
                  <a:lnTo>
                    <a:pt x="22091" y="51407"/>
                  </a:lnTo>
                  <a:lnTo>
                    <a:pt x="22277" y="49971"/>
                  </a:lnTo>
                  <a:lnTo>
                    <a:pt x="22508" y="48582"/>
                  </a:lnTo>
                  <a:lnTo>
                    <a:pt x="22786" y="47146"/>
                  </a:lnTo>
                  <a:lnTo>
                    <a:pt x="23064" y="45942"/>
                  </a:lnTo>
                  <a:lnTo>
                    <a:pt x="23434" y="44738"/>
                  </a:lnTo>
                  <a:lnTo>
                    <a:pt x="23759" y="43488"/>
                  </a:lnTo>
                  <a:lnTo>
                    <a:pt x="24083" y="42237"/>
                  </a:lnTo>
                  <a:lnTo>
                    <a:pt x="24175" y="41635"/>
                  </a:lnTo>
                  <a:lnTo>
                    <a:pt x="24268" y="41033"/>
                  </a:lnTo>
                  <a:lnTo>
                    <a:pt x="24361" y="40385"/>
                  </a:lnTo>
                  <a:lnTo>
                    <a:pt x="24361" y="39783"/>
                  </a:lnTo>
                  <a:lnTo>
                    <a:pt x="24361" y="39181"/>
                  </a:lnTo>
                  <a:lnTo>
                    <a:pt x="24268" y="38532"/>
                  </a:lnTo>
                  <a:lnTo>
                    <a:pt x="24129" y="37930"/>
                  </a:lnTo>
                  <a:lnTo>
                    <a:pt x="23944" y="37375"/>
                  </a:lnTo>
                  <a:lnTo>
                    <a:pt x="23897" y="37236"/>
                  </a:lnTo>
                  <a:lnTo>
                    <a:pt x="23805" y="37189"/>
                  </a:lnTo>
                  <a:lnTo>
                    <a:pt x="23666" y="37143"/>
                  </a:lnTo>
                  <a:lnTo>
                    <a:pt x="23573" y="37097"/>
                  </a:lnTo>
                  <a:lnTo>
                    <a:pt x="23295" y="37097"/>
                  </a:lnTo>
                  <a:lnTo>
                    <a:pt x="23064" y="37189"/>
                  </a:lnTo>
                  <a:lnTo>
                    <a:pt x="22647" y="37513"/>
                  </a:lnTo>
                  <a:lnTo>
                    <a:pt x="22277" y="37838"/>
                  </a:lnTo>
                  <a:lnTo>
                    <a:pt x="21906" y="38162"/>
                  </a:lnTo>
                  <a:lnTo>
                    <a:pt x="21582" y="38532"/>
                  </a:lnTo>
                  <a:lnTo>
                    <a:pt x="20933" y="39273"/>
                  </a:lnTo>
                  <a:lnTo>
                    <a:pt x="20378" y="40107"/>
                  </a:lnTo>
                  <a:lnTo>
                    <a:pt x="20378" y="39459"/>
                  </a:lnTo>
                  <a:lnTo>
                    <a:pt x="20331" y="38764"/>
                  </a:lnTo>
                  <a:lnTo>
                    <a:pt x="20239" y="38162"/>
                  </a:lnTo>
                  <a:lnTo>
                    <a:pt x="20100" y="37560"/>
                  </a:lnTo>
                  <a:lnTo>
                    <a:pt x="19915" y="36958"/>
                  </a:lnTo>
                  <a:lnTo>
                    <a:pt x="19637" y="36402"/>
                  </a:lnTo>
                  <a:lnTo>
                    <a:pt x="19266" y="35893"/>
                  </a:lnTo>
                  <a:lnTo>
                    <a:pt x="18849" y="35383"/>
                  </a:lnTo>
                  <a:lnTo>
                    <a:pt x="18757" y="35290"/>
                  </a:lnTo>
                  <a:lnTo>
                    <a:pt x="18618" y="35244"/>
                  </a:lnTo>
                  <a:lnTo>
                    <a:pt x="18340" y="35152"/>
                  </a:lnTo>
                  <a:lnTo>
                    <a:pt x="18016" y="35198"/>
                  </a:lnTo>
                  <a:lnTo>
                    <a:pt x="17877" y="35244"/>
                  </a:lnTo>
                  <a:lnTo>
                    <a:pt x="17738" y="35290"/>
                  </a:lnTo>
                  <a:lnTo>
                    <a:pt x="17414" y="35568"/>
                  </a:lnTo>
                  <a:lnTo>
                    <a:pt x="17136" y="35893"/>
                  </a:lnTo>
                  <a:lnTo>
                    <a:pt x="16904" y="36170"/>
                  </a:lnTo>
                  <a:lnTo>
                    <a:pt x="16673" y="36495"/>
                  </a:lnTo>
                  <a:lnTo>
                    <a:pt x="16256" y="37097"/>
                  </a:lnTo>
                  <a:lnTo>
                    <a:pt x="15978" y="37791"/>
                  </a:lnTo>
                  <a:lnTo>
                    <a:pt x="15746" y="38532"/>
                  </a:lnTo>
                  <a:lnTo>
                    <a:pt x="15607" y="39273"/>
                  </a:lnTo>
                  <a:lnTo>
                    <a:pt x="15469" y="40061"/>
                  </a:lnTo>
                  <a:lnTo>
                    <a:pt x="15376" y="40894"/>
                  </a:lnTo>
                  <a:lnTo>
                    <a:pt x="15144" y="42978"/>
                  </a:lnTo>
                  <a:lnTo>
                    <a:pt x="15005" y="45062"/>
                  </a:lnTo>
                  <a:lnTo>
                    <a:pt x="14774" y="49277"/>
                  </a:lnTo>
                  <a:lnTo>
                    <a:pt x="14728" y="51268"/>
                  </a:lnTo>
                  <a:lnTo>
                    <a:pt x="14589" y="53260"/>
                  </a:lnTo>
                  <a:lnTo>
                    <a:pt x="14542" y="54279"/>
                  </a:lnTo>
                  <a:lnTo>
                    <a:pt x="14403" y="55251"/>
                  </a:lnTo>
                  <a:lnTo>
                    <a:pt x="14218" y="56224"/>
                  </a:lnTo>
                  <a:lnTo>
                    <a:pt x="13987" y="57196"/>
                  </a:lnTo>
                  <a:lnTo>
                    <a:pt x="13801" y="57752"/>
                  </a:lnTo>
                  <a:lnTo>
                    <a:pt x="13570" y="58261"/>
                  </a:lnTo>
                  <a:lnTo>
                    <a:pt x="13338" y="58678"/>
                  </a:lnTo>
                  <a:lnTo>
                    <a:pt x="13060" y="59095"/>
                  </a:lnTo>
                  <a:lnTo>
                    <a:pt x="12968" y="55853"/>
                  </a:lnTo>
                  <a:lnTo>
                    <a:pt x="12921" y="52611"/>
                  </a:lnTo>
                  <a:lnTo>
                    <a:pt x="12875" y="46128"/>
                  </a:lnTo>
                  <a:lnTo>
                    <a:pt x="12829" y="40477"/>
                  </a:lnTo>
                  <a:lnTo>
                    <a:pt x="12782" y="34827"/>
                  </a:lnTo>
                  <a:lnTo>
                    <a:pt x="12551" y="23527"/>
                  </a:lnTo>
                  <a:lnTo>
                    <a:pt x="12458" y="17877"/>
                  </a:lnTo>
                  <a:lnTo>
                    <a:pt x="12412" y="12227"/>
                  </a:lnTo>
                  <a:lnTo>
                    <a:pt x="12412" y="9402"/>
                  </a:lnTo>
                  <a:lnTo>
                    <a:pt x="12458" y="6530"/>
                  </a:lnTo>
                  <a:lnTo>
                    <a:pt x="12458" y="5141"/>
                  </a:lnTo>
                  <a:lnTo>
                    <a:pt x="12458" y="3705"/>
                  </a:lnTo>
                  <a:lnTo>
                    <a:pt x="12412" y="2316"/>
                  </a:lnTo>
                  <a:lnTo>
                    <a:pt x="12319" y="927"/>
                  </a:lnTo>
                  <a:lnTo>
                    <a:pt x="12273" y="695"/>
                  </a:lnTo>
                  <a:lnTo>
                    <a:pt x="12180" y="510"/>
                  </a:lnTo>
                  <a:lnTo>
                    <a:pt x="12041" y="371"/>
                  </a:lnTo>
                  <a:lnTo>
                    <a:pt x="11902" y="232"/>
                  </a:lnTo>
                  <a:lnTo>
                    <a:pt x="11717" y="139"/>
                  </a:lnTo>
                  <a:lnTo>
                    <a:pt x="11486" y="47"/>
                  </a:lnTo>
                  <a:lnTo>
                    <a:pt x="11069" y="0"/>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Tree>
    <p:extLst>
      <p:ext uri="{BB962C8B-B14F-4D97-AF65-F5344CB8AC3E}">
        <p14:creationId xmlns:p14="http://schemas.microsoft.com/office/powerpoint/2010/main" val="211660979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itle and Content">
    <p:bg>
      <p:bgPr>
        <a:solidFill>
          <a:schemeClr val="accent5"/>
        </a:solidFill>
        <a:effectLst/>
      </p:bgPr>
    </p:bg>
    <p:spTree>
      <p:nvGrpSpPr>
        <p:cNvPr id="1" name=""/>
        <p:cNvGrpSpPr/>
        <p:nvPr/>
      </p:nvGrpSpPr>
      <p:grpSpPr>
        <a:xfrm>
          <a:off x="0" y="0"/>
          <a:ext cx="0" cy="0"/>
          <a:chOff x="0" y="0"/>
          <a:chExt cx="0" cy="0"/>
        </a:xfrm>
      </p:grpSpPr>
      <p:cxnSp>
        <p:nvCxnSpPr>
          <p:cNvPr id="7" name="Straight Connector 6"/>
          <p:cNvCxnSpPr/>
          <p:nvPr userDrawn="1"/>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sp>
        <p:nvSpPr>
          <p:cNvPr id="19" name="Text Placeholder 18"/>
          <p:cNvSpPr>
            <a:spLocks noGrp="1"/>
          </p:cNvSpPr>
          <p:nvPr>
            <p:ph type="body" sz="quarter" idx="10"/>
          </p:nvPr>
        </p:nvSpPr>
        <p:spPr>
          <a:xfrm>
            <a:off x="842963" y="2125663"/>
            <a:ext cx="18718212" cy="1471821"/>
          </a:xfrm>
        </p:spPr>
        <p:txBody>
          <a:bodyPr>
            <a:noAutofit/>
          </a:bodyPr>
          <a:lstStyle>
            <a:lvl1pPr marL="0" indent="0">
              <a:buFontTx/>
              <a:buNone/>
              <a:defRPr sz="3200">
                <a:solidFill>
                  <a:schemeClr val="bg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dirty="0"/>
              <a:t>Edit Master text styles</a:t>
            </a:r>
          </a:p>
        </p:txBody>
      </p:sp>
      <p:sp>
        <p:nvSpPr>
          <p:cNvPr id="23" name="Text Placeholder 24"/>
          <p:cNvSpPr>
            <a:spLocks noGrp="1"/>
          </p:cNvSpPr>
          <p:nvPr>
            <p:ph type="body" sz="quarter" idx="16"/>
          </p:nvPr>
        </p:nvSpPr>
        <p:spPr>
          <a:xfrm>
            <a:off x="1050561" y="4132648"/>
            <a:ext cx="8642078"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24" name="Text Placeholder 26"/>
          <p:cNvSpPr>
            <a:spLocks noGrp="1"/>
          </p:cNvSpPr>
          <p:nvPr>
            <p:ph type="body" sz="quarter" idx="17"/>
          </p:nvPr>
        </p:nvSpPr>
        <p:spPr>
          <a:xfrm>
            <a:off x="1050562" y="4930447"/>
            <a:ext cx="8642078" cy="1948466"/>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bg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25" name="Rectangle 24"/>
          <p:cNvSpPr/>
          <p:nvPr userDrawn="1"/>
        </p:nvSpPr>
        <p:spPr>
          <a:xfrm>
            <a:off x="842674" y="3886567"/>
            <a:ext cx="9180000" cy="2988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29" name="Text Placeholder 24"/>
          <p:cNvSpPr>
            <a:spLocks noGrp="1"/>
          </p:cNvSpPr>
          <p:nvPr>
            <p:ph type="body" sz="quarter" idx="18"/>
          </p:nvPr>
        </p:nvSpPr>
        <p:spPr>
          <a:xfrm>
            <a:off x="10588875" y="4150496"/>
            <a:ext cx="8682104"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30" name="Text Placeholder 26"/>
          <p:cNvSpPr>
            <a:spLocks noGrp="1"/>
          </p:cNvSpPr>
          <p:nvPr>
            <p:ph type="body" sz="quarter" idx="19"/>
          </p:nvPr>
        </p:nvSpPr>
        <p:spPr>
          <a:xfrm>
            <a:off x="10588876" y="4948294"/>
            <a:ext cx="8682104" cy="1930619"/>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bg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31" name="Rectangle 30"/>
          <p:cNvSpPr/>
          <p:nvPr userDrawn="1"/>
        </p:nvSpPr>
        <p:spPr>
          <a:xfrm>
            <a:off x="10380988" y="3904415"/>
            <a:ext cx="9180000" cy="2988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38" name="Text Placeholder 24"/>
          <p:cNvSpPr>
            <a:spLocks noGrp="1"/>
          </p:cNvSpPr>
          <p:nvPr>
            <p:ph type="body" sz="quarter" idx="20"/>
          </p:nvPr>
        </p:nvSpPr>
        <p:spPr>
          <a:xfrm>
            <a:off x="1050561" y="7554028"/>
            <a:ext cx="8642078"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39" name="Text Placeholder 26"/>
          <p:cNvSpPr>
            <a:spLocks noGrp="1"/>
          </p:cNvSpPr>
          <p:nvPr>
            <p:ph type="body" sz="quarter" idx="21"/>
          </p:nvPr>
        </p:nvSpPr>
        <p:spPr>
          <a:xfrm>
            <a:off x="1050562" y="8351827"/>
            <a:ext cx="8642078" cy="1948466"/>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bg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40" name="Rectangle 39"/>
          <p:cNvSpPr/>
          <p:nvPr userDrawn="1"/>
        </p:nvSpPr>
        <p:spPr>
          <a:xfrm>
            <a:off x="842674" y="7307947"/>
            <a:ext cx="9180000" cy="2988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41" name="Text Placeholder 24"/>
          <p:cNvSpPr>
            <a:spLocks noGrp="1"/>
          </p:cNvSpPr>
          <p:nvPr>
            <p:ph type="body" sz="quarter" idx="22"/>
          </p:nvPr>
        </p:nvSpPr>
        <p:spPr>
          <a:xfrm>
            <a:off x="10588875" y="7571876"/>
            <a:ext cx="8682104"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42" name="Text Placeholder 26"/>
          <p:cNvSpPr>
            <a:spLocks noGrp="1"/>
          </p:cNvSpPr>
          <p:nvPr>
            <p:ph type="body" sz="quarter" idx="23"/>
          </p:nvPr>
        </p:nvSpPr>
        <p:spPr>
          <a:xfrm>
            <a:off x="10588876" y="8369674"/>
            <a:ext cx="8682104" cy="1930619"/>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bg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43" name="Rectangle 42"/>
          <p:cNvSpPr/>
          <p:nvPr userDrawn="1"/>
        </p:nvSpPr>
        <p:spPr>
          <a:xfrm>
            <a:off x="10380988" y="7325795"/>
            <a:ext cx="9180000" cy="2988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18" name="Title 4"/>
          <p:cNvSpPr>
            <a:spLocks noGrp="1"/>
          </p:cNvSpPr>
          <p:nvPr>
            <p:ph type="title"/>
          </p:nvPr>
        </p:nvSpPr>
        <p:spPr>
          <a:xfrm>
            <a:off x="842674" y="794960"/>
            <a:ext cx="17793001" cy="984304"/>
          </a:xfrm>
          <a:prstGeom prst="rect">
            <a:avLst/>
          </a:prstGeom>
        </p:spPr>
        <p:txBody>
          <a:bodyPr anchor="t" anchorCtr="0"/>
          <a:lstStyle>
            <a:lvl1pPr>
              <a:defRPr sz="4800">
                <a:solidFill>
                  <a:schemeClr val="bg1"/>
                </a:solidFill>
              </a:defRPr>
            </a:lvl1pPr>
          </a:lstStyle>
          <a:p>
            <a:r>
              <a:rPr lang="en-US" dirty="0"/>
              <a:t>Click to edit Master title style</a:t>
            </a:r>
            <a:endParaRPr lang="en-GB" dirty="0"/>
          </a:p>
        </p:txBody>
      </p:sp>
    </p:spTree>
    <p:extLst>
      <p:ext uri="{BB962C8B-B14F-4D97-AF65-F5344CB8AC3E}">
        <p14:creationId xmlns:p14="http://schemas.microsoft.com/office/powerpoint/2010/main" val="18522471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cxnSp>
        <p:nvCxnSpPr>
          <p:cNvPr id="8" name="Straight Connector 7"/>
          <p:cNvCxnSpPr/>
          <p:nvPr userDrawn="1"/>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sp>
        <p:nvSpPr>
          <p:cNvPr id="11" name="Text Placeholder 18"/>
          <p:cNvSpPr>
            <a:spLocks noGrp="1"/>
          </p:cNvSpPr>
          <p:nvPr>
            <p:ph type="body" sz="quarter" idx="10"/>
          </p:nvPr>
        </p:nvSpPr>
        <p:spPr>
          <a:xfrm>
            <a:off x="842963" y="2125663"/>
            <a:ext cx="18718212" cy="1471821"/>
          </a:xfrm>
        </p:spPr>
        <p:txBody>
          <a:bodyPr>
            <a:noAutofit/>
          </a:bodyPr>
          <a:lstStyle>
            <a:lvl1pPr marL="0" indent="0">
              <a:buFontTx/>
              <a:buNone/>
              <a:defRPr sz="3200">
                <a:solidFill>
                  <a:schemeClr val="tx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dirty="0"/>
              <a:t>Edit Master text styles</a:t>
            </a:r>
          </a:p>
        </p:txBody>
      </p:sp>
      <p:sp>
        <p:nvSpPr>
          <p:cNvPr id="12" name="Text Placeholder 24"/>
          <p:cNvSpPr>
            <a:spLocks noGrp="1"/>
          </p:cNvSpPr>
          <p:nvPr>
            <p:ph type="body" sz="quarter" idx="16"/>
          </p:nvPr>
        </p:nvSpPr>
        <p:spPr>
          <a:xfrm>
            <a:off x="1050561" y="4132648"/>
            <a:ext cx="8642078"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13" name="Text Placeholder 26"/>
          <p:cNvSpPr>
            <a:spLocks noGrp="1"/>
          </p:cNvSpPr>
          <p:nvPr>
            <p:ph type="body" sz="quarter" idx="17"/>
          </p:nvPr>
        </p:nvSpPr>
        <p:spPr>
          <a:xfrm>
            <a:off x="1050562" y="4930447"/>
            <a:ext cx="8642078" cy="1948466"/>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tx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14" name="Rectangle 13"/>
          <p:cNvSpPr/>
          <p:nvPr userDrawn="1"/>
        </p:nvSpPr>
        <p:spPr>
          <a:xfrm>
            <a:off x="842674" y="3886567"/>
            <a:ext cx="9180000" cy="2988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15" name="Text Placeholder 24"/>
          <p:cNvSpPr>
            <a:spLocks noGrp="1"/>
          </p:cNvSpPr>
          <p:nvPr>
            <p:ph type="body" sz="quarter" idx="18"/>
          </p:nvPr>
        </p:nvSpPr>
        <p:spPr>
          <a:xfrm>
            <a:off x="10588875" y="4150496"/>
            <a:ext cx="8682104"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16" name="Text Placeholder 26"/>
          <p:cNvSpPr>
            <a:spLocks noGrp="1"/>
          </p:cNvSpPr>
          <p:nvPr>
            <p:ph type="body" sz="quarter" idx="19"/>
          </p:nvPr>
        </p:nvSpPr>
        <p:spPr>
          <a:xfrm>
            <a:off x="10588876" y="4948294"/>
            <a:ext cx="8682104" cy="1930619"/>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tx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17" name="Rectangle 16"/>
          <p:cNvSpPr/>
          <p:nvPr userDrawn="1"/>
        </p:nvSpPr>
        <p:spPr>
          <a:xfrm>
            <a:off x="10380988" y="3904415"/>
            <a:ext cx="9180000" cy="2988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18" name="Text Placeholder 24"/>
          <p:cNvSpPr>
            <a:spLocks noGrp="1"/>
          </p:cNvSpPr>
          <p:nvPr>
            <p:ph type="body" sz="quarter" idx="20"/>
          </p:nvPr>
        </p:nvSpPr>
        <p:spPr>
          <a:xfrm>
            <a:off x="1050561" y="7554028"/>
            <a:ext cx="8642078"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19" name="Text Placeholder 26"/>
          <p:cNvSpPr>
            <a:spLocks noGrp="1"/>
          </p:cNvSpPr>
          <p:nvPr>
            <p:ph type="body" sz="quarter" idx="21"/>
          </p:nvPr>
        </p:nvSpPr>
        <p:spPr>
          <a:xfrm>
            <a:off x="1050562" y="8351827"/>
            <a:ext cx="8642078" cy="1948466"/>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tx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20" name="Rectangle 19"/>
          <p:cNvSpPr/>
          <p:nvPr userDrawn="1"/>
        </p:nvSpPr>
        <p:spPr>
          <a:xfrm>
            <a:off x="842674" y="7307947"/>
            <a:ext cx="9180000" cy="2988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21" name="Text Placeholder 24"/>
          <p:cNvSpPr>
            <a:spLocks noGrp="1"/>
          </p:cNvSpPr>
          <p:nvPr>
            <p:ph type="body" sz="quarter" idx="22"/>
          </p:nvPr>
        </p:nvSpPr>
        <p:spPr>
          <a:xfrm>
            <a:off x="10588875" y="7571876"/>
            <a:ext cx="8682104"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22" name="Text Placeholder 26"/>
          <p:cNvSpPr>
            <a:spLocks noGrp="1"/>
          </p:cNvSpPr>
          <p:nvPr>
            <p:ph type="body" sz="quarter" idx="23"/>
          </p:nvPr>
        </p:nvSpPr>
        <p:spPr>
          <a:xfrm>
            <a:off x="10588876" y="8369674"/>
            <a:ext cx="8682104" cy="1930619"/>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tx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23" name="Rectangle 22"/>
          <p:cNvSpPr/>
          <p:nvPr userDrawn="1"/>
        </p:nvSpPr>
        <p:spPr>
          <a:xfrm>
            <a:off x="10380988" y="7325795"/>
            <a:ext cx="9180000" cy="2988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24" name="Title 4"/>
          <p:cNvSpPr>
            <a:spLocks noGrp="1"/>
          </p:cNvSpPr>
          <p:nvPr>
            <p:ph type="title"/>
          </p:nvPr>
        </p:nvSpPr>
        <p:spPr>
          <a:xfrm>
            <a:off x="842674" y="794960"/>
            <a:ext cx="17793001" cy="984304"/>
          </a:xfrm>
          <a:prstGeom prst="rect">
            <a:avLst/>
          </a:prstGeom>
        </p:spPr>
        <p:txBody>
          <a:bodyPr anchor="t" anchorCtr="0"/>
          <a:lstStyle>
            <a:lvl1pPr>
              <a:defRPr sz="4800">
                <a:solidFill>
                  <a:srgbClr val="114B5F"/>
                </a:solidFill>
              </a:defRPr>
            </a:lvl1pPr>
          </a:lstStyle>
          <a:p>
            <a:r>
              <a:rPr lang="en-US" dirty="0"/>
              <a:t>Click to edit Master title style</a:t>
            </a:r>
            <a:endParaRPr lang="en-GB" dirty="0"/>
          </a:p>
        </p:txBody>
      </p:sp>
    </p:spTree>
    <p:extLst>
      <p:ext uri="{BB962C8B-B14F-4D97-AF65-F5344CB8AC3E}">
        <p14:creationId xmlns:p14="http://schemas.microsoft.com/office/powerpoint/2010/main" val="1870663157"/>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38" name="Text Placeholder 37"/>
          <p:cNvSpPr>
            <a:spLocks noGrp="1"/>
          </p:cNvSpPr>
          <p:nvPr>
            <p:ph type="body" sz="quarter" idx="11"/>
          </p:nvPr>
        </p:nvSpPr>
        <p:spPr>
          <a:xfrm>
            <a:off x="878164" y="2636776"/>
            <a:ext cx="5760000" cy="6480000"/>
          </a:xfrm>
          <a:ln w="12700">
            <a:solidFill>
              <a:srgbClr val="F76C6C"/>
            </a:solidFill>
          </a:ln>
        </p:spPr>
        <p:txBody>
          <a:bodyPr lIns="360000" tIns="360000" rIns="360000" bIns="360000">
            <a:noAutofit/>
          </a:bodyPr>
          <a:lstStyle>
            <a:lvl1pPr>
              <a:defRPr sz="3200"/>
            </a:lvl1pPr>
          </a:lstStyle>
          <a:p>
            <a:pPr lvl="0"/>
            <a:r>
              <a:rPr lang="en-US" dirty="0"/>
              <a:t>Edit Master text styles</a:t>
            </a:r>
          </a:p>
        </p:txBody>
      </p:sp>
      <p:cxnSp>
        <p:nvCxnSpPr>
          <p:cNvPr id="10" name="Straight Connector 9"/>
          <p:cNvCxnSpPr/>
          <p:nvPr userDrawn="1"/>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userDrawn="1"/>
        </p:nvCxnSpPr>
        <p:spPr>
          <a:xfrm>
            <a:off x="807184" y="3741001"/>
            <a:ext cx="4706197" cy="0"/>
          </a:xfrm>
          <a:prstGeom prst="line">
            <a:avLst/>
          </a:prstGeom>
          <a:ln w="9525">
            <a:solidFill>
              <a:schemeClr val="bg1"/>
            </a:solidFill>
            <a:prstDash val="sysDash"/>
          </a:ln>
        </p:spPr>
        <p:style>
          <a:lnRef idx="1">
            <a:schemeClr val="accent1"/>
          </a:lnRef>
          <a:fillRef idx="0">
            <a:schemeClr val="accent1"/>
          </a:fillRef>
          <a:effectRef idx="0">
            <a:schemeClr val="accent1"/>
          </a:effectRef>
          <a:fontRef idx="minor">
            <a:schemeClr val="tx1"/>
          </a:fontRef>
        </p:style>
      </p:cxnSp>
      <p:sp>
        <p:nvSpPr>
          <p:cNvPr id="20" name="Rectangle 19"/>
          <p:cNvSpPr/>
          <p:nvPr/>
        </p:nvSpPr>
        <p:spPr>
          <a:xfrm>
            <a:off x="1802239" y="7025892"/>
            <a:ext cx="3787166" cy="21380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21" name="Picture 20"/>
          <p:cNvPicPr>
            <a:picLocks noChangeAspect="1"/>
          </p:cNvPicPr>
          <p:nvPr/>
        </p:nvPicPr>
        <p:blipFill>
          <a:blip r:embed="rId2" cstate="email">
            <a:extLst>
              <a:ext uri="{28A0092B-C50C-407E-A947-70E740481C1C}">
                <a14:useLocalDpi xmlns:a14="http://schemas.microsoft.com/office/drawing/2010/main" val="0"/>
              </a:ext>
            </a:extLst>
          </a:blip>
          <a:stretch>
            <a:fillRect/>
          </a:stretch>
        </p:blipFill>
        <p:spPr>
          <a:xfrm>
            <a:off x="1499785" y="6747906"/>
            <a:ext cx="4445779" cy="2912752"/>
          </a:xfrm>
          <a:prstGeom prst="rect">
            <a:avLst/>
          </a:prstGeom>
        </p:spPr>
      </p:pic>
      <p:sp>
        <p:nvSpPr>
          <p:cNvPr id="36" name="Text Placeholder 35"/>
          <p:cNvSpPr>
            <a:spLocks noGrp="1"/>
          </p:cNvSpPr>
          <p:nvPr userDrawn="1">
            <p:ph type="body" sz="quarter" idx="10"/>
          </p:nvPr>
        </p:nvSpPr>
        <p:spPr>
          <a:xfrm>
            <a:off x="2159637" y="7652609"/>
            <a:ext cx="3143884" cy="1200150"/>
          </a:xfrm>
        </p:spPr>
        <p:txBody>
          <a:bodyPr>
            <a:normAutofit/>
          </a:bodyPr>
          <a:lstStyle>
            <a:lvl1pPr marL="0" indent="0" algn="ctr">
              <a:buFontTx/>
              <a:buNone/>
              <a:defRPr sz="3200" b="1">
                <a:solidFill>
                  <a:schemeClr val="bg2"/>
                </a:solidFill>
              </a:defRPr>
            </a:lvl1pPr>
            <a:lvl5pPr marL="1828800" indent="0">
              <a:buNone/>
              <a:defRPr/>
            </a:lvl5pPr>
          </a:lstStyle>
          <a:p>
            <a:pPr lvl="0"/>
            <a:r>
              <a:rPr lang="en-US" dirty="0"/>
              <a:t>Edit Master text</a:t>
            </a:r>
            <a:endParaRPr lang="en-GB" dirty="0"/>
          </a:p>
        </p:txBody>
      </p:sp>
      <p:sp>
        <p:nvSpPr>
          <p:cNvPr id="39" name="Text Placeholder 37"/>
          <p:cNvSpPr>
            <a:spLocks noGrp="1"/>
          </p:cNvSpPr>
          <p:nvPr>
            <p:ph type="body" sz="quarter" idx="12"/>
          </p:nvPr>
        </p:nvSpPr>
        <p:spPr>
          <a:xfrm>
            <a:off x="13780092" y="2636776"/>
            <a:ext cx="5760000" cy="6480000"/>
          </a:xfrm>
          <a:ln w="12700">
            <a:solidFill>
              <a:srgbClr val="F76C6C"/>
            </a:solidFill>
          </a:ln>
        </p:spPr>
        <p:txBody>
          <a:bodyPr lIns="360000" tIns="360000" rIns="360000" bIns="360000">
            <a:noAutofit/>
          </a:bodyPr>
          <a:lstStyle>
            <a:lvl1pPr>
              <a:defRPr sz="3200"/>
            </a:lvl1pPr>
          </a:lstStyle>
          <a:p>
            <a:pPr lvl="0"/>
            <a:r>
              <a:rPr lang="en-US" dirty="0"/>
              <a:t>Edit Master text styles</a:t>
            </a:r>
          </a:p>
        </p:txBody>
      </p:sp>
      <p:cxnSp>
        <p:nvCxnSpPr>
          <p:cNvPr id="40" name="Straight Connector 39"/>
          <p:cNvCxnSpPr/>
          <p:nvPr userDrawn="1"/>
        </p:nvCxnSpPr>
        <p:spPr>
          <a:xfrm>
            <a:off x="13709112" y="3741001"/>
            <a:ext cx="4706197" cy="0"/>
          </a:xfrm>
          <a:prstGeom prst="line">
            <a:avLst/>
          </a:prstGeom>
          <a:ln w="9525">
            <a:solidFill>
              <a:schemeClr val="bg1"/>
            </a:solidFill>
            <a:prstDash val="sysDash"/>
          </a:ln>
        </p:spPr>
        <p:style>
          <a:lnRef idx="1">
            <a:schemeClr val="accent1"/>
          </a:lnRef>
          <a:fillRef idx="0">
            <a:schemeClr val="accent1"/>
          </a:fillRef>
          <a:effectRef idx="0">
            <a:schemeClr val="accent1"/>
          </a:effectRef>
          <a:fontRef idx="minor">
            <a:schemeClr val="tx1"/>
          </a:fontRef>
        </p:style>
      </p:cxnSp>
      <p:sp>
        <p:nvSpPr>
          <p:cNvPr id="41" name="Rectangle 40"/>
          <p:cNvSpPr/>
          <p:nvPr userDrawn="1"/>
        </p:nvSpPr>
        <p:spPr>
          <a:xfrm>
            <a:off x="14704167" y="7025892"/>
            <a:ext cx="3787166" cy="21380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42" name="Picture 41"/>
          <p:cNvPicPr>
            <a:picLocks noChangeAspect="1"/>
          </p:cNvPicPr>
          <p:nvPr userDrawn="1"/>
        </p:nvPicPr>
        <p:blipFill>
          <a:blip r:embed="rId2" cstate="email">
            <a:extLst>
              <a:ext uri="{28A0092B-C50C-407E-A947-70E740481C1C}">
                <a14:useLocalDpi xmlns:a14="http://schemas.microsoft.com/office/drawing/2010/main" val="0"/>
              </a:ext>
            </a:extLst>
          </a:blip>
          <a:stretch>
            <a:fillRect/>
          </a:stretch>
        </p:blipFill>
        <p:spPr>
          <a:xfrm>
            <a:off x="14401713" y="6747906"/>
            <a:ext cx="4445779" cy="2912752"/>
          </a:xfrm>
          <a:prstGeom prst="rect">
            <a:avLst/>
          </a:prstGeom>
        </p:spPr>
      </p:pic>
      <p:sp>
        <p:nvSpPr>
          <p:cNvPr id="43" name="Text Placeholder 35"/>
          <p:cNvSpPr>
            <a:spLocks noGrp="1"/>
          </p:cNvSpPr>
          <p:nvPr>
            <p:ph type="body" sz="quarter" idx="13"/>
          </p:nvPr>
        </p:nvSpPr>
        <p:spPr>
          <a:xfrm>
            <a:off x="15061565" y="7652609"/>
            <a:ext cx="3143884" cy="1200150"/>
          </a:xfrm>
        </p:spPr>
        <p:txBody>
          <a:bodyPr>
            <a:normAutofit/>
          </a:bodyPr>
          <a:lstStyle>
            <a:lvl1pPr marL="0" indent="0" algn="ctr">
              <a:buFontTx/>
              <a:buNone/>
              <a:defRPr sz="3200" b="1">
                <a:solidFill>
                  <a:schemeClr val="bg2"/>
                </a:solidFill>
              </a:defRPr>
            </a:lvl1pPr>
            <a:lvl5pPr marL="1828800" indent="0">
              <a:buNone/>
              <a:defRPr/>
            </a:lvl5pPr>
          </a:lstStyle>
          <a:p>
            <a:pPr lvl="0"/>
            <a:r>
              <a:rPr lang="en-US" dirty="0"/>
              <a:t>Edit Master text</a:t>
            </a:r>
            <a:endParaRPr lang="en-GB" dirty="0"/>
          </a:p>
        </p:txBody>
      </p:sp>
      <p:sp>
        <p:nvSpPr>
          <p:cNvPr id="44" name="Text Placeholder 37"/>
          <p:cNvSpPr>
            <a:spLocks noGrp="1"/>
          </p:cNvSpPr>
          <p:nvPr>
            <p:ph type="body" sz="quarter" idx="14"/>
          </p:nvPr>
        </p:nvSpPr>
        <p:spPr>
          <a:xfrm>
            <a:off x="7293638" y="2636776"/>
            <a:ext cx="5760000" cy="6480000"/>
          </a:xfrm>
          <a:ln w="12700">
            <a:solidFill>
              <a:srgbClr val="F76C6C"/>
            </a:solidFill>
          </a:ln>
        </p:spPr>
        <p:txBody>
          <a:bodyPr lIns="360000" tIns="360000" rIns="360000" bIns="360000">
            <a:noAutofit/>
          </a:bodyPr>
          <a:lstStyle>
            <a:lvl1pPr>
              <a:defRPr sz="3200"/>
            </a:lvl1pPr>
          </a:lstStyle>
          <a:p>
            <a:pPr lvl="0"/>
            <a:r>
              <a:rPr lang="en-US" dirty="0"/>
              <a:t>Edit Master text styles</a:t>
            </a:r>
          </a:p>
        </p:txBody>
      </p:sp>
      <p:cxnSp>
        <p:nvCxnSpPr>
          <p:cNvPr id="45" name="Straight Connector 44"/>
          <p:cNvCxnSpPr/>
          <p:nvPr userDrawn="1"/>
        </p:nvCxnSpPr>
        <p:spPr>
          <a:xfrm>
            <a:off x="7222658" y="3741001"/>
            <a:ext cx="4706197" cy="0"/>
          </a:xfrm>
          <a:prstGeom prst="line">
            <a:avLst/>
          </a:prstGeom>
          <a:ln w="9525">
            <a:solidFill>
              <a:schemeClr val="bg1"/>
            </a:solidFill>
            <a:prstDash val="sysDash"/>
          </a:ln>
        </p:spPr>
        <p:style>
          <a:lnRef idx="1">
            <a:schemeClr val="accent1"/>
          </a:lnRef>
          <a:fillRef idx="0">
            <a:schemeClr val="accent1"/>
          </a:fillRef>
          <a:effectRef idx="0">
            <a:schemeClr val="accent1"/>
          </a:effectRef>
          <a:fontRef idx="minor">
            <a:schemeClr val="tx1"/>
          </a:fontRef>
        </p:style>
      </p:cxnSp>
      <p:sp>
        <p:nvSpPr>
          <p:cNvPr id="46" name="Rectangle 45"/>
          <p:cNvSpPr/>
          <p:nvPr userDrawn="1"/>
        </p:nvSpPr>
        <p:spPr>
          <a:xfrm>
            <a:off x="8217713" y="7025892"/>
            <a:ext cx="3787166" cy="21380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47" name="Picture 46"/>
          <p:cNvPicPr>
            <a:picLocks noChangeAspect="1"/>
          </p:cNvPicPr>
          <p:nvPr userDrawn="1"/>
        </p:nvPicPr>
        <p:blipFill>
          <a:blip r:embed="rId2" cstate="email">
            <a:extLst>
              <a:ext uri="{28A0092B-C50C-407E-A947-70E740481C1C}">
                <a14:useLocalDpi xmlns:a14="http://schemas.microsoft.com/office/drawing/2010/main" val="0"/>
              </a:ext>
            </a:extLst>
          </a:blip>
          <a:stretch>
            <a:fillRect/>
          </a:stretch>
        </p:blipFill>
        <p:spPr>
          <a:xfrm>
            <a:off x="7915259" y="6747906"/>
            <a:ext cx="4445779" cy="2912752"/>
          </a:xfrm>
          <a:prstGeom prst="rect">
            <a:avLst/>
          </a:prstGeom>
        </p:spPr>
      </p:pic>
      <p:sp>
        <p:nvSpPr>
          <p:cNvPr id="48" name="Text Placeholder 35"/>
          <p:cNvSpPr>
            <a:spLocks noGrp="1"/>
          </p:cNvSpPr>
          <p:nvPr>
            <p:ph type="body" sz="quarter" idx="15"/>
          </p:nvPr>
        </p:nvSpPr>
        <p:spPr>
          <a:xfrm>
            <a:off x="8575111" y="7652609"/>
            <a:ext cx="3143884" cy="1200150"/>
          </a:xfrm>
        </p:spPr>
        <p:txBody>
          <a:bodyPr>
            <a:normAutofit/>
          </a:bodyPr>
          <a:lstStyle>
            <a:lvl1pPr marL="0" indent="0" algn="ctr">
              <a:buFontTx/>
              <a:buNone/>
              <a:defRPr sz="3200" b="1">
                <a:solidFill>
                  <a:schemeClr val="bg2"/>
                </a:solidFill>
              </a:defRPr>
            </a:lvl1pPr>
            <a:lvl5pPr marL="1828800" indent="0">
              <a:buNone/>
              <a:defRPr/>
            </a:lvl5pPr>
          </a:lstStyle>
          <a:p>
            <a:pPr lvl="0"/>
            <a:r>
              <a:rPr lang="en-US" dirty="0"/>
              <a:t>Edit Master text</a:t>
            </a:r>
            <a:endParaRPr lang="en-GB" dirty="0"/>
          </a:p>
        </p:txBody>
      </p:sp>
      <p:sp>
        <p:nvSpPr>
          <p:cNvPr id="22" name="Title 4"/>
          <p:cNvSpPr>
            <a:spLocks noGrp="1"/>
          </p:cNvSpPr>
          <p:nvPr>
            <p:ph type="title"/>
          </p:nvPr>
        </p:nvSpPr>
        <p:spPr>
          <a:xfrm>
            <a:off x="842674" y="794960"/>
            <a:ext cx="17793001" cy="984304"/>
          </a:xfrm>
          <a:prstGeom prst="rect">
            <a:avLst/>
          </a:prstGeom>
        </p:spPr>
        <p:txBody>
          <a:bodyPr anchor="t" anchorCtr="0"/>
          <a:lstStyle>
            <a:lvl1pPr>
              <a:defRPr sz="4800">
                <a:solidFill>
                  <a:srgbClr val="114B5F"/>
                </a:solidFill>
              </a:defRPr>
            </a:lvl1pPr>
          </a:lstStyle>
          <a:p>
            <a:r>
              <a:rPr lang="en-US" dirty="0"/>
              <a:t>Click to edit Master title style</a:t>
            </a:r>
            <a:endParaRPr lang="en-GB" dirty="0"/>
          </a:p>
        </p:txBody>
      </p:sp>
    </p:spTree>
    <p:extLst>
      <p:ext uri="{BB962C8B-B14F-4D97-AF65-F5344CB8AC3E}">
        <p14:creationId xmlns:p14="http://schemas.microsoft.com/office/powerpoint/2010/main" val="245486357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6" name="Picture Placeholder 15"/>
          <p:cNvSpPr>
            <a:spLocks noGrp="1"/>
          </p:cNvSpPr>
          <p:nvPr>
            <p:ph type="pic" sz="quarter" idx="10"/>
          </p:nvPr>
        </p:nvSpPr>
        <p:spPr>
          <a:xfrm>
            <a:off x="842674" y="3580673"/>
            <a:ext cx="1620000" cy="1620000"/>
          </a:xfrm>
          <a:prstGeom prst="ellipse">
            <a:avLst/>
          </a:prstGeom>
          <a:noFill/>
        </p:spPr>
        <p:txBody>
          <a:bodyPr/>
          <a:lstStyle>
            <a:lvl1pPr marL="0" indent="0">
              <a:buFontTx/>
              <a:buNone/>
              <a:defRPr sz="1200"/>
            </a:lvl1pPr>
          </a:lstStyle>
          <a:p>
            <a:r>
              <a:rPr lang="en-US" dirty="0"/>
              <a:t>Click icon to add picture</a:t>
            </a:r>
            <a:endParaRPr lang="en-GB" dirty="0"/>
          </a:p>
        </p:txBody>
      </p:sp>
      <p:sp>
        <p:nvSpPr>
          <p:cNvPr id="27" name="Text Placeholder 17"/>
          <p:cNvSpPr>
            <a:spLocks noGrp="1"/>
          </p:cNvSpPr>
          <p:nvPr>
            <p:ph type="body" sz="quarter" idx="11" hasCustomPrompt="1"/>
          </p:nvPr>
        </p:nvSpPr>
        <p:spPr>
          <a:xfrm>
            <a:off x="2704237" y="3294946"/>
            <a:ext cx="4450943" cy="2191454"/>
          </a:xfrm>
          <a:prstGeom prst="rect">
            <a:avLst/>
          </a:prstGeom>
        </p:spPr>
        <p:txBody>
          <a:bodyPr anchor="ctr" anchorCtr="0">
            <a:normAutofit/>
          </a:bodyPr>
          <a:lstStyle>
            <a:lvl1pPr marL="0" indent="0">
              <a:spcBef>
                <a:spcPts val="0"/>
              </a:spcBef>
              <a:spcAft>
                <a:spcPts val="0"/>
              </a:spcAft>
              <a:buNone/>
              <a:defRPr sz="3200">
                <a:solidFill>
                  <a:schemeClr val="accent5"/>
                </a:solidFill>
              </a:defRPr>
            </a:lvl1pPr>
            <a:lvl2pPr marL="457200" indent="0">
              <a:buNone/>
              <a:defRPr/>
            </a:lvl2pPr>
            <a:lvl3pPr marL="914400" indent="0">
              <a:buNone/>
              <a:defRPr/>
            </a:lvl3pPr>
          </a:lstStyle>
          <a:p>
            <a:pPr lvl="0"/>
            <a:r>
              <a:rPr lang="en-US" dirty="0"/>
              <a:t>Click to edit Name</a:t>
            </a:r>
            <a:br>
              <a:rPr lang="en-US" dirty="0"/>
            </a:br>
            <a:r>
              <a:rPr lang="en-US" dirty="0"/>
              <a:t>Title </a:t>
            </a:r>
            <a:br>
              <a:rPr lang="en-US" dirty="0"/>
            </a:br>
            <a:r>
              <a:rPr lang="en-US" dirty="0"/>
              <a:t>T: 01204 </a:t>
            </a:r>
            <a:r>
              <a:rPr lang="en-US" dirty="0" err="1"/>
              <a:t>xxxxxxx</a:t>
            </a:r>
            <a:r>
              <a:rPr lang="en-US" dirty="0"/>
              <a:t/>
            </a:r>
            <a:br>
              <a:rPr lang="en-US" dirty="0"/>
            </a:br>
            <a:r>
              <a:rPr lang="en-US" dirty="0"/>
              <a:t>E: name@keoghs.co.uk</a:t>
            </a:r>
            <a:endParaRPr lang="en-GB" dirty="0"/>
          </a:p>
        </p:txBody>
      </p:sp>
      <p:sp>
        <p:nvSpPr>
          <p:cNvPr id="44" name="TextBox 43"/>
          <p:cNvSpPr txBox="1"/>
          <p:nvPr userDrawn="1"/>
        </p:nvSpPr>
        <p:spPr>
          <a:xfrm>
            <a:off x="842674" y="2291830"/>
            <a:ext cx="12256106" cy="707886"/>
          </a:xfrm>
          <a:prstGeom prst="rect">
            <a:avLst/>
          </a:prstGeom>
          <a:noFill/>
        </p:spPr>
        <p:txBody>
          <a:bodyPr wrap="square" rtlCol="0">
            <a:spAutoFit/>
          </a:bodyPr>
          <a:lstStyle/>
          <a:p>
            <a:pPr marL="0" lvl="0" indent="0">
              <a:buFontTx/>
              <a:buNone/>
            </a:pPr>
            <a:r>
              <a:rPr lang="en-US" sz="4000" b="1" dirty="0">
                <a:solidFill>
                  <a:schemeClr val="bg2"/>
                </a:solidFill>
              </a:rPr>
              <a:t>For more information please contact: </a:t>
            </a:r>
          </a:p>
        </p:txBody>
      </p:sp>
      <p:cxnSp>
        <p:nvCxnSpPr>
          <p:cNvPr id="51" name="Straight Connector 50"/>
          <p:cNvCxnSpPr/>
          <p:nvPr userDrawn="1"/>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sp>
        <p:nvSpPr>
          <p:cNvPr id="54" name="Picture Placeholder 15"/>
          <p:cNvSpPr>
            <a:spLocks noGrp="1"/>
          </p:cNvSpPr>
          <p:nvPr>
            <p:ph type="pic" sz="quarter" idx="12"/>
          </p:nvPr>
        </p:nvSpPr>
        <p:spPr>
          <a:xfrm>
            <a:off x="842674" y="5987370"/>
            <a:ext cx="1620000" cy="1620000"/>
          </a:xfrm>
          <a:prstGeom prst="ellipse">
            <a:avLst/>
          </a:prstGeom>
          <a:noFill/>
        </p:spPr>
        <p:txBody>
          <a:bodyPr/>
          <a:lstStyle>
            <a:lvl1pPr marL="0" indent="0">
              <a:buFontTx/>
              <a:buNone/>
              <a:defRPr sz="1200"/>
            </a:lvl1pPr>
          </a:lstStyle>
          <a:p>
            <a:r>
              <a:rPr lang="en-US" dirty="0"/>
              <a:t>Click icon to add picture</a:t>
            </a:r>
            <a:endParaRPr lang="en-GB" dirty="0"/>
          </a:p>
        </p:txBody>
      </p:sp>
      <p:sp>
        <p:nvSpPr>
          <p:cNvPr id="55" name="Picture Placeholder 15"/>
          <p:cNvSpPr>
            <a:spLocks noGrp="1"/>
          </p:cNvSpPr>
          <p:nvPr>
            <p:ph type="pic" sz="quarter" idx="13"/>
          </p:nvPr>
        </p:nvSpPr>
        <p:spPr>
          <a:xfrm>
            <a:off x="842674" y="8364810"/>
            <a:ext cx="1620000" cy="1620000"/>
          </a:xfrm>
          <a:prstGeom prst="ellipse">
            <a:avLst/>
          </a:prstGeom>
          <a:noFill/>
        </p:spPr>
        <p:txBody>
          <a:bodyPr/>
          <a:lstStyle>
            <a:lvl1pPr marL="0" indent="0">
              <a:buFontTx/>
              <a:buNone/>
              <a:defRPr sz="1200"/>
            </a:lvl1pPr>
          </a:lstStyle>
          <a:p>
            <a:r>
              <a:rPr lang="en-US" dirty="0"/>
              <a:t>Click icon to add picture</a:t>
            </a:r>
            <a:endParaRPr lang="en-GB" dirty="0"/>
          </a:p>
        </p:txBody>
      </p:sp>
      <p:sp>
        <p:nvSpPr>
          <p:cNvPr id="56" name="Text Placeholder 17"/>
          <p:cNvSpPr>
            <a:spLocks noGrp="1"/>
          </p:cNvSpPr>
          <p:nvPr>
            <p:ph type="body" sz="quarter" idx="14" hasCustomPrompt="1"/>
          </p:nvPr>
        </p:nvSpPr>
        <p:spPr>
          <a:xfrm>
            <a:off x="2704237" y="5701643"/>
            <a:ext cx="4450943" cy="2191454"/>
          </a:xfrm>
          <a:prstGeom prst="rect">
            <a:avLst/>
          </a:prstGeom>
        </p:spPr>
        <p:txBody>
          <a:bodyPr anchor="ctr" anchorCtr="0">
            <a:normAutofit/>
          </a:bodyPr>
          <a:lstStyle>
            <a:lvl1pPr marL="0" indent="0">
              <a:spcBef>
                <a:spcPts val="0"/>
              </a:spcBef>
              <a:spcAft>
                <a:spcPts val="0"/>
              </a:spcAft>
              <a:buNone/>
              <a:defRPr sz="3200">
                <a:solidFill>
                  <a:schemeClr val="accent5"/>
                </a:solidFill>
              </a:defRPr>
            </a:lvl1pPr>
            <a:lvl2pPr marL="457200" indent="0">
              <a:buNone/>
              <a:defRPr/>
            </a:lvl2pPr>
            <a:lvl3pPr marL="914400" indent="0">
              <a:buNone/>
              <a:defRPr/>
            </a:lvl3pPr>
          </a:lstStyle>
          <a:p>
            <a:pPr lvl="0"/>
            <a:r>
              <a:rPr lang="en-US" dirty="0"/>
              <a:t>Click to edit Name</a:t>
            </a:r>
            <a:br>
              <a:rPr lang="en-US" dirty="0"/>
            </a:br>
            <a:r>
              <a:rPr lang="en-US" dirty="0"/>
              <a:t>Title </a:t>
            </a:r>
            <a:br>
              <a:rPr lang="en-US" dirty="0"/>
            </a:br>
            <a:r>
              <a:rPr lang="en-US" dirty="0"/>
              <a:t>T: 01204 </a:t>
            </a:r>
            <a:r>
              <a:rPr lang="en-US" dirty="0" err="1"/>
              <a:t>xxxxxxx</a:t>
            </a:r>
            <a:r>
              <a:rPr lang="en-US" dirty="0"/>
              <a:t/>
            </a:r>
            <a:br>
              <a:rPr lang="en-US" dirty="0"/>
            </a:br>
            <a:r>
              <a:rPr lang="en-US" dirty="0"/>
              <a:t>E: name@keoghs.co.uk</a:t>
            </a:r>
            <a:endParaRPr lang="en-GB" dirty="0"/>
          </a:p>
        </p:txBody>
      </p:sp>
      <p:sp>
        <p:nvSpPr>
          <p:cNvPr id="57" name="Text Placeholder 17"/>
          <p:cNvSpPr>
            <a:spLocks noGrp="1"/>
          </p:cNvSpPr>
          <p:nvPr>
            <p:ph type="body" sz="quarter" idx="15" hasCustomPrompt="1"/>
          </p:nvPr>
        </p:nvSpPr>
        <p:spPr>
          <a:xfrm>
            <a:off x="2704237" y="8079083"/>
            <a:ext cx="4450943" cy="2191454"/>
          </a:xfrm>
          <a:prstGeom prst="rect">
            <a:avLst/>
          </a:prstGeom>
        </p:spPr>
        <p:txBody>
          <a:bodyPr anchor="ctr" anchorCtr="0">
            <a:normAutofit/>
          </a:bodyPr>
          <a:lstStyle>
            <a:lvl1pPr marL="0" indent="0">
              <a:spcBef>
                <a:spcPts val="0"/>
              </a:spcBef>
              <a:spcAft>
                <a:spcPts val="0"/>
              </a:spcAft>
              <a:buNone/>
              <a:defRPr sz="3200">
                <a:solidFill>
                  <a:schemeClr val="accent5"/>
                </a:solidFill>
              </a:defRPr>
            </a:lvl1pPr>
            <a:lvl2pPr marL="457200" indent="0">
              <a:buNone/>
              <a:defRPr/>
            </a:lvl2pPr>
            <a:lvl3pPr marL="914400" indent="0">
              <a:buNone/>
              <a:defRPr/>
            </a:lvl3pPr>
          </a:lstStyle>
          <a:p>
            <a:pPr lvl="0"/>
            <a:r>
              <a:rPr lang="en-US" dirty="0"/>
              <a:t>Click to edit Name</a:t>
            </a:r>
            <a:br>
              <a:rPr lang="en-US" dirty="0"/>
            </a:br>
            <a:r>
              <a:rPr lang="en-US" dirty="0"/>
              <a:t>Title </a:t>
            </a:r>
            <a:br>
              <a:rPr lang="en-US" dirty="0"/>
            </a:br>
            <a:r>
              <a:rPr lang="en-US" dirty="0"/>
              <a:t>T: 01204 </a:t>
            </a:r>
            <a:r>
              <a:rPr lang="en-US" dirty="0" err="1"/>
              <a:t>xxxxxxx</a:t>
            </a:r>
            <a:r>
              <a:rPr lang="en-US" dirty="0"/>
              <a:t/>
            </a:r>
            <a:br>
              <a:rPr lang="en-US" dirty="0"/>
            </a:br>
            <a:r>
              <a:rPr lang="en-US" dirty="0"/>
              <a:t>E: name@keoghs.co.uk</a:t>
            </a:r>
            <a:endParaRPr lang="en-GB" dirty="0"/>
          </a:p>
        </p:txBody>
      </p:sp>
      <p:sp>
        <p:nvSpPr>
          <p:cNvPr id="58" name="Picture Placeholder 15"/>
          <p:cNvSpPr>
            <a:spLocks noGrp="1"/>
          </p:cNvSpPr>
          <p:nvPr>
            <p:ph type="pic" sz="quarter" idx="16"/>
          </p:nvPr>
        </p:nvSpPr>
        <p:spPr>
          <a:xfrm>
            <a:off x="7807354" y="3580673"/>
            <a:ext cx="1620000" cy="1620000"/>
          </a:xfrm>
          <a:prstGeom prst="ellipse">
            <a:avLst/>
          </a:prstGeom>
          <a:noFill/>
        </p:spPr>
        <p:txBody>
          <a:bodyPr/>
          <a:lstStyle>
            <a:lvl1pPr marL="0" indent="0">
              <a:buFontTx/>
              <a:buNone/>
              <a:defRPr sz="1200"/>
            </a:lvl1pPr>
          </a:lstStyle>
          <a:p>
            <a:r>
              <a:rPr lang="en-US" dirty="0"/>
              <a:t>Click icon to add picture</a:t>
            </a:r>
            <a:endParaRPr lang="en-GB" dirty="0"/>
          </a:p>
        </p:txBody>
      </p:sp>
      <p:sp>
        <p:nvSpPr>
          <p:cNvPr id="59" name="Picture Placeholder 15"/>
          <p:cNvSpPr>
            <a:spLocks noGrp="1"/>
          </p:cNvSpPr>
          <p:nvPr>
            <p:ph type="pic" sz="quarter" idx="17"/>
          </p:nvPr>
        </p:nvSpPr>
        <p:spPr>
          <a:xfrm>
            <a:off x="7807354" y="5987370"/>
            <a:ext cx="1620000" cy="1620000"/>
          </a:xfrm>
          <a:prstGeom prst="ellipse">
            <a:avLst/>
          </a:prstGeom>
          <a:noFill/>
        </p:spPr>
        <p:txBody>
          <a:bodyPr/>
          <a:lstStyle>
            <a:lvl1pPr marL="0" indent="0">
              <a:buFontTx/>
              <a:buNone/>
              <a:defRPr sz="1200"/>
            </a:lvl1pPr>
          </a:lstStyle>
          <a:p>
            <a:r>
              <a:rPr lang="en-US" dirty="0"/>
              <a:t>Click icon to add picture</a:t>
            </a:r>
            <a:endParaRPr lang="en-GB" dirty="0"/>
          </a:p>
        </p:txBody>
      </p:sp>
      <p:sp>
        <p:nvSpPr>
          <p:cNvPr id="60" name="Picture Placeholder 15"/>
          <p:cNvSpPr>
            <a:spLocks noGrp="1"/>
          </p:cNvSpPr>
          <p:nvPr>
            <p:ph type="pic" sz="quarter" idx="18"/>
          </p:nvPr>
        </p:nvSpPr>
        <p:spPr>
          <a:xfrm>
            <a:off x="7807354" y="8364810"/>
            <a:ext cx="1620000" cy="1620000"/>
          </a:xfrm>
          <a:prstGeom prst="ellipse">
            <a:avLst/>
          </a:prstGeom>
          <a:noFill/>
        </p:spPr>
        <p:txBody>
          <a:bodyPr/>
          <a:lstStyle>
            <a:lvl1pPr marL="0" indent="0">
              <a:buFontTx/>
              <a:buNone/>
              <a:defRPr sz="1200"/>
            </a:lvl1pPr>
          </a:lstStyle>
          <a:p>
            <a:r>
              <a:rPr lang="en-US" dirty="0"/>
              <a:t>Click icon to add picture</a:t>
            </a:r>
            <a:endParaRPr lang="en-GB" dirty="0"/>
          </a:p>
        </p:txBody>
      </p:sp>
      <p:sp>
        <p:nvSpPr>
          <p:cNvPr id="61" name="Text Placeholder 17"/>
          <p:cNvSpPr>
            <a:spLocks noGrp="1"/>
          </p:cNvSpPr>
          <p:nvPr>
            <p:ph type="body" sz="quarter" idx="19" hasCustomPrompt="1"/>
          </p:nvPr>
        </p:nvSpPr>
        <p:spPr>
          <a:xfrm>
            <a:off x="9714637" y="3294946"/>
            <a:ext cx="4450943" cy="2191454"/>
          </a:xfrm>
          <a:prstGeom prst="rect">
            <a:avLst/>
          </a:prstGeom>
        </p:spPr>
        <p:txBody>
          <a:bodyPr anchor="ctr" anchorCtr="0">
            <a:normAutofit/>
          </a:bodyPr>
          <a:lstStyle>
            <a:lvl1pPr marL="0" indent="0">
              <a:spcBef>
                <a:spcPts val="0"/>
              </a:spcBef>
              <a:spcAft>
                <a:spcPts val="0"/>
              </a:spcAft>
              <a:buNone/>
              <a:defRPr sz="3200">
                <a:solidFill>
                  <a:schemeClr val="accent5"/>
                </a:solidFill>
              </a:defRPr>
            </a:lvl1pPr>
            <a:lvl2pPr marL="457200" indent="0">
              <a:buNone/>
              <a:defRPr/>
            </a:lvl2pPr>
            <a:lvl3pPr marL="914400" indent="0">
              <a:buNone/>
              <a:defRPr/>
            </a:lvl3pPr>
          </a:lstStyle>
          <a:p>
            <a:pPr lvl="0"/>
            <a:r>
              <a:rPr lang="en-US" dirty="0"/>
              <a:t>Click to edit Name</a:t>
            </a:r>
            <a:br>
              <a:rPr lang="en-US" dirty="0"/>
            </a:br>
            <a:r>
              <a:rPr lang="en-US" dirty="0"/>
              <a:t>Title </a:t>
            </a:r>
            <a:br>
              <a:rPr lang="en-US" dirty="0"/>
            </a:br>
            <a:r>
              <a:rPr lang="en-US" dirty="0"/>
              <a:t>T: 01204 </a:t>
            </a:r>
            <a:r>
              <a:rPr lang="en-US" dirty="0" err="1"/>
              <a:t>xxxxxxx</a:t>
            </a:r>
            <a:r>
              <a:rPr lang="en-US" dirty="0"/>
              <a:t/>
            </a:r>
            <a:br>
              <a:rPr lang="en-US" dirty="0"/>
            </a:br>
            <a:r>
              <a:rPr lang="en-US" dirty="0"/>
              <a:t>E: name@keoghs.co.uk</a:t>
            </a:r>
            <a:endParaRPr lang="en-GB" dirty="0"/>
          </a:p>
        </p:txBody>
      </p:sp>
      <p:sp>
        <p:nvSpPr>
          <p:cNvPr id="62" name="Text Placeholder 17"/>
          <p:cNvSpPr>
            <a:spLocks noGrp="1"/>
          </p:cNvSpPr>
          <p:nvPr>
            <p:ph type="body" sz="quarter" idx="20" hasCustomPrompt="1"/>
          </p:nvPr>
        </p:nvSpPr>
        <p:spPr>
          <a:xfrm>
            <a:off x="9714637" y="5701643"/>
            <a:ext cx="4450943" cy="2191454"/>
          </a:xfrm>
          <a:prstGeom prst="rect">
            <a:avLst/>
          </a:prstGeom>
        </p:spPr>
        <p:txBody>
          <a:bodyPr anchor="ctr" anchorCtr="0">
            <a:normAutofit/>
          </a:bodyPr>
          <a:lstStyle>
            <a:lvl1pPr marL="0" indent="0">
              <a:spcBef>
                <a:spcPts val="0"/>
              </a:spcBef>
              <a:spcAft>
                <a:spcPts val="0"/>
              </a:spcAft>
              <a:buNone/>
              <a:defRPr sz="3200">
                <a:solidFill>
                  <a:schemeClr val="accent5"/>
                </a:solidFill>
              </a:defRPr>
            </a:lvl1pPr>
            <a:lvl2pPr marL="457200" indent="0">
              <a:buNone/>
              <a:defRPr/>
            </a:lvl2pPr>
            <a:lvl3pPr marL="914400" indent="0">
              <a:buNone/>
              <a:defRPr/>
            </a:lvl3pPr>
          </a:lstStyle>
          <a:p>
            <a:pPr lvl="0"/>
            <a:r>
              <a:rPr lang="en-US" dirty="0"/>
              <a:t>Click to edit Name</a:t>
            </a:r>
            <a:br>
              <a:rPr lang="en-US" dirty="0"/>
            </a:br>
            <a:r>
              <a:rPr lang="en-US" dirty="0"/>
              <a:t>Title </a:t>
            </a:r>
            <a:br>
              <a:rPr lang="en-US" dirty="0"/>
            </a:br>
            <a:r>
              <a:rPr lang="en-US" dirty="0"/>
              <a:t>T: 01204 </a:t>
            </a:r>
            <a:r>
              <a:rPr lang="en-US" dirty="0" err="1"/>
              <a:t>xxxxxxx</a:t>
            </a:r>
            <a:r>
              <a:rPr lang="en-US" dirty="0"/>
              <a:t/>
            </a:r>
            <a:br>
              <a:rPr lang="en-US" dirty="0"/>
            </a:br>
            <a:r>
              <a:rPr lang="en-US" dirty="0"/>
              <a:t>E: name@keoghs.co.uk</a:t>
            </a:r>
            <a:endParaRPr lang="en-GB" dirty="0"/>
          </a:p>
        </p:txBody>
      </p:sp>
      <p:sp>
        <p:nvSpPr>
          <p:cNvPr id="63" name="Text Placeholder 17"/>
          <p:cNvSpPr>
            <a:spLocks noGrp="1"/>
          </p:cNvSpPr>
          <p:nvPr>
            <p:ph type="body" sz="quarter" idx="21" hasCustomPrompt="1"/>
          </p:nvPr>
        </p:nvSpPr>
        <p:spPr>
          <a:xfrm>
            <a:off x="9714637" y="8079083"/>
            <a:ext cx="4450943" cy="2191454"/>
          </a:xfrm>
          <a:prstGeom prst="rect">
            <a:avLst/>
          </a:prstGeom>
        </p:spPr>
        <p:txBody>
          <a:bodyPr anchor="ctr" anchorCtr="0">
            <a:normAutofit/>
          </a:bodyPr>
          <a:lstStyle>
            <a:lvl1pPr marL="0" indent="0">
              <a:spcBef>
                <a:spcPts val="0"/>
              </a:spcBef>
              <a:spcAft>
                <a:spcPts val="0"/>
              </a:spcAft>
              <a:buNone/>
              <a:defRPr sz="3200">
                <a:solidFill>
                  <a:schemeClr val="accent5"/>
                </a:solidFill>
              </a:defRPr>
            </a:lvl1pPr>
            <a:lvl2pPr marL="457200" indent="0">
              <a:buNone/>
              <a:defRPr/>
            </a:lvl2pPr>
            <a:lvl3pPr marL="914400" indent="0">
              <a:buNone/>
              <a:defRPr/>
            </a:lvl3pPr>
          </a:lstStyle>
          <a:p>
            <a:pPr lvl="0"/>
            <a:r>
              <a:rPr lang="en-US" dirty="0"/>
              <a:t>Click to edit Name</a:t>
            </a:r>
            <a:br>
              <a:rPr lang="en-US" dirty="0"/>
            </a:br>
            <a:r>
              <a:rPr lang="en-US" dirty="0"/>
              <a:t>Title </a:t>
            </a:r>
            <a:br>
              <a:rPr lang="en-US" dirty="0"/>
            </a:br>
            <a:r>
              <a:rPr lang="en-US" dirty="0"/>
              <a:t>T: 01204 </a:t>
            </a:r>
            <a:r>
              <a:rPr lang="en-US" dirty="0" err="1"/>
              <a:t>xxxxxxx</a:t>
            </a:r>
            <a:r>
              <a:rPr lang="en-US" dirty="0"/>
              <a:t/>
            </a:r>
            <a:br>
              <a:rPr lang="en-US" dirty="0"/>
            </a:br>
            <a:r>
              <a:rPr lang="en-US" dirty="0"/>
              <a:t>E: name@keoghs.co.uk</a:t>
            </a:r>
            <a:endParaRPr lang="en-GB" dirty="0"/>
          </a:p>
        </p:txBody>
      </p:sp>
      <p:sp>
        <p:nvSpPr>
          <p:cNvPr id="18" name="Title 4"/>
          <p:cNvSpPr>
            <a:spLocks noGrp="1"/>
          </p:cNvSpPr>
          <p:nvPr>
            <p:ph type="title"/>
          </p:nvPr>
        </p:nvSpPr>
        <p:spPr>
          <a:xfrm>
            <a:off x="842674" y="794960"/>
            <a:ext cx="17793001" cy="984304"/>
          </a:xfrm>
          <a:prstGeom prst="rect">
            <a:avLst/>
          </a:prstGeom>
        </p:spPr>
        <p:txBody>
          <a:bodyPr anchor="t" anchorCtr="0"/>
          <a:lstStyle>
            <a:lvl1pPr>
              <a:defRPr sz="4800">
                <a:solidFill>
                  <a:srgbClr val="114B5F"/>
                </a:solidFill>
              </a:defRPr>
            </a:lvl1pPr>
          </a:lstStyle>
          <a:p>
            <a:r>
              <a:rPr lang="en-US" dirty="0"/>
              <a:t>Click to edit Master title style</a:t>
            </a:r>
            <a:endParaRPr lang="en-GB" dirty="0"/>
          </a:p>
        </p:txBody>
      </p:sp>
      <p:pic>
        <p:nvPicPr>
          <p:cNvPr id="19" name="Picture 18"/>
          <p:cNvPicPr>
            <a:picLocks noChangeAspect="1"/>
          </p:cNvPicPr>
          <p:nvPr userDrawn="1"/>
        </p:nvPicPr>
        <p:blipFill>
          <a:blip r:embed="rId2" cstate="email">
            <a:extLst>
              <a:ext uri="{28A0092B-C50C-407E-A947-70E740481C1C}">
                <a14:useLocalDpi xmlns:a14="http://schemas.microsoft.com/office/drawing/2010/main" val="0"/>
              </a:ext>
            </a:extLst>
          </a:blip>
          <a:stretch>
            <a:fillRect/>
          </a:stretch>
        </p:blipFill>
        <p:spPr>
          <a:xfrm>
            <a:off x="17294937" y="748510"/>
            <a:ext cx="2354541" cy="766038"/>
          </a:xfrm>
          <a:prstGeom prst="rect">
            <a:avLst/>
          </a:prstGeom>
        </p:spPr>
      </p:pic>
      <p:pic>
        <p:nvPicPr>
          <p:cNvPr id="20" name="Picture 8"/>
          <p:cNvPicPr>
            <a:picLocks noChangeAspect="1"/>
          </p:cNvPicPr>
          <p:nvPr userDrawn="1"/>
        </p:nvPicPr>
        <p:blipFill rotWithShape="1">
          <a:blip r:embed="rId3" cstate="email">
            <a:extLst>
              <a:ext uri="{28A0092B-C50C-407E-A947-70E740481C1C}">
                <a14:useLocalDpi xmlns:a14="http://schemas.microsoft.com/office/drawing/2010/main" val="0"/>
              </a:ext>
            </a:extLst>
          </a:blip>
          <a:srcRect l="36418" r="56547" b="-9352"/>
          <a:stretch/>
        </p:blipFill>
        <p:spPr bwMode="auto">
          <a:xfrm>
            <a:off x="17004889" y="878090"/>
            <a:ext cx="290053" cy="66832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1" name="Picture 20"/>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15415166" y="974358"/>
            <a:ext cx="1444699" cy="314341"/>
          </a:xfrm>
          <a:prstGeom prst="rect">
            <a:avLst/>
          </a:prstGeom>
        </p:spPr>
      </p:pic>
    </p:spTree>
    <p:extLst>
      <p:ext uri="{BB962C8B-B14F-4D97-AF65-F5344CB8AC3E}">
        <p14:creationId xmlns:p14="http://schemas.microsoft.com/office/powerpoint/2010/main" val="2888095744"/>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cSld name="1_Title and Content">
    <p:bg>
      <p:bgPr>
        <a:solidFill>
          <a:schemeClr val="accent3"/>
        </a:solidFill>
        <a:effectLst/>
      </p:bgPr>
    </p:bg>
    <p:spTree>
      <p:nvGrpSpPr>
        <p:cNvPr id="1" name=""/>
        <p:cNvGrpSpPr/>
        <p:nvPr/>
      </p:nvGrpSpPr>
      <p:grpSpPr>
        <a:xfrm>
          <a:off x="0" y="0"/>
          <a:ext cx="0" cy="0"/>
          <a:chOff x="0" y="0"/>
          <a:chExt cx="0" cy="0"/>
        </a:xfrm>
      </p:grpSpPr>
      <p:sp>
        <p:nvSpPr>
          <p:cNvPr id="7" name="Title Placeholder 1"/>
          <p:cNvSpPr>
            <a:spLocks noGrp="1"/>
          </p:cNvSpPr>
          <p:nvPr>
            <p:ph type="title"/>
          </p:nvPr>
        </p:nvSpPr>
        <p:spPr>
          <a:xfrm>
            <a:off x="0" y="4610100"/>
            <a:ext cx="20320000" cy="2209800"/>
          </a:xfrm>
          <a:prstGeom prst="rect">
            <a:avLst/>
          </a:prstGeom>
        </p:spPr>
        <p:txBody>
          <a:bodyPr vert="horz" lIns="91440" tIns="45720" rIns="91440" bIns="45720" rtlCol="0" anchor="ctr">
            <a:normAutofit/>
          </a:bodyPr>
          <a:lstStyle>
            <a:lvl1pPr>
              <a:defRPr>
                <a:solidFill>
                  <a:schemeClr val="bg1"/>
                </a:solidFill>
              </a:defRPr>
            </a:lvl1pPr>
          </a:lstStyle>
          <a:p>
            <a:r>
              <a:rPr lang="en-US"/>
              <a:t>Click to edit Master title style</a:t>
            </a:r>
            <a:endParaRPr lang="en-GB" dirty="0"/>
          </a:p>
        </p:txBody>
      </p:sp>
    </p:spTree>
    <p:extLst>
      <p:ext uri="{BB962C8B-B14F-4D97-AF65-F5344CB8AC3E}">
        <p14:creationId xmlns:p14="http://schemas.microsoft.com/office/powerpoint/2010/main" val="85859280"/>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userDrawn="1">
  <p:cSld name="9_Custom Layout">
    <p:spTree>
      <p:nvGrpSpPr>
        <p:cNvPr id="1" name=""/>
        <p:cNvGrpSpPr/>
        <p:nvPr/>
      </p:nvGrpSpPr>
      <p:grpSpPr>
        <a:xfrm>
          <a:off x="0" y="0"/>
          <a:ext cx="0" cy="0"/>
          <a:chOff x="0" y="0"/>
          <a:chExt cx="0" cy="0"/>
        </a:xfrm>
      </p:grpSpPr>
      <p:pic>
        <p:nvPicPr>
          <p:cNvPr id="3" name="Picture 2"/>
          <p:cNvPicPr>
            <a:picLocks noChangeAspect="1"/>
          </p:cNvPicPr>
          <p:nvPr userDrawn="1"/>
        </p:nvPicPr>
        <p:blipFill rotWithShape="1">
          <a:blip r:embed="rId2" cstate="email">
            <a:extLst>
              <a:ext uri="{28A0092B-C50C-407E-A947-70E740481C1C}">
                <a14:useLocalDpi xmlns:a14="http://schemas.microsoft.com/office/drawing/2010/main" val="0"/>
              </a:ext>
            </a:extLst>
          </a:blip>
          <a:srcRect l="-63" r="-1"/>
          <a:stretch/>
        </p:blipFill>
        <p:spPr>
          <a:xfrm>
            <a:off x="-12700" y="1"/>
            <a:ext cx="20332700" cy="11430000"/>
          </a:xfrm>
          <a:prstGeom prst="rect">
            <a:avLst/>
          </a:prstGeom>
        </p:spPr>
      </p:pic>
      <p:sp>
        <p:nvSpPr>
          <p:cNvPr id="6" name="Rectangle 5">
            <a:extLst>
              <a:ext uri="{FF2B5EF4-FFF2-40B4-BE49-F238E27FC236}">
                <a16:creationId xmlns:a16="http://schemas.microsoft.com/office/drawing/2014/main" id="{C15E82F4-2B6D-3D0B-A21E-5377D3C1F046}"/>
              </a:ext>
            </a:extLst>
          </p:cNvPr>
          <p:cNvSpPr/>
          <p:nvPr userDrawn="1"/>
        </p:nvSpPr>
        <p:spPr>
          <a:xfrm rot="10800000">
            <a:off x="0" y="0"/>
            <a:ext cx="20320000" cy="11429999"/>
          </a:xfrm>
          <a:prstGeom prst="rect">
            <a:avLst/>
          </a:prstGeom>
          <a:gradFill flip="none" rotWithShape="0">
            <a:gsLst>
              <a:gs pos="7000">
                <a:srgbClr val="A90034">
                  <a:alpha val="88000"/>
                </a:srgbClr>
              </a:gs>
              <a:gs pos="100000">
                <a:srgbClr val="DC0032">
                  <a:alpha val="0"/>
                </a:srgb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822919" eaLnBrk="1" fontAlgn="auto" hangingPunct="1">
              <a:spcBef>
                <a:spcPts val="0"/>
              </a:spcBef>
              <a:spcAft>
                <a:spcPts val="0"/>
              </a:spcAft>
              <a:defRPr/>
            </a:pPr>
            <a:endParaRPr lang="en-GB" sz="1620" dirty="0"/>
          </a:p>
        </p:txBody>
      </p:sp>
      <p:sp>
        <p:nvSpPr>
          <p:cNvPr id="7" name="Title 1"/>
          <p:cNvSpPr>
            <a:spLocks noGrp="1"/>
          </p:cNvSpPr>
          <p:nvPr>
            <p:ph type="title"/>
          </p:nvPr>
        </p:nvSpPr>
        <p:spPr>
          <a:xfrm>
            <a:off x="0" y="5131833"/>
            <a:ext cx="20320000" cy="2209800"/>
          </a:xfrm>
          <a:prstGeom prst="rect">
            <a:avLst/>
          </a:prstGeom>
        </p:spPr>
        <p:txBody>
          <a:bodyPr/>
          <a:lstStyle>
            <a:lvl1pPr algn="ctr">
              <a:defRPr sz="6600" b="1">
                <a:solidFill>
                  <a:schemeClr val="bg1"/>
                </a:solidFill>
                <a:latin typeface="+mn-lt"/>
              </a:defRPr>
            </a:lvl1pPr>
          </a:lstStyle>
          <a:p>
            <a:r>
              <a:rPr lang="en-US" dirty="0"/>
              <a:t>Click to edit Master title style</a:t>
            </a:r>
            <a:endParaRPr lang="en-GB" dirty="0"/>
          </a:p>
        </p:txBody>
      </p:sp>
    </p:spTree>
    <p:extLst>
      <p:ext uri="{BB962C8B-B14F-4D97-AF65-F5344CB8AC3E}">
        <p14:creationId xmlns:p14="http://schemas.microsoft.com/office/powerpoint/2010/main" val="329507166"/>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itle Slide">
    <p:bg>
      <p:bgPr>
        <a:solidFill>
          <a:srgbClr val="114B5F"/>
        </a:solidFill>
        <a:effectLst/>
      </p:bgPr>
    </p:bg>
    <p:spTree>
      <p:nvGrpSpPr>
        <p:cNvPr id="1" name=""/>
        <p:cNvGrpSpPr/>
        <p:nvPr/>
      </p:nvGrpSpPr>
      <p:grpSpPr>
        <a:xfrm>
          <a:off x="0" y="0"/>
          <a:ext cx="0" cy="0"/>
          <a:chOff x="0" y="0"/>
          <a:chExt cx="0" cy="0"/>
        </a:xfrm>
      </p:grpSpPr>
      <p:sp>
        <p:nvSpPr>
          <p:cNvPr id="8" name="Title Placeholder 1"/>
          <p:cNvSpPr>
            <a:spLocks noGrp="1"/>
          </p:cNvSpPr>
          <p:nvPr>
            <p:ph type="title"/>
          </p:nvPr>
        </p:nvSpPr>
        <p:spPr>
          <a:xfrm>
            <a:off x="0" y="4610100"/>
            <a:ext cx="20320000" cy="2209800"/>
          </a:xfrm>
          <a:prstGeom prst="rect">
            <a:avLst/>
          </a:prstGeom>
        </p:spPr>
        <p:txBody>
          <a:bodyPr vert="horz" lIns="91440" tIns="45720" rIns="91440" bIns="45720" rtlCol="0" anchor="ctr">
            <a:normAutofit/>
          </a:bodyPr>
          <a:lstStyle>
            <a:lvl1pPr>
              <a:defRPr>
                <a:solidFill>
                  <a:schemeClr val="bg1"/>
                </a:solidFill>
              </a:defRPr>
            </a:lvl1pPr>
          </a:lstStyle>
          <a:p>
            <a:r>
              <a:rPr lang="en-US"/>
              <a:t>Click to edit Master title style</a:t>
            </a:r>
            <a:endParaRPr lang="en-GB" dirty="0"/>
          </a:p>
        </p:txBody>
      </p:sp>
    </p:spTree>
    <p:extLst>
      <p:ext uri="{BB962C8B-B14F-4D97-AF65-F5344CB8AC3E}">
        <p14:creationId xmlns:p14="http://schemas.microsoft.com/office/powerpoint/2010/main" val="114963178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cSld name="Title and Content">
    <p:bg>
      <p:bgPr>
        <a:solidFill>
          <a:schemeClr val="accent3"/>
        </a:solidFill>
        <a:effectLst/>
      </p:bgPr>
    </p:bg>
    <p:spTree>
      <p:nvGrpSpPr>
        <p:cNvPr id="1" name=""/>
        <p:cNvGrpSpPr/>
        <p:nvPr/>
      </p:nvGrpSpPr>
      <p:grpSpPr>
        <a:xfrm>
          <a:off x="0" y="0"/>
          <a:ext cx="0" cy="0"/>
          <a:chOff x="0" y="0"/>
          <a:chExt cx="0" cy="0"/>
        </a:xfrm>
      </p:grpSpPr>
      <p:sp>
        <p:nvSpPr>
          <p:cNvPr id="7" name="Title Placeholder 1"/>
          <p:cNvSpPr>
            <a:spLocks noGrp="1"/>
          </p:cNvSpPr>
          <p:nvPr>
            <p:ph type="title"/>
          </p:nvPr>
        </p:nvSpPr>
        <p:spPr>
          <a:xfrm>
            <a:off x="0" y="4610100"/>
            <a:ext cx="20320000" cy="2209800"/>
          </a:xfrm>
          <a:prstGeom prst="rect">
            <a:avLst/>
          </a:prstGeom>
        </p:spPr>
        <p:txBody>
          <a:bodyPr vert="horz" lIns="91440" tIns="45720" rIns="91440" bIns="45720" rtlCol="0" anchor="ctr">
            <a:normAutofit/>
          </a:bodyPr>
          <a:lstStyle>
            <a:lvl1pPr>
              <a:defRPr>
                <a:solidFill>
                  <a:schemeClr val="bg1"/>
                </a:solidFill>
              </a:defRPr>
            </a:lvl1pPr>
          </a:lstStyle>
          <a:p>
            <a:r>
              <a:rPr lang="en-US"/>
              <a:t>Click to edit Master title style</a:t>
            </a:r>
            <a:endParaRPr lang="en-GB" dirty="0"/>
          </a:p>
        </p:txBody>
      </p:sp>
    </p:spTree>
    <p:extLst>
      <p:ext uri="{BB962C8B-B14F-4D97-AF65-F5344CB8AC3E}">
        <p14:creationId xmlns:p14="http://schemas.microsoft.com/office/powerpoint/2010/main" val="3076186567"/>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p:cSld name="Title and Content">
    <p:bg>
      <p:bgPr>
        <a:solidFill>
          <a:schemeClr val="accent3"/>
        </a:solidFill>
        <a:effectLst/>
      </p:bgPr>
    </p:bg>
    <p:spTree>
      <p:nvGrpSpPr>
        <p:cNvPr id="1" name=""/>
        <p:cNvGrpSpPr/>
        <p:nvPr/>
      </p:nvGrpSpPr>
      <p:grpSpPr>
        <a:xfrm>
          <a:off x="0" y="0"/>
          <a:ext cx="0" cy="0"/>
          <a:chOff x="0" y="0"/>
          <a:chExt cx="0" cy="0"/>
        </a:xfrm>
      </p:grpSpPr>
      <p:sp>
        <p:nvSpPr>
          <p:cNvPr id="7" name="Title Placeholder 1"/>
          <p:cNvSpPr>
            <a:spLocks noGrp="1"/>
          </p:cNvSpPr>
          <p:nvPr>
            <p:ph type="title"/>
          </p:nvPr>
        </p:nvSpPr>
        <p:spPr>
          <a:xfrm>
            <a:off x="0" y="4610100"/>
            <a:ext cx="20320000" cy="2209800"/>
          </a:xfrm>
          <a:prstGeom prst="rect">
            <a:avLst/>
          </a:prstGeom>
        </p:spPr>
        <p:txBody>
          <a:bodyPr vert="horz" lIns="91440" tIns="45720" rIns="91440" bIns="45720" rtlCol="0" anchor="ctr">
            <a:normAutofit/>
          </a:bodyPr>
          <a:lstStyle>
            <a:lvl1pPr>
              <a:defRPr>
                <a:solidFill>
                  <a:schemeClr val="bg1"/>
                </a:solidFill>
              </a:defRPr>
            </a:lvl1pPr>
          </a:lstStyle>
          <a:p>
            <a:r>
              <a:rPr lang="en-US"/>
              <a:t>Click to edit Master title style</a:t>
            </a:r>
            <a:endParaRPr lang="en-GB" dirty="0"/>
          </a:p>
        </p:txBody>
      </p:sp>
    </p:spTree>
    <p:extLst>
      <p:ext uri="{BB962C8B-B14F-4D97-AF65-F5344CB8AC3E}">
        <p14:creationId xmlns:p14="http://schemas.microsoft.com/office/powerpoint/2010/main" val="2933118041"/>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p:cSld name="Section Header">
    <p:bg>
      <p:bgPr>
        <a:solidFill>
          <a:srgbClr val="5FC7C7"/>
        </a:solidFill>
        <a:effectLst/>
      </p:bgPr>
    </p:bg>
    <p:spTree>
      <p:nvGrpSpPr>
        <p:cNvPr id="1" name=""/>
        <p:cNvGrpSpPr/>
        <p:nvPr/>
      </p:nvGrpSpPr>
      <p:grpSpPr>
        <a:xfrm>
          <a:off x="0" y="0"/>
          <a:ext cx="0" cy="0"/>
          <a:chOff x="0" y="0"/>
          <a:chExt cx="0" cy="0"/>
        </a:xfrm>
      </p:grpSpPr>
      <p:pic>
        <p:nvPicPr>
          <p:cNvPr id="5" name="Picture 4"/>
          <p:cNvPicPr>
            <a:picLocks noChangeAspect="1"/>
          </p:cNvPicPr>
          <p:nvPr userDrawn="1"/>
        </p:nvPicPr>
        <p:blipFill rotWithShape="1">
          <a:blip r:embed="rId2" cstate="email">
            <a:extLst>
              <a:ext uri="{28A0092B-C50C-407E-A947-70E740481C1C}">
                <a14:useLocalDpi xmlns:a14="http://schemas.microsoft.com/office/drawing/2010/main" val="0"/>
              </a:ext>
            </a:extLst>
          </a:blip>
          <a:srcRect t="8048" b="2374"/>
          <a:stretch/>
        </p:blipFill>
        <p:spPr>
          <a:xfrm>
            <a:off x="0" y="-50799"/>
            <a:ext cx="20320000" cy="11497732"/>
          </a:xfrm>
          <a:prstGeom prst="rect">
            <a:avLst/>
          </a:prstGeom>
        </p:spPr>
      </p:pic>
      <p:sp>
        <p:nvSpPr>
          <p:cNvPr id="7" name="Title Placeholder 1"/>
          <p:cNvSpPr>
            <a:spLocks noGrp="1"/>
          </p:cNvSpPr>
          <p:nvPr>
            <p:ph type="title"/>
          </p:nvPr>
        </p:nvSpPr>
        <p:spPr>
          <a:xfrm>
            <a:off x="5486400" y="1253067"/>
            <a:ext cx="10261600" cy="8923866"/>
          </a:xfrm>
          <a:prstGeom prst="rect">
            <a:avLst/>
          </a:prstGeom>
        </p:spPr>
        <p:txBody>
          <a:bodyPr vert="horz" lIns="91440" tIns="45720" rIns="91440" bIns="45720" rtlCol="0" anchor="ctr">
            <a:normAutofit/>
          </a:bodyPr>
          <a:lstStyle>
            <a:lvl1pPr>
              <a:defRPr>
                <a:solidFill>
                  <a:schemeClr val="bg1"/>
                </a:solidFill>
              </a:defRPr>
            </a:lvl1pPr>
          </a:lstStyle>
          <a:p>
            <a:r>
              <a:rPr lang="en-US" dirty="0"/>
              <a:t>Click to edit Master title style</a:t>
            </a:r>
            <a:endParaRPr lang="en-GB" dirty="0"/>
          </a:p>
        </p:txBody>
      </p:sp>
      <p:sp>
        <p:nvSpPr>
          <p:cNvPr id="8" name="Rectangle 7">
            <a:extLst>
              <a:ext uri="{FF2B5EF4-FFF2-40B4-BE49-F238E27FC236}">
                <a16:creationId xmlns:a16="http://schemas.microsoft.com/office/drawing/2014/main" id="{C15E82F4-2B6D-3D0B-A21E-5377D3C1F046}"/>
              </a:ext>
            </a:extLst>
          </p:cNvPr>
          <p:cNvSpPr/>
          <p:nvPr userDrawn="1"/>
        </p:nvSpPr>
        <p:spPr>
          <a:xfrm rot="10800000">
            <a:off x="-1" y="-50800"/>
            <a:ext cx="4182533" cy="11480797"/>
          </a:xfrm>
          <a:prstGeom prst="rect">
            <a:avLst/>
          </a:prstGeom>
          <a:gradFill flip="none" rotWithShape="0">
            <a:gsLst>
              <a:gs pos="7000">
                <a:srgbClr val="8A002B">
                  <a:alpha val="87843"/>
                </a:srgbClr>
              </a:gs>
              <a:gs pos="100000">
                <a:srgbClr val="DC0032">
                  <a:alpha val="0"/>
                </a:srgb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822919" eaLnBrk="1" fontAlgn="auto" hangingPunct="1">
              <a:spcBef>
                <a:spcPts val="0"/>
              </a:spcBef>
              <a:spcAft>
                <a:spcPts val="0"/>
              </a:spcAft>
              <a:defRPr/>
            </a:pPr>
            <a:endParaRPr lang="en-GB" sz="1620" dirty="0"/>
          </a:p>
        </p:txBody>
      </p:sp>
      <p:pic>
        <p:nvPicPr>
          <p:cNvPr id="6" name="Picture 5"/>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12571375" y="8299776"/>
            <a:ext cx="2775567" cy="605161"/>
          </a:xfrm>
          <a:prstGeom prst="rect">
            <a:avLst/>
          </a:prstGeom>
        </p:spPr>
      </p:pic>
      <p:grpSp>
        <p:nvGrpSpPr>
          <p:cNvPr id="17" name="Group 16">
            <a:extLst>
              <a:ext uri="{FF2B5EF4-FFF2-40B4-BE49-F238E27FC236}">
                <a16:creationId xmlns:a16="http://schemas.microsoft.com/office/drawing/2014/main" id="{6D32AED2-497A-515C-F73A-6527EA88780D}"/>
              </a:ext>
            </a:extLst>
          </p:cNvPr>
          <p:cNvGrpSpPr/>
          <p:nvPr userDrawn="1"/>
        </p:nvGrpSpPr>
        <p:grpSpPr>
          <a:xfrm rot="5400000">
            <a:off x="15752923" y="3148066"/>
            <a:ext cx="2597884" cy="433493"/>
            <a:chOff x="7444706" y="4386190"/>
            <a:chExt cx="6375911" cy="1063910"/>
          </a:xfrm>
        </p:grpSpPr>
        <p:grpSp>
          <p:nvGrpSpPr>
            <p:cNvPr id="18" name="Group 17">
              <a:extLst>
                <a:ext uri="{FF2B5EF4-FFF2-40B4-BE49-F238E27FC236}">
                  <a16:creationId xmlns:a16="http://schemas.microsoft.com/office/drawing/2014/main" id="{D3F61327-5FC9-7BC2-8A84-67AF37397403}"/>
                </a:ext>
              </a:extLst>
            </p:cNvPr>
            <p:cNvGrpSpPr/>
            <p:nvPr userDrawn="1"/>
          </p:nvGrpSpPr>
          <p:grpSpPr>
            <a:xfrm>
              <a:off x="9935438" y="4399105"/>
              <a:ext cx="3885179" cy="1050995"/>
              <a:chOff x="10013956" y="4197875"/>
              <a:chExt cx="3903546" cy="1055964"/>
            </a:xfrm>
          </p:grpSpPr>
          <p:pic>
            <p:nvPicPr>
              <p:cNvPr id="20" name="Picture 19">
                <a:extLst>
                  <a:ext uri="{FF2B5EF4-FFF2-40B4-BE49-F238E27FC236}">
                    <a16:creationId xmlns:a16="http://schemas.microsoft.com/office/drawing/2014/main" id="{0939EB7F-4BBB-5DFD-33C9-EADD828D81B0}"/>
                  </a:ext>
                </a:extLst>
              </p:cNvPr>
              <p:cNvPicPr>
                <a:picLocks noChangeAspect="1"/>
              </p:cNvPicPr>
              <p:nvPr/>
            </p:nvPicPr>
            <p:blipFill>
              <a:blip r:embed="rId4" cstate="email">
                <a:extLst>
                  <a:ext uri="{28A0092B-C50C-407E-A947-70E740481C1C}">
                    <a14:useLocalDpi xmlns:a14="http://schemas.microsoft.com/office/drawing/2010/main" val="0"/>
                  </a:ext>
                </a:extLst>
              </a:blip>
              <a:srcRect/>
              <a:stretch/>
            </p:blipFill>
            <p:spPr>
              <a:xfrm>
                <a:off x="10656183" y="4197875"/>
                <a:ext cx="3261319" cy="1055964"/>
              </a:xfrm>
              <a:prstGeom prst="rect">
                <a:avLst/>
              </a:prstGeom>
            </p:spPr>
          </p:pic>
          <p:grpSp>
            <p:nvGrpSpPr>
              <p:cNvPr id="21" name="Group 20">
                <a:extLst>
                  <a:ext uri="{FF2B5EF4-FFF2-40B4-BE49-F238E27FC236}">
                    <a16:creationId xmlns:a16="http://schemas.microsoft.com/office/drawing/2014/main" id="{9DA465B7-5617-D088-03FC-092F7F5B37D8}"/>
                  </a:ext>
                </a:extLst>
              </p:cNvPr>
              <p:cNvGrpSpPr/>
              <p:nvPr/>
            </p:nvGrpSpPr>
            <p:grpSpPr>
              <a:xfrm>
                <a:off x="10013956" y="4618577"/>
                <a:ext cx="376276" cy="376276"/>
                <a:chOff x="9514381" y="4521981"/>
                <a:chExt cx="376276" cy="376276"/>
              </a:xfrm>
            </p:grpSpPr>
            <p:cxnSp>
              <p:nvCxnSpPr>
                <p:cNvPr id="22" name="Straight Connector 21">
                  <a:extLst>
                    <a:ext uri="{FF2B5EF4-FFF2-40B4-BE49-F238E27FC236}">
                      <a16:creationId xmlns:a16="http://schemas.microsoft.com/office/drawing/2014/main" id="{443AF5BD-A149-1BFD-F7B4-BCA2E669C522}"/>
                    </a:ext>
                  </a:extLst>
                </p:cNvPr>
                <p:cNvCxnSpPr>
                  <a:cxnSpLocks/>
                </p:cNvCxnSpPr>
                <p:nvPr/>
              </p:nvCxnSpPr>
              <p:spPr>
                <a:xfrm>
                  <a:off x="9702519" y="4521981"/>
                  <a:ext cx="0" cy="376276"/>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23" name="Straight Connector 22">
                  <a:extLst>
                    <a:ext uri="{FF2B5EF4-FFF2-40B4-BE49-F238E27FC236}">
                      <a16:creationId xmlns:a16="http://schemas.microsoft.com/office/drawing/2014/main" id="{FCBE60A6-F8C7-8888-7235-AD145D251E11}"/>
                    </a:ext>
                  </a:extLst>
                </p:cNvPr>
                <p:cNvCxnSpPr>
                  <a:cxnSpLocks/>
                </p:cNvCxnSpPr>
                <p:nvPr/>
              </p:nvCxnSpPr>
              <p:spPr>
                <a:xfrm rot="5400000">
                  <a:off x="9702519" y="4521981"/>
                  <a:ext cx="0" cy="376276"/>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grpSp>
        </p:grpSp>
        <p:pic>
          <p:nvPicPr>
            <p:cNvPr id="19" name="Graphic 10">
              <a:extLst>
                <a:ext uri="{FF2B5EF4-FFF2-40B4-BE49-F238E27FC236}">
                  <a16:creationId xmlns:a16="http://schemas.microsoft.com/office/drawing/2014/main" id="{08EBF05B-20B2-1F4D-F1A1-8A2EF8BA49AE}"/>
                </a:ext>
              </a:extLst>
            </p:cNvPr>
            <p:cNvPicPr>
              <a:picLocks noChangeAspect="1"/>
            </p:cNvPicPr>
            <p:nvPr/>
          </p:nvPicPr>
          <p:blipFill>
            <a:blip r:embed="rId5">
              <a:extLst>
                <a:ext uri="{96DAC541-7B7A-43D3-8B79-37D633B846F1}">
                  <asvg:svgBlip xmlns:asvg="http://schemas.microsoft.com/office/drawing/2016/SVG/main" xmlns="" r:embed="rId6"/>
                </a:ext>
              </a:extLst>
            </a:blip>
            <a:stretch>
              <a:fillRect/>
            </a:stretch>
          </p:blipFill>
          <p:spPr>
            <a:xfrm>
              <a:off x="7444706" y="4386190"/>
              <a:ext cx="2329395" cy="1020746"/>
            </a:xfrm>
            <a:prstGeom prst="rect">
              <a:avLst/>
            </a:prstGeom>
          </p:spPr>
        </p:pic>
      </p:grpSp>
    </p:spTree>
    <p:extLst>
      <p:ext uri="{BB962C8B-B14F-4D97-AF65-F5344CB8AC3E}">
        <p14:creationId xmlns:p14="http://schemas.microsoft.com/office/powerpoint/2010/main" val="287156931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userDrawn="1">
  <p:cSld name="Divider-1">
    <p:bg>
      <p:bgPr>
        <a:blipFill dpi="0" rotWithShape="1">
          <a:blip r:embed="rId2" cstate="email">
            <a:lum/>
            <a:extLst>
              <a:ext uri="{28A0092B-C50C-407E-A947-70E740481C1C}">
                <a14:useLocalDpi xmlns:a14="http://schemas.microsoft.com/office/drawing/2010/main"/>
              </a:ext>
            </a:extLst>
          </a:blip>
          <a:srcRect/>
          <a:stretch>
            <a:fillRect/>
          </a:stretch>
        </a:blip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246334736"/>
      </p:ext>
    </p:extLst>
  </p:cSld>
  <p:clrMapOvr>
    <a:masterClrMapping/>
  </p:clrMapOvr>
  <p:extLst>
    <p:ext uri="{DCECCB84-F9BA-43D5-87BE-67443E8EF086}">
      <p15:sldGuideLst xmlns:p15="http://schemas.microsoft.com/office/powerpoint/2012/main"/>
    </p:ext>
  </p:extLst>
</p:sldLayout>
</file>

<file path=ppt/slideLayouts/slideLayout23.xml><?xml version="1.0" encoding="utf-8"?>
<p:sldLayout xmlns:a="http://schemas.openxmlformats.org/drawingml/2006/main" xmlns:r="http://schemas.openxmlformats.org/officeDocument/2006/relationships" xmlns:p="http://schemas.openxmlformats.org/presentationml/2006/main" userDrawn="1">
  <p:cSld name="1_Simple-layout-2">
    <p:spTree>
      <p:nvGrpSpPr>
        <p:cNvPr id="1" name=""/>
        <p:cNvGrpSpPr/>
        <p:nvPr/>
      </p:nvGrpSpPr>
      <p:grpSpPr>
        <a:xfrm>
          <a:off x="0" y="0"/>
          <a:ext cx="0" cy="0"/>
          <a:chOff x="0" y="0"/>
          <a:chExt cx="0" cy="0"/>
        </a:xfrm>
      </p:grpSpPr>
      <p:cxnSp>
        <p:nvCxnSpPr>
          <p:cNvPr id="3" name="Straight Connector 2"/>
          <p:cNvCxnSpPr/>
          <p:nvPr userDrawn="1"/>
        </p:nvCxnSpPr>
        <p:spPr>
          <a:xfrm flipV="1">
            <a:off x="1684986" y="2714046"/>
            <a:ext cx="16950689" cy="19215"/>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sp>
        <p:nvSpPr>
          <p:cNvPr id="5" name="Title 10"/>
          <p:cNvSpPr>
            <a:spLocks noGrp="1"/>
          </p:cNvSpPr>
          <p:nvPr>
            <p:ph type="title"/>
          </p:nvPr>
        </p:nvSpPr>
        <p:spPr>
          <a:xfrm>
            <a:off x="1540008" y="1680216"/>
            <a:ext cx="17526000" cy="1220258"/>
          </a:xfrm>
          <a:prstGeom prst="rect">
            <a:avLst/>
          </a:prstGeom>
        </p:spPr>
        <p:txBody>
          <a:bodyPr>
            <a:normAutofit/>
          </a:bodyPr>
          <a:lstStyle>
            <a:lvl1pPr>
              <a:defRPr sz="4800" b="1">
                <a:solidFill>
                  <a:srgbClr val="114B5F"/>
                </a:solidFill>
                <a:latin typeface="+mn-lt"/>
              </a:defRPr>
            </a:lvl1pPr>
          </a:lstStyle>
          <a:p>
            <a:r>
              <a:rPr lang="en-US" dirty="0"/>
              <a:t>Click to edit Master title style</a:t>
            </a:r>
            <a:endParaRPr lang="en-GB" dirty="0"/>
          </a:p>
        </p:txBody>
      </p:sp>
      <p:sp>
        <p:nvSpPr>
          <p:cNvPr id="6" name="Text Placeholder 14"/>
          <p:cNvSpPr>
            <a:spLocks noGrp="1"/>
          </p:cNvSpPr>
          <p:nvPr>
            <p:ph type="body" sz="quarter" idx="11"/>
          </p:nvPr>
        </p:nvSpPr>
        <p:spPr>
          <a:xfrm>
            <a:off x="1539272" y="3389586"/>
            <a:ext cx="17526000" cy="6850178"/>
          </a:xfrm>
          <a:prstGeom prst="rect">
            <a:avLst/>
          </a:prstGeom>
        </p:spPr>
        <p:txBody>
          <a:bodyPr/>
          <a:lstStyle>
            <a:lvl1pPr marL="342900" indent="-342900">
              <a:buClr>
                <a:srgbClr val="FF5050"/>
              </a:buClr>
              <a:buFont typeface="Wingdings" panose="05000000000000000000" pitchFamily="2" charset="2"/>
              <a:buChar char="§"/>
              <a:defRPr>
                <a:solidFill>
                  <a:srgbClr val="54565A"/>
                </a:solidFill>
              </a:defRPr>
            </a:lvl1pPr>
            <a:lvl2pPr marL="1028700" indent="-342900">
              <a:buClr>
                <a:srgbClr val="FF5050"/>
              </a:buClr>
              <a:buFont typeface="Wingdings" panose="05000000000000000000" pitchFamily="2" charset="2"/>
              <a:buChar char="§"/>
              <a:defRPr>
                <a:solidFill>
                  <a:srgbClr val="54565A"/>
                </a:solidFill>
              </a:defRPr>
            </a:lvl2pPr>
            <a:lvl3pPr marL="1714500" indent="-342900">
              <a:buClr>
                <a:srgbClr val="FF5050"/>
              </a:buClr>
              <a:buFont typeface="Wingdings" panose="05000000000000000000" pitchFamily="2" charset="2"/>
              <a:buChar char="§"/>
              <a:defRPr>
                <a:solidFill>
                  <a:srgbClr val="54565A"/>
                </a:solidFill>
              </a:defRPr>
            </a:lvl3pPr>
            <a:lvl4pPr marL="2400300" indent="-342900">
              <a:buClr>
                <a:srgbClr val="FF5050"/>
              </a:buClr>
              <a:buFont typeface="Wingdings" panose="05000000000000000000" pitchFamily="2" charset="2"/>
              <a:buChar char="§"/>
              <a:defRPr>
                <a:solidFill>
                  <a:srgbClr val="54565A"/>
                </a:solidFill>
              </a:defRPr>
            </a:lvl4pPr>
            <a:lvl5pPr marL="3086100" indent="-342900">
              <a:buClr>
                <a:srgbClr val="FF5050"/>
              </a:buClr>
              <a:buFont typeface="Wingdings" panose="05000000000000000000" pitchFamily="2" charset="2"/>
              <a:buChar char="§"/>
              <a:defRPr>
                <a:solidFill>
                  <a:srgbClr val="54565A"/>
                </a:solidFill>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pic>
        <p:nvPicPr>
          <p:cNvPr id="4" name="Picture 3" descr="Low angle view of a building&#10;&#10;Description automatically generated">
            <a:extLst>
              <a:ext uri="{FF2B5EF4-FFF2-40B4-BE49-F238E27FC236}">
                <a16:creationId xmlns:a16="http://schemas.microsoft.com/office/drawing/2014/main" id="{14F5DE5A-DBD2-2163-90BF-0DA3585F678E}"/>
              </a:ext>
            </a:extLst>
          </p:cNvPr>
          <p:cNvPicPr>
            <a:picLocks noChangeAspect="1"/>
          </p:cNvPicPr>
          <p:nvPr userDrawn="1"/>
        </p:nvPicPr>
        <p:blipFill rotWithShape="1">
          <a:blip r:embed="rId2" cstate="email">
            <a:extLst>
              <a:ext uri="{28A0092B-C50C-407E-A947-70E740481C1C}">
                <a14:useLocalDpi xmlns:a14="http://schemas.microsoft.com/office/drawing/2010/main" val="0"/>
              </a:ext>
            </a:extLst>
          </a:blip>
          <a:srcRect t="15642"/>
          <a:stretch/>
        </p:blipFill>
        <p:spPr>
          <a:xfrm>
            <a:off x="0" y="0"/>
            <a:ext cx="20320000" cy="11430000"/>
          </a:xfrm>
          <a:prstGeom prst="rect">
            <a:avLst/>
          </a:prstGeom>
        </p:spPr>
      </p:pic>
      <p:sp>
        <p:nvSpPr>
          <p:cNvPr id="7" name="Rectangle 6">
            <a:extLst>
              <a:ext uri="{FF2B5EF4-FFF2-40B4-BE49-F238E27FC236}">
                <a16:creationId xmlns:a16="http://schemas.microsoft.com/office/drawing/2014/main" id="{A77BCA3A-A275-A002-2A10-DBE4DFCC7033}"/>
              </a:ext>
            </a:extLst>
          </p:cNvPr>
          <p:cNvSpPr/>
          <p:nvPr userDrawn="1"/>
        </p:nvSpPr>
        <p:spPr>
          <a:xfrm>
            <a:off x="33811" y="0"/>
            <a:ext cx="20320000" cy="11449049"/>
          </a:xfrm>
          <a:prstGeom prst="rect">
            <a:avLst/>
          </a:prstGeom>
          <a:gradFill flip="none" rotWithShape="1">
            <a:gsLst>
              <a:gs pos="7000">
                <a:srgbClr val="114B5F"/>
              </a:gs>
              <a:gs pos="100000">
                <a:srgbClr val="F76C6C">
                  <a:alpha val="32000"/>
                </a:srgb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822919" eaLnBrk="1" fontAlgn="auto" hangingPunct="1">
              <a:spcBef>
                <a:spcPts val="0"/>
              </a:spcBef>
              <a:spcAft>
                <a:spcPts val="0"/>
              </a:spcAft>
              <a:defRPr/>
            </a:pPr>
            <a:endParaRPr lang="en-GB" sz="1620"/>
          </a:p>
        </p:txBody>
      </p:sp>
      <p:sp>
        <p:nvSpPr>
          <p:cNvPr id="8" name="Rectangle 7">
            <a:extLst>
              <a:ext uri="{FF2B5EF4-FFF2-40B4-BE49-F238E27FC236}">
                <a16:creationId xmlns:a16="http://schemas.microsoft.com/office/drawing/2014/main" id="{713DD009-CE5E-6700-E9E2-252C1D8B47EA}"/>
              </a:ext>
            </a:extLst>
          </p:cNvPr>
          <p:cNvSpPr/>
          <p:nvPr userDrawn="1"/>
        </p:nvSpPr>
        <p:spPr>
          <a:xfrm>
            <a:off x="0" y="0"/>
            <a:ext cx="20566743" cy="11567887"/>
          </a:xfrm>
          <a:prstGeom prst="rect">
            <a:avLst/>
          </a:prstGeom>
          <a:gradFill flip="none" rotWithShape="1">
            <a:gsLst>
              <a:gs pos="21000">
                <a:srgbClr val="114B5F">
                  <a:alpha val="74000"/>
                </a:srgbClr>
              </a:gs>
              <a:gs pos="100000">
                <a:srgbClr val="F76C6C">
                  <a:alpha val="32000"/>
                </a:srgb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822919" eaLnBrk="1" fontAlgn="auto" hangingPunct="1">
              <a:spcBef>
                <a:spcPts val="0"/>
              </a:spcBef>
              <a:spcAft>
                <a:spcPts val="0"/>
              </a:spcAft>
              <a:defRPr/>
            </a:pPr>
            <a:endParaRPr lang="en-GB" sz="1620"/>
          </a:p>
        </p:txBody>
      </p:sp>
    </p:spTree>
    <p:extLst>
      <p:ext uri="{BB962C8B-B14F-4D97-AF65-F5344CB8AC3E}">
        <p14:creationId xmlns:p14="http://schemas.microsoft.com/office/powerpoint/2010/main" val="2857756789"/>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userDrawn="1">
  <p:cSld name="1_Intro-1">
    <p:spTree>
      <p:nvGrpSpPr>
        <p:cNvPr id="1" name=""/>
        <p:cNvGrpSpPr/>
        <p:nvPr/>
      </p:nvGrpSpPr>
      <p:grpSpPr>
        <a:xfrm>
          <a:off x="0" y="0"/>
          <a:ext cx="0" cy="0"/>
          <a:chOff x="0" y="0"/>
          <a:chExt cx="0" cy="0"/>
        </a:xfrm>
      </p:grpSpPr>
      <p:pic>
        <p:nvPicPr>
          <p:cNvPr id="5" name="Picture 4"/>
          <p:cNvPicPr>
            <a:picLocks noChangeAspect="1"/>
          </p:cNvPicPr>
          <p:nvPr userDrawn="1"/>
        </p:nvPicPr>
        <p:blipFill rotWithShape="1">
          <a:blip r:embed="rId2" cstate="email">
            <a:extLst>
              <a:ext uri="{28A0092B-C50C-407E-A947-70E740481C1C}">
                <a14:useLocalDpi xmlns:a14="http://schemas.microsoft.com/office/drawing/2010/main" val="0"/>
              </a:ext>
            </a:extLst>
          </a:blip>
          <a:srcRect t="128" b="6775"/>
          <a:stretch/>
        </p:blipFill>
        <p:spPr>
          <a:xfrm>
            <a:off x="0" y="1"/>
            <a:ext cx="20320000" cy="11445766"/>
          </a:xfrm>
          <a:prstGeom prst="rect">
            <a:avLst/>
          </a:prstGeom>
        </p:spPr>
      </p:pic>
      <p:sp>
        <p:nvSpPr>
          <p:cNvPr id="7" name="Rectangle 6"/>
          <p:cNvSpPr/>
          <p:nvPr userDrawn="1"/>
        </p:nvSpPr>
        <p:spPr>
          <a:xfrm>
            <a:off x="1" y="31161"/>
            <a:ext cx="20319999" cy="11430000"/>
          </a:xfrm>
          <a:prstGeom prst="rect">
            <a:avLst/>
          </a:prstGeom>
          <a:gradFill flip="none" rotWithShape="1">
            <a:gsLst>
              <a:gs pos="7000">
                <a:srgbClr val="114B5F"/>
              </a:gs>
              <a:gs pos="100000">
                <a:srgbClr val="F76C6C">
                  <a:alpha val="32000"/>
                </a:srgb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700" dirty="0"/>
          </a:p>
        </p:txBody>
      </p:sp>
      <p:pic>
        <p:nvPicPr>
          <p:cNvPr id="8" name="Picture 7"/>
          <p:cNvPicPr>
            <a:picLocks noChangeAspect="1"/>
          </p:cNvPicPr>
          <p:nvPr userDrawn="1"/>
        </p:nvPicPr>
        <p:blipFill>
          <a:blip r:embed="rId3" cstate="email">
            <a:extLst>
              <a:ext uri="{28A0092B-C50C-407E-A947-70E740481C1C}">
                <a14:useLocalDpi xmlns:a14="http://schemas.microsoft.com/office/drawing/2010/main" val="0"/>
              </a:ext>
            </a:extLst>
          </a:blip>
          <a:stretch>
            <a:fillRect/>
          </a:stretch>
        </p:blipFill>
        <p:spPr>
          <a:xfrm>
            <a:off x="6576300" y="4470004"/>
            <a:ext cx="7167398" cy="1770472"/>
          </a:xfrm>
          <a:prstGeom prst="rect">
            <a:avLst/>
          </a:prstGeom>
        </p:spPr>
      </p:pic>
      <p:sp>
        <p:nvSpPr>
          <p:cNvPr id="2" name="Title 1"/>
          <p:cNvSpPr>
            <a:spLocks noGrp="1"/>
          </p:cNvSpPr>
          <p:nvPr>
            <p:ph type="title"/>
          </p:nvPr>
        </p:nvSpPr>
        <p:spPr>
          <a:xfrm>
            <a:off x="0" y="7450248"/>
            <a:ext cx="20320000" cy="2209800"/>
          </a:xfrm>
          <a:prstGeom prst="rect">
            <a:avLst/>
          </a:prstGeom>
        </p:spPr>
        <p:txBody>
          <a:bodyPr/>
          <a:lstStyle>
            <a:lvl1pPr algn="ctr">
              <a:defRPr>
                <a:solidFill>
                  <a:schemeClr val="bg1"/>
                </a:solidFill>
              </a:defRPr>
            </a:lvl1pPr>
          </a:lstStyle>
          <a:p>
            <a:r>
              <a:rPr lang="en-US" dirty="0"/>
              <a:t>Click to edit Master title style</a:t>
            </a:r>
            <a:endParaRPr lang="en-GB" dirty="0"/>
          </a:p>
        </p:txBody>
      </p:sp>
    </p:spTree>
    <p:extLst>
      <p:ext uri="{BB962C8B-B14F-4D97-AF65-F5344CB8AC3E}">
        <p14:creationId xmlns:p14="http://schemas.microsoft.com/office/powerpoint/2010/main" val="1147697176"/>
      </p:ext>
    </p:extLst>
  </p:cSld>
  <p:clrMapOvr>
    <a:masterClrMapping/>
  </p:clrMapOvr>
  <p:extLst>
    <p:ext uri="{DCECCB84-F9BA-43D5-87BE-67443E8EF086}">
      <p15:sldGuideLst xmlns:p15="http://schemas.microsoft.com/office/powerpoint/2012/main"/>
    </p:ext>
  </p:extLst>
</p:sldLayout>
</file>

<file path=ppt/slideLayouts/slideLayout25.xml><?xml version="1.0" encoding="utf-8"?>
<p:sldLayout xmlns:a="http://schemas.openxmlformats.org/drawingml/2006/main" xmlns:r="http://schemas.openxmlformats.org/officeDocument/2006/relationships" xmlns:p="http://schemas.openxmlformats.org/presentationml/2006/main" userDrawn="1">
  <p:cSld name="Three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4DBE8E00-7D54-4AF0-AF34-EECF547E2145}"/>
              </a:ext>
            </a:extLst>
          </p:cNvPr>
          <p:cNvSpPr>
            <a:spLocks noGrp="1"/>
          </p:cNvSpPr>
          <p:nvPr>
            <p:ph type="title"/>
          </p:nvPr>
        </p:nvSpPr>
        <p:spPr/>
        <p:txBody>
          <a:bodyPr/>
          <a:lstStyle/>
          <a:p>
            <a:r>
              <a:rPr lang="en-US"/>
              <a:t>Click to edit Master title style</a:t>
            </a:r>
            <a:endParaRPr lang="en-GB"/>
          </a:p>
        </p:txBody>
      </p:sp>
      <p:sp>
        <p:nvSpPr>
          <p:cNvPr id="8" name="Guides" hidden="1">
            <a:extLst>
              <a:ext uri="{FF2B5EF4-FFF2-40B4-BE49-F238E27FC236}">
                <a16:creationId xmlns:a16="http://schemas.microsoft.com/office/drawing/2014/main" id="{1CCC1DA6-3109-44AB-859A-3A8651415C8D}"/>
              </a:ext>
            </a:extLst>
          </p:cNvPr>
          <p:cNvSpPr/>
          <p:nvPr userDrawn="1">
            <p:custDataLst>
              <p:tags r:id="rId1"/>
            </p:custDataLst>
          </p:nvPr>
        </p:nvSpPr>
        <p:spPr>
          <a:xfrm>
            <a:off x="0" y="0"/>
            <a:ext cx="1058333" cy="423333"/>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167">
              <a:solidFill>
                <a:srgbClr val="FFFFFF"/>
              </a:solidFill>
            </a:endParaRPr>
          </a:p>
        </p:txBody>
      </p:sp>
      <p:sp>
        <p:nvSpPr>
          <p:cNvPr id="9" name="Slide Number Placeholder 5">
            <a:extLst>
              <a:ext uri="{FF2B5EF4-FFF2-40B4-BE49-F238E27FC236}">
                <a16:creationId xmlns:a16="http://schemas.microsoft.com/office/drawing/2014/main" id="{226D59C5-94A5-4B26-94BD-5C95552D5980}"/>
              </a:ext>
            </a:extLst>
          </p:cNvPr>
          <p:cNvSpPr>
            <a:spLocks noGrp="1"/>
          </p:cNvSpPr>
          <p:nvPr>
            <p:ph type="sldNum" sz="quarter" idx="4"/>
          </p:nvPr>
        </p:nvSpPr>
        <p:spPr>
          <a:xfrm>
            <a:off x="18525345" y="10737383"/>
            <a:ext cx="669223" cy="309600"/>
          </a:xfrm>
          <a:prstGeom prst="rect">
            <a:avLst/>
          </a:prstGeom>
        </p:spPr>
        <p:txBody>
          <a:bodyPr vert="horz" lIns="0" tIns="0" rIns="0" bIns="0" rtlCol="0" anchor="ctr" anchorCtr="0"/>
          <a:lstStyle>
            <a:lvl1pPr algn="ctr">
              <a:defRPr sz="2000">
                <a:solidFill>
                  <a:schemeClr val="tx2"/>
                </a:solidFill>
              </a:defRPr>
            </a:lvl1pPr>
          </a:lstStyle>
          <a:p>
            <a:fld id="{680BFA78-B125-4CEF-AAD8-1CC69F460C2E}" type="slidenum">
              <a:rPr lang="en-GB"/>
              <a:pPr/>
              <a:t>‹#›</a:t>
            </a:fld>
            <a:endParaRPr lang="en-GB" sz="2000" dirty="0"/>
          </a:p>
        </p:txBody>
      </p:sp>
      <p:cxnSp>
        <p:nvCxnSpPr>
          <p:cNvPr id="10" name="Straight Connector 9">
            <a:extLst>
              <a:ext uri="{FF2B5EF4-FFF2-40B4-BE49-F238E27FC236}">
                <a16:creationId xmlns:a16="http://schemas.microsoft.com/office/drawing/2014/main" id="{191D2CF7-C994-4B5C-80E0-B4E29DE99A3E}"/>
              </a:ext>
            </a:extLst>
          </p:cNvPr>
          <p:cNvCxnSpPr>
            <a:cxnSpLocks/>
            <a:endCxn id="9" idx="1"/>
          </p:cNvCxnSpPr>
          <p:nvPr userDrawn="1"/>
        </p:nvCxnSpPr>
        <p:spPr>
          <a:xfrm>
            <a:off x="3735051" y="10892183"/>
            <a:ext cx="14790295"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11" name="Oval 10">
            <a:extLst>
              <a:ext uri="{FF2B5EF4-FFF2-40B4-BE49-F238E27FC236}">
                <a16:creationId xmlns:a16="http://schemas.microsoft.com/office/drawing/2014/main" id="{727B3C2D-6843-4D2C-8FC4-E8088A8BD3AD}"/>
              </a:ext>
            </a:extLst>
          </p:cNvPr>
          <p:cNvSpPr>
            <a:spLocks/>
          </p:cNvSpPr>
          <p:nvPr userDrawn="1"/>
        </p:nvSpPr>
        <p:spPr>
          <a:xfrm>
            <a:off x="18623283" y="10655510"/>
            <a:ext cx="473347" cy="47334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4500"/>
          </a:p>
        </p:txBody>
      </p:sp>
      <p:sp>
        <p:nvSpPr>
          <p:cNvPr id="4" name="Content Placeholder 3">
            <a:extLst>
              <a:ext uri="{FF2B5EF4-FFF2-40B4-BE49-F238E27FC236}">
                <a16:creationId xmlns:a16="http://schemas.microsoft.com/office/drawing/2014/main" id="{2D9A3C3E-EF35-45F0-807D-6B92948D186B}"/>
              </a:ext>
            </a:extLst>
          </p:cNvPr>
          <p:cNvSpPr>
            <a:spLocks noGrp="1"/>
          </p:cNvSpPr>
          <p:nvPr>
            <p:ph sz="quarter" idx="10"/>
          </p:nvPr>
        </p:nvSpPr>
        <p:spPr>
          <a:xfrm>
            <a:off x="1199999" y="2640002"/>
            <a:ext cx="17918792" cy="355389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3" name="Content Placeholder 12">
            <a:extLst>
              <a:ext uri="{FF2B5EF4-FFF2-40B4-BE49-F238E27FC236}">
                <a16:creationId xmlns:a16="http://schemas.microsoft.com/office/drawing/2014/main" id="{A0A5E804-24C6-42E7-B7EA-89E8BEB051B2}"/>
              </a:ext>
            </a:extLst>
          </p:cNvPr>
          <p:cNvSpPr>
            <a:spLocks noGrp="1"/>
          </p:cNvSpPr>
          <p:nvPr>
            <p:ph sz="quarter" idx="11"/>
          </p:nvPr>
        </p:nvSpPr>
        <p:spPr>
          <a:xfrm>
            <a:off x="10399998" y="6676105"/>
            <a:ext cx="8720000" cy="355389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cxnSp>
        <p:nvCxnSpPr>
          <p:cNvPr id="14" name="Straight Connector 13">
            <a:extLst>
              <a:ext uri="{FF2B5EF4-FFF2-40B4-BE49-F238E27FC236}">
                <a16:creationId xmlns:a16="http://schemas.microsoft.com/office/drawing/2014/main" id="{2BD7AD66-1DEC-4E4E-908E-9E676B26AC62}"/>
              </a:ext>
            </a:extLst>
          </p:cNvPr>
          <p:cNvCxnSpPr>
            <a:cxnSpLocks/>
          </p:cNvCxnSpPr>
          <p:nvPr userDrawn="1"/>
        </p:nvCxnSpPr>
        <p:spPr>
          <a:xfrm>
            <a:off x="1198562" y="2286025"/>
            <a:ext cx="17920230"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sp>
        <p:nvSpPr>
          <p:cNvPr id="15" name="Content Placeholder 12">
            <a:extLst>
              <a:ext uri="{FF2B5EF4-FFF2-40B4-BE49-F238E27FC236}">
                <a16:creationId xmlns:a16="http://schemas.microsoft.com/office/drawing/2014/main" id="{C9787096-AEE3-4E2B-AAA1-1661D9D6CB43}"/>
              </a:ext>
            </a:extLst>
          </p:cNvPr>
          <p:cNvSpPr>
            <a:spLocks noGrp="1"/>
          </p:cNvSpPr>
          <p:nvPr>
            <p:ph sz="quarter" idx="12"/>
          </p:nvPr>
        </p:nvSpPr>
        <p:spPr>
          <a:xfrm>
            <a:off x="1200003" y="6676105"/>
            <a:ext cx="8720000" cy="3553893"/>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6" name="image" descr="{&quot;templafy&quot;:{&quot;type&quot;:&quot;image&quot;,&quot;binding&quot;:&quot;Form.Division.Positive_Logo&quot;,&quot;inheritDimensions&quot;:&quot;inheritWidth&quot;}}" title="Form.Division.Positive_Logo">
            <a:extLst>
              <a:ext uri="{FF2B5EF4-FFF2-40B4-BE49-F238E27FC236}">
                <a16:creationId xmlns:a16="http://schemas.microsoft.com/office/drawing/2014/main" id="{017657CD-4BA9-465F-B25A-4BF03D28C662}"/>
              </a:ext>
            </a:extLst>
          </p:cNvPr>
          <p:cNvSpPr/>
          <p:nvPr userDrawn="1"/>
        </p:nvSpPr>
        <p:spPr>
          <a:xfrm>
            <a:off x="15722790" y="647467"/>
            <a:ext cx="3396000" cy="1104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4500"/>
          </a:p>
        </p:txBody>
      </p:sp>
      <p:sp>
        <p:nvSpPr>
          <p:cNvPr id="17" name="text" descr="{&quot;templafy&quot;:{&quot;type&quot;:&quot;text&quot;,&quot;binding&quot;:&quot;Form.Division.Website&quot;}}" title="Form.Division.Website">
            <a:extLst>
              <a:ext uri="{FF2B5EF4-FFF2-40B4-BE49-F238E27FC236}">
                <a16:creationId xmlns:a16="http://schemas.microsoft.com/office/drawing/2014/main" id="{FFE61030-2BBA-4493-950B-EADFACDB99CA}"/>
              </a:ext>
            </a:extLst>
          </p:cNvPr>
          <p:cNvSpPr/>
          <p:nvPr userDrawn="1"/>
        </p:nvSpPr>
        <p:spPr>
          <a:xfrm>
            <a:off x="1149686" y="10721473"/>
            <a:ext cx="2760252" cy="27442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endParaRPr lang="en-GB" sz="2000" dirty="0">
              <a:solidFill>
                <a:schemeClr val="tx2"/>
              </a:solidFill>
            </a:endParaRPr>
          </a:p>
        </p:txBody>
      </p:sp>
    </p:spTree>
    <p:extLst>
      <p:ext uri="{BB962C8B-B14F-4D97-AF65-F5344CB8AC3E}">
        <p14:creationId xmlns:p14="http://schemas.microsoft.com/office/powerpoint/2010/main" val="1087142683"/>
      </p:ext>
    </p:extLst>
  </p:cSld>
  <p:clrMapOvr>
    <a:masterClrMapping/>
  </p:clrMapOvr>
  <p:extLst>
    <p:ext uri="{DCECCB84-F9BA-43D5-87BE-67443E8EF086}">
      <p15:sldGuideLst xmlns:p15="http://schemas.microsoft.com/office/powerpoint/2012/main">
        <p15:guide id="4" orient="horz" pos="3866">
          <p15:clr>
            <a:srgbClr val="FF96FF"/>
          </p15:clr>
        </p15:guide>
        <p15:guide id="5" pos="453">
          <p15:clr>
            <a:srgbClr val="FF96FF"/>
          </p15:clr>
        </p15:guide>
        <p15:guide id="6" pos="3749">
          <p15:clr>
            <a:srgbClr val="FF96FF"/>
          </p15:clr>
        </p15:guide>
        <p15:guide id="7" pos="3930">
          <p15:clr>
            <a:srgbClr val="FF96FF"/>
          </p15:clr>
        </p15:guide>
        <p15:guide id="8" pos="7226">
          <p15:clr>
            <a:srgbClr val="FF96FF"/>
          </p15:clr>
        </p15:guide>
      </p15:sldGuideLst>
    </p:ext>
  </p:extLs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p:cSld name="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354266213"/>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userDrawn="1">
  <p:cSld name="1_Simple-layout-2">
    <p:spTree>
      <p:nvGrpSpPr>
        <p:cNvPr id="1" name=""/>
        <p:cNvGrpSpPr/>
        <p:nvPr/>
      </p:nvGrpSpPr>
      <p:grpSpPr>
        <a:xfrm>
          <a:off x="0" y="0"/>
          <a:ext cx="0" cy="0"/>
          <a:chOff x="0" y="0"/>
          <a:chExt cx="0" cy="0"/>
        </a:xfrm>
      </p:grpSpPr>
      <p:cxnSp>
        <p:nvCxnSpPr>
          <p:cNvPr id="3" name="Straight Connector 2"/>
          <p:cNvCxnSpPr/>
          <p:nvPr userDrawn="1"/>
        </p:nvCxnSpPr>
        <p:spPr>
          <a:xfrm flipV="1">
            <a:off x="1684986" y="2714046"/>
            <a:ext cx="16950689" cy="19215"/>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sp>
        <p:nvSpPr>
          <p:cNvPr id="5" name="Title 10"/>
          <p:cNvSpPr>
            <a:spLocks noGrp="1"/>
          </p:cNvSpPr>
          <p:nvPr>
            <p:ph type="title"/>
          </p:nvPr>
        </p:nvSpPr>
        <p:spPr>
          <a:xfrm>
            <a:off x="1540008" y="1680216"/>
            <a:ext cx="17526000" cy="1220258"/>
          </a:xfrm>
          <a:prstGeom prst="rect">
            <a:avLst/>
          </a:prstGeom>
        </p:spPr>
        <p:txBody>
          <a:bodyPr>
            <a:normAutofit/>
          </a:bodyPr>
          <a:lstStyle>
            <a:lvl1pPr>
              <a:defRPr sz="4800" b="1">
                <a:solidFill>
                  <a:srgbClr val="114B5F"/>
                </a:solidFill>
                <a:latin typeface="+mn-lt"/>
              </a:defRPr>
            </a:lvl1pPr>
          </a:lstStyle>
          <a:p>
            <a:r>
              <a:rPr lang="en-US" dirty="0"/>
              <a:t>Click to edit Master title style</a:t>
            </a:r>
            <a:endParaRPr lang="en-GB" dirty="0"/>
          </a:p>
        </p:txBody>
      </p:sp>
      <p:sp>
        <p:nvSpPr>
          <p:cNvPr id="6" name="Text Placeholder 14"/>
          <p:cNvSpPr>
            <a:spLocks noGrp="1"/>
          </p:cNvSpPr>
          <p:nvPr>
            <p:ph type="body" sz="quarter" idx="11"/>
          </p:nvPr>
        </p:nvSpPr>
        <p:spPr>
          <a:xfrm>
            <a:off x="1539272" y="3389586"/>
            <a:ext cx="17526000" cy="6850178"/>
          </a:xfrm>
          <a:prstGeom prst="rect">
            <a:avLst/>
          </a:prstGeom>
        </p:spPr>
        <p:txBody>
          <a:bodyPr/>
          <a:lstStyle>
            <a:lvl1pPr marL="342900" indent="-342900">
              <a:buClr>
                <a:srgbClr val="FF5050"/>
              </a:buClr>
              <a:buFont typeface="Wingdings" panose="05000000000000000000" pitchFamily="2" charset="2"/>
              <a:buChar char="§"/>
              <a:defRPr>
                <a:solidFill>
                  <a:srgbClr val="54565A"/>
                </a:solidFill>
              </a:defRPr>
            </a:lvl1pPr>
            <a:lvl2pPr marL="1028700" indent="-342900">
              <a:buClr>
                <a:srgbClr val="FF5050"/>
              </a:buClr>
              <a:buFont typeface="Wingdings" panose="05000000000000000000" pitchFamily="2" charset="2"/>
              <a:buChar char="§"/>
              <a:defRPr>
                <a:solidFill>
                  <a:srgbClr val="54565A"/>
                </a:solidFill>
              </a:defRPr>
            </a:lvl2pPr>
            <a:lvl3pPr marL="1714500" indent="-342900">
              <a:buClr>
                <a:srgbClr val="FF5050"/>
              </a:buClr>
              <a:buFont typeface="Wingdings" panose="05000000000000000000" pitchFamily="2" charset="2"/>
              <a:buChar char="§"/>
              <a:defRPr>
                <a:solidFill>
                  <a:srgbClr val="54565A"/>
                </a:solidFill>
              </a:defRPr>
            </a:lvl3pPr>
            <a:lvl4pPr marL="2400300" indent="-342900">
              <a:buClr>
                <a:srgbClr val="FF5050"/>
              </a:buClr>
              <a:buFont typeface="Wingdings" panose="05000000000000000000" pitchFamily="2" charset="2"/>
              <a:buChar char="§"/>
              <a:defRPr>
                <a:solidFill>
                  <a:srgbClr val="54565A"/>
                </a:solidFill>
              </a:defRPr>
            </a:lvl4pPr>
            <a:lvl5pPr marL="3086100" indent="-342900">
              <a:buClr>
                <a:srgbClr val="FF5050"/>
              </a:buClr>
              <a:buFont typeface="Wingdings" panose="05000000000000000000" pitchFamily="2" charset="2"/>
              <a:buChar char="§"/>
              <a:defRPr>
                <a:solidFill>
                  <a:srgbClr val="54565A"/>
                </a:solidFill>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pic>
        <p:nvPicPr>
          <p:cNvPr id="4" name="Picture 3" descr="Low angle view of a building&#10;&#10;Description automatically generated">
            <a:extLst>
              <a:ext uri="{FF2B5EF4-FFF2-40B4-BE49-F238E27FC236}">
                <a16:creationId xmlns:a16="http://schemas.microsoft.com/office/drawing/2014/main" id="{14F5DE5A-DBD2-2163-90BF-0DA3585F678E}"/>
              </a:ext>
            </a:extLst>
          </p:cNvPr>
          <p:cNvPicPr>
            <a:picLocks noChangeAspect="1"/>
          </p:cNvPicPr>
          <p:nvPr userDrawn="1"/>
        </p:nvPicPr>
        <p:blipFill rotWithShape="1">
          <a:blip r:embed="rId2" cstate="email">
            <a:extLst>
              <a:ext uri="{28A0092B-C50C-407E-A947-70E740481C1C}">
                <a14:useLocalDpi xmlns:a14="http://schemas.microsoft.com/office/drawing/2010/main" val="0"/>
              </a:ext>
            </a:extLst>
          </a:blip>
          <a:srcRect t="15642"/>
          <a:stretch/>
        </p:blipFill>
        <p:spPr>
          <a:xfrm>
            <a:off x="0" y="0"/>
            <a:ext cx="20320000" cy="11430000"/>
          </a:xfrm>
          <a:prstGeom prst="rect">
            <a:avLst/>
          </a:prstGeom>
        </p:spPr>
      </p:pic>
      <p:sp>
        <p:nvSpPr>
          <p:cNvPr id="7" name="Rectangle 6">
            <a:extLst>
              <a:ext uri="{FF2B5EF4-FFF2-40B4-BE49-F238E27FC236}">
                <a16:creationId xmlns:a16="http://schemas.microsoft.com/office/drawing/2014/main" id="{A77BCA3A-A275-A002-2A10-DBE4DFCC7033}"/>
              </a:ext>
            </a:extLst>
          </p:cNvPr>
          <p:cNvSpPr/>
          <p:nvPr userDrawn="1"/>
        </p:nvSpPr>
        <p:spPr>
          <a:xfrm>
            <a:off x="33811" y="0"/>
            <a:ext cx="20320000" cy="11449049"/>
          </a:xfrm>
          <a:prstGeom prst="rect">
            <a:avLst/>
          </a:prstGeom>
          <a:gradFill flip="none" rotWithShape="1">
            <a:gsLst>
              <a:gs pos="7000">
                <a:srgbClr val="114B5F"/>
              </a:gs>
              <a:gs pos="100000">
                <a:srgbClr val="F76C6C">
                  <a:alpha val="32000"/>
                </a:srgb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822919" eaLnBrk="1" fontAlgn="auto" hangingPunct="1">
              <a:spcBef>
                <a:spcPts val="0"/>
              </a:spcBef>
              <a:spcAft>
                <a:spcPts val="0"/>
              </a:spcAft>
              <a:defRPr/>
            </a:pPr>
            <a:endParaRPr lang="en-GB" sz="1620"/>
          </a:p>
        </p:txBody>
      </p:sp>
      <p:sp>
        <p:nvSpPr>
          <p:cNvPr id="8" name="Rectangle 7">
            <a:extLst>
              <a:ext uri="{FF2B5EF4-FFF2-40B4-BE49-F238E27FC236}">
                <a16:creationId xmlns:a16="http://schemas.microsoft.com/office/drawing/2014/main" id="{713DD009-CE5E-6700-E9E2-252C1D8B47EA}"/>
              </a:ext>
            </a:extLst>
          </p:cNvPr>
          <p:cNvSpPr/>
          <p:nvPr userDrawn="1"/>
        </p:nvSpPr>
        <p:spPr>
          <a:xfrm>
            <a:off x="0" y="0"/>
            <a:ext cx="20566743" cy="11567887"/>
          </a:xfrm>
          <a:prstGeom prst="rect">
            <a:avLst/>
          </a:prstGeom>
          <a:gradFill flip="none" rotWithShape="1">
            <a:gsLst>
              <a:gs pos="21000">
                <a:srgbClr val="114B5F">
                  <a:alpha val="74000"/>
                </a:srgbClr>
              </a:gs>
              <a:gs pos="100000">
                <a:srgbClr val="F76C6C">
                  <a:alpha val="32000"/>
                </a:srgb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822919" eaLnBrk="1" fontAlgn="auto" hangingPunct="1">
              <a:spcBef>
                <a:spcPts val="0"/>
              </a:spcBef>
              <a:spcAft>
                <a:spcPts val="0"/>
              </a:spcAft>
              <a:defRPr/>
            </a:pPr>
            <a:endParaRPr lang="en-GB" sz="1620"/>
          </a:p>
        </p:txBody>
      </p:sp>
    </p:spTree>
    <p:extLst>
      <p:ext uri="{BB962C8B-B14F-4D97-AF65-F5344CB8AC3E}">
        <p14:creationId xmlns:p14="http://schemas.microsoft.com/office/powerpoint/2010/main" val="1094197700"/>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cSld name="Title and Content">
    <p:bg>
      <p:bgPr>
        <a:solidFill>
          <a:schemeClr val="accent3"/>
        </a:solidFill>
        <a:effectLst/>
      </p:bgPr>
    </p:bg>
    <p:spTree>
      <p:nvGrpSpPr>
        <p:cNvPr id="1" name=""/>
        <p:cNvGrpSpPr/>
        <p:nvPr/>
      </p:nvGrpSpPr>
      <p:grpSpPr>
        <a:xfrm>
          <a:off x="0" y="0"/>
          <a:ext cx="0" cy="0"/>
          <a:chOff x="0" y="0"/>
          <a:chExt cx="0" cy="0"/>
        </a:xfrm>
      </p:grpSpPr>
      <p:sp>
        <p:nvSpPr>
          <p:cNvPr id="7" name="Title Placeholder 1"/>
          <p:cNvSpPr>
            <a:spLocks noGrp="1"/>
          </p:cNvSpPr>
          <p:nvPr>
            <p:ph type="title"/>
          </p:nvPr>
        </p:nvSpPr>
        <p:spPr>
          <a:xfrm>
            <a:off x="0" y="4610100"/>
            <a:ext cx="20320000" cy="2209800"/>
          </a:xfrm>
          <a:prstGeom prst="rect">
            <a:avLst/>
          </a:prstGeom>
        </p:spPr>
        <p:txBody>
          <a:bodyPr vert="horz" lIns="91440" tIns="45720" rIns="91440" bIns="45720" rtlCol="0" anchor="ctr">
            <a:normAutofit/>
          </a:bodyPr>
          <a:lstStyle>
            <a:lvl1pPr>
              <a:defRPr>
                <a:solidFill>
                  <a:schemeClr val="bg1"/>
                </a:solidFill>
              </a:defRPr>
            </a:lvl1pPr>
          </a:lstStyle>
          <a:p>
            <a:r>
              <a:rPr lang="en-US"/>
              <a:t>Click to edit Master title style</a:t>
            </a:r>
            <a:endParaRPr lang="en-GB" dirty="0"/>
          </a:p>
        </p:txBody>
      </p:sp>
    </p:spTree>
    <p:extLst>
      <p:ext uri="{BB962C8B-B14F-4D97-AF65-F5344CB8AC3E}">
        <p14:creationId xmlns:p14="http://schemas.microsoft.com/office/powerpoint/2010/main" val="1398512921"/>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7" name="TextBox 6"/>
          <p:cNvSpPr txBox="1"/>
          <p:nvPr userDrawn="1"/>
        </p:nvSpPr>
        <p:spPr>
          <a:xfrm>
            <a:off x="1496285" y="6168221"/>
            <a:ext cx="16504844" cy="3970318"/>
          </a:xfrm>
          <a:prstGeom prst="rect">
            <a:avLst/>
          </a:prstGeom>
          <a:noFill/>
        </p:spPr>
        <p:txBody>
          <a:bodyPr wrap="square" rtlCol="0">
            <a:spAutoFit/>
          </a:bodyPr>
          <a:lstStyle/>
          <a:p>
            <a:pPr lvl="0"/>
            <a:r>
              <a:rPr lang="en-GB" sz="1800" b="1" dirty="0">
                <a:solidFill>
                  <a:schemeClr val="tx1"/>
                </a:solidFill>
                <a:latin typeface="Calibri" panose="020F0502020204030204" pitchFamily="34" charset="0"/>
                <a:cs typeface="Calibri" panose="020F0502020204030204" pitchFamily="34" charset="0"/>
              </a:rPr>
              <a:t>Disclaimer &amp; Copyright</a:t>
            </a:r>
            <a:r>
              <a:rPr lang="en-GB" sz="1800" b="1" baseline="0" dirty="0">
                <a:solidFill>
                  <a:schemeClr val="tx1"/>
                </a:solidFill>
                <a:latin typeface="Calibri" panose="020F0502020204030204" pitchFamily="34" charset="0"/>
                <a:cs typeface="Calibri" panose="020F0502020204030204" pitchFamily="34" charset="0"/>
              </a:rPr>
              <a:t> Notice </a:t>
            </a:r>
          </a:p>
          <a:p>
            <a:pPr lvl="0"/>
            <a:endParaRPr lang="en-GB" sz="1800" dirty="0">
              <a:solidFill>
                <a:schemeClr val="tx1"/>
              </a:solidFill>
              <a:latin typeface="Calibri" panose="020F0502020204030204" pitchFamily="34" charset="0"/>
              <a:cs typeface="Calibri" panose="020F0502020204030204" pitchFamily="34" charset="0"/>
            </a:endParaRPr>
          </a:p>
          <a:p>
            <a:pPr lvl="0"/>
            <a:r>
              <a:rPr lang="en-GB" sz="1800" dirty="0">
                <a:solidFill>
                  <a:schemeClr val="tx1"/>
                </a:solidFill>
                <a:latin typeface="Calibri" panose="020F0502020204030204" pitchFamily="34" charset="0"/>
                <a:cs typeface="Calibri" panose="020F0502020204030204" pitchFamily="34" charset="0"/>
              </a:rPr>
              <a:t>The contents of this document are considered accurate at the time of publication. Nothing in this document constitutes specific legal advice. You should always consult a suitably qualified solicitor about individual legal matters. Keoghs LLP accepts no liability for errors or omissions in this document.  All rights reserved. This document and the information contained within it are provided for personal use only. No part may be reproduced, stored in a retrieval system or transmitted in any form or by any means electronic, mechanical photocopying, microfilming, recording, scanning or otherwise for commercial purposes without the written permission of the copyright holder.</a:t>
            </a:r>
          </a:p>
          <a:p>
            <a:pPr lvl="0"/>
            <a:endParaRPr lang="en-GB" sz="1800" dirty="0">
              <a:solidFill>
                <a:schemeClr val="tx1"/>
              </a:solidFill>
              <a:latin typeface="Calibri" panose="020F0502020204030204" pitchFamily="34" charset="0"/>
              <a:cs typeface="Calibri" panose="020F0502020204030204" pitchFamily="34" charset="0"/>
            </a:endParaRPr>
          </a:p>
          <a:p>
            <a:pPr lvl="0"/>
            <a:r>
              <a:rPr lang="en-GB" sz="1800" dirty="0">
                <a:solidFill>
                  <a:schemeClr val="tx1"/>
                </a:solidFill>
                <a:latin typeface="Calibri" panose="020F0502020204030204" pitchFamily="34" charset="0"/>
                <a:cs typeface="Calibri" panose="020F0502020204030204" pitchFamily="34" charset="0"/>
              </a:rPr>
              <a:t>Keoghs LLP is a limited liability partnership registered in England and Wales (registered number OC 321124) which is authorised and regulated by the Solicitors Regulation Authority. A list of the names and our members is available for inspection at our registered office, 2 The Parklands, Bolton, BL6 4SE. We use the word “partner” to refer to a member of the LLP.  Keoghs Scotland LLP, is a limited liability partnership registered in Scotland (registered number SO305857) which is authorised and regulated by the Law Society of Scotland and trading from its registered office 2 West Regent Street, Glasgow, G2 1RW. A full list of members is open for inspection at the registered office. Keoghs Scotland LLP utilises the trading name Keoghs under licence from Keoghs LLP.</a:t>
            </a:r>
          </a:p>
          <a:p>
            <a:pPr lvl="0"/>
            <a:endParaRPr lang="en-GB" sz="1800" dirty="0">
              <a:solidFill>
                <a:schemeClr val="tx1"/>
              </a:solidFill>
              <a:latin typeface="Calibri" panose="020F0502020204030204" pitchFamily="34" charset="0"/>
              <a:cs typeface="Calibri" panose="020F0502020204030204" pitchFamily="34" charset="0"/>
            </a:endParaRPr>
          </a:p>
          <a:p>
            <a:pPr lvl="0"/>
            <a:r>
              <a:rPr lang="en-GB" sz="1800" dirty="0">
                <a:solidFill>
                  <a:schemeClr val="tx1"/>
                </a:solidFill>
                <a:latin typeface="Calibri" panose="020F0502020204030204" pitchFamily="34" charset="0"/>
                <a:cs typeface="Calibri" panose="020F0502020204030204" pitchFamily="34" charset="0"/>
              </a:rPr>
              <a:t>© Keoghs LLP Head Office: 2 The Parklands, Bolton BL6 4SE T: 01204 677 000 F: 01204 677 111 E: info@keoghs.co.uk</a:t>
            </a:r>
          </a:p>
        </p:txBody>
      </p:sp>
    </p:spTree>
    <p:extLst>
      <p:ext uri="{BB962C8B-B14F-4D97-AF65-F5344CB8AC3E}">
        <p14:creationId xmlns:p14="http://schemas.microsoft.com/office/powerpoint/2010/main" val="608716347"/>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cSld name="Open Layout">
    <p:spTree>
      <p:nvGrpSpPr>
        <p:cNvPr id="1" name=""/>
        <p:cNvGrpSpPr/>
        <p:nvPr/>
      </p:nvGrpSpPr>
      <p:grpSpPr>
        <a:xfrm>
          <a:off x="0" y="0"/>
          <a:ext cx="0" cy="0"/>
          <a:chOff x="0" y="0"/>
          <a:chExt cx="0" cy="0"/>
        </a:xfrm>
      </p:grpSpPr>
      <p:sp>
        <p:nvSpPr>
          <p:cNvPr id="9" name="Text Placeholder 12"/>
          <p:cNvSpPr>
            <a:spLocks noGrp="1"/>
          </p:cNvSpPr>
          <p:nvPr>
            <p:ph type="body" sz="quarter" idx="10" hasCustomPrompt="1"/>
          </p:nvPr>
        </p:nvSpPr>
        <p:spPr>
          <a:xfrm>
            <a:off x="2531380" y="926088"/>
            <a:ext cx="15071387" cy="1426105"/>
          </a:xfrm>
          <a:prstGeom prst="rect">
            <a:avLst/>
          </a:prstGeom>
        </p:spPr>
        <p:txBody>
          <a:bodyPr/>
          <a:lstStyle>
            <a:lvl1pPr marL="0" indent="0" algn="l">
              <a:buNone/>
              <a:defRPr sz="7333" b="1">
                <a:latin typeface="Arial" panose="020B0604020202090204" pitchFamily="34" charset="0"/>
                <a:cs typeface="Arial" panose="020B0604020202090204" pitchFamily="34" charset="0"/>
              </a:defRPr>
            </a:lvl1pPr>
          </a:lstStyle>
          <a:p>
            <a:pPr lvl="0"/>
            <a:r>
              <a:rPr lang="en-US" dirty="0"/>
              <a:t>Title Here (Open Layout) </a:t>
            </a:r>
            <a:endParaRPr lang="en-PH" dirty="0"/>
          </a:p>
        </p:txBody>
      </p:sp>
      <p:cxnSp>
        <p:nvCxnSpPr>
          <p:cNvPr id="10" name="Straight Connector 9"/>
          <p:cNvCxnSpPr/>
          <p:nvPr/>
        </p:nvCxnSpPr>
        <p:spPr>
          <a:xfrm>
            <a:off x="0" y="2352202"/>
            <a:ext cx="20320000" cy="0"/>
          </a:xfrm>
          <a:prstGeom prst="line">
            <a:avLst/>
          </a:prstGeom>
          <a:ln>
            <a:solidFill>
              <a:srgbClr val="273151"/>
            </a:solidFill>
          </a:ln>
        </p:spPr>
        <p:style>
          <a:lnRef idx="1">
            <a:schemeClr val="accent1"/>
          </a:lnRef>
          <a:fillRef idx="0">
            <a:schemeClr val="accent1"/>
          </a:fillRef>
          <a:effectRef idx="0">
            <a:schemeClr val="accent1"/>
          </a:effectRef>
          <a:fontRef idx="minor">
            <a:schemeClr val="tx1"/>
          </a:fontRef>
        </p:style>
      </p:cxnSp>
      <p:pic>
        <p:nvPicPr>
          <p:cNvPr id="13" name="Picture 12" descr="Logo&#10;&#10;Description automatically generated"/>
          <p:cNvPicPr>
            <a:picLocks noChangeAspect="1"/>
          </p:cNvPicPr>
          <p:nvPr/>
        </p:nvPicPr>
        <p:blipFill>
          <a:blip r:embed="rId2" cstate="email">
            <a:extLst>
              <a:ext uri="{28A0092B-C50C-407E-A947-70E740481C1C}">
                <a14:useLocalDpi xmlns:a14="http://schemas.microsoft.com/office/drawing/2010/main" val="0"/>
              </a:ext>
            </a:extLst>
          </a:blip>
          <a:stretch>
            <a:fillRect/>
          </a:stretch>
        </p:blipFill>
        <p:spPr>
          <a:xfrm>
            <a:off x="18210245" y="10351552"/>
            <a:ext cx="1936713" cy="968357"/>
          </a:xfrm>
          <a:prstGeom prst="rect">
            <a:avLst/>
          </a:prstGeom>
        </p:spPr>
      </p:pic>
      <p:cxnSp>
        <p:nvCxnSpPr>
          <p:cNvPr id="5" name="Straight Connector 4"/>
          <p:cNvCxnSpPr/>
          <p:nvPr/>
        </p:nvCxnSpPr>
        <p:spPr>
          <a:xfrm>
            <a:off x="1" y="11035580"/>
            <a:ext cx="8831385" cy="0"/>
          </a:xfrm>
          <a:prstGeom prst="line">
            <a:avLst/>
          </a:prstGeom>
          <a:ln w="76200">
            <a:solidFill>
              <a:srgbClr val="FEC645"/>
            </a:solidFill>
          </a:ln>
        </p:spPr>
        <p:style>
          <a:lnRef idx="1">
            <a:schemeClr val="accent1"/>
          </a:lnRef>
          <a:fillRef idx="0">
            <a:schemeClr val="accent1"/>
          </a:fillRef>
          <a:effectRef idx="0">
            <a:schemeClr val="accent1"/>
          </a:effectRef>
          <a:fontRef idx="minor">
            <a:schemeClr val="tx1"/>
          </a:fontRef>
        </p:style>
      </p:cxnSp>
      <p:cxnSp>
        <p:nvCxnSpPr>
          <p:cNvPr id="6" name="Straight Connector 5"/>
          <p:cNvCxnSpPr/>
          <p:nvPr/>
        </p:nvCxnSpPr>
        <p:spPr>
          <a:xfrm>
            <a:off x="8831386" y="11035580"/>
            <a:ext cx="3126642" cy="0"/>
          </a:xfrm>
          <a:prstGeom prst="line">
            <a:avLst/>
          </a:prstGeom>
          <a:ln w="76200">
            <a:solidFill>
              <a:srgbClr val="273151"/>
            </a:solidFill>
          </a:ln>
        </p:spPr>
        <p:style>
          <a:lnRef idx="1">
            <a:schemeClr val="accent1"/>
          </a:lnRef>
          <a:fillRef idx="0">
            <a:schemeClr val="accent1"/>
          </a:fillRef>
          <a:effectRef idx="0">
            <a:schemeClr val="accent1"/>
          </a:effectRef>
          <a:fontRef idx="minor">
            <a:schemeClr val="tx1"/>
          </a:fontRef>
        </p:style>
      </p:cxnSp>
      <p:cxnSp>
        <p:nvCxnSpPr>
          <p:cNvPr id="7" name="Straight Connector 6"/>
          <p:cNvCxnSpPr/>
          <p:nvPr/>
        </p:nvCxnSpPr>
        <p:spPr>
          <a:xfrm>
            <a:off x="11958028" y="11035580"/>
            <a:ext cx="5645728" cy="0"/>
          </a:xfrm>
          <a:prstGeom prst="line">
            <a:avLst/>
          </a:prstGeom>
          <a:ln w="76200">
            <a:solidFill>
              <a:srgbClr val="AF2348"/>
            </a:solidFill>
          </a:ln>
        </p:spPr>
        <p:style>
          <a:lnRef idx="1">
            <a:schemeClr val="accent1"/>
          </a:lnRef>
          <a:fillRef idx="0">
            <a:schemeClr val="accent1"/>
          </a:fillRef>
          <a:effectRef idx="0">
            <a:schemeClr val="accent1"/>
          </a:effectRef>
          <a:fontRef idx="minor">
            <a:schemeClr val="tx1"/>
          </a:fontRef>
        </p:style>
      </p:cxnSp>
      <p:grpSp>
        <p:nvGrpSpPr>
          <p:cNvPr id="156" name="Group 155"/>
          <p:cNvGrpSpPr/>
          <p:nvPr/>
        </p:nvGrpSpPr>
        <p:grpSpPr>
          <a:xfrm>
            <a:off x="394469" y="317157"/>
            <a:ext cx="1008183" cy="1575347"/>
            <a:chOff x="236681" y="190294"/>
            <a:chExt cx="604910" cy="945208"/>
          </a:xfrm>
        </p:grpSpPr>
        <p:grpSp>
          <p:nvGrpSpPr>
            <p:cNvPr id="157" name="Group 156"/>
            <p:cNvGrpSpPr/>
            <p:nvPr/>
          </p:nvGrpSpPr>
          <p:grpSpPr>
            <a:xfrm>
              <a:off x="236681" y="190294"/>
              <a:ext cx="56726" cy="945208"/>
              <a:chOff x="236681" y="190294"/>
              <a:chExt cx="56726" cy="945208"/>
            </a:xfrm>
          </p:grpSpPr>
          <p:sp>
            <p:nvSpPr>
              <p:cNvPr id="213" name="Oval 212"/>
              <p:cNvSpPr/>
              <p:nvPr/>
            </p:nvSpPr>
            <p:spPr>
              <a:xfrm>
                <a:off x="236681" y="190294"/>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14" name="Oval 213"/>
              <p:cNvSpPr/>
              <p:nvPr/>
            </p:nvSpPr>
            <p:spPr>
              <a:xfrm>
                <a:off x="238329" y="253727"/>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15" name="Oval 214"/>
              <p:cNvSpPr/>
              <p:nvPr/>
            </p:nvSpPr>
            <p:spPr>
              <a:xfrm>
                <a:off x="237506" y="319634"/>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16" name="Oval 215"/>
              <p:cNvSpPr/>
              <p:nvPr/>
            </p:nvSpPr>
            <p:spPr>
              <a:xfrm>
                <a:off x="241954" y="383067"/>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17" name="Oval 216"/>
              <p:cNvSpPr/>
              <p:nvPr/>
            </p:nvSpPr>
            <p:spPr>
              <a:xfrm>
                <a:off x="245780" y="446500"/>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18" name="Oval 217"/>
              <p:cNvSpPr/>
              <p:nvPr/>
            </p:nvSpPr>
            <p:spPr>
              <a:xfrm>
                <a:off x="245780" y="509933"/>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19" name="Oval 218"/>
              <p:cNvSpPr/>
              <p:nvPr/>
            </p:nvSpPr>
            <p:spPr>
              <a:xfrm>
                <a:off x="245780" y="573366"/>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20" name="Oval 219"/>
              <p:cNvSpPr/>
              <p:nvPr/>
            </p:nvSpPr>
            <p:spPr>
              <a:xfrm>
                <a:off x="245780" y="636799"/>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21" name="Oval 220"/>
              <p:cNvSpPr/>
              <p:nvPr/>
            </p:nvSpPr>
            <p:spPr>
              <a:xfrm>
                <a:off x="245780" y="700232"/>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22" name="Oval 221"/>
              <p:cNvSpPr/>
              <p:nvPr/>
            </p:nvSpPr>
            <p:spPr>
              <a:xfrm>
                <a:off x="245779" y="763665"/>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23" name="Oval 222"/>
              <p:cNvSpPr/>
              <p:nvPr/>
            </p:nvSpPr>
            <p:spPr>
              <a:xfrm>
                <a:off x="245779" y="827098"/>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24" name="Oval 223"/>
              <p:cNvSpPr/>
              <p:nvPr/>
            </p:nvSpPr>
            <p:spPr>
              <a:xfrm>
                <a:off x="245779" y="895072"/>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25" name="Oval 224"/>
              <p:cNvSpPr/>
              <p:nvPr/>
            </p:nvSpPr>
            <p:spPr>
              <a:xfrm>
                <a:off x="247688" y="963046"/>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26" name="Oval 225"/>
              <p:cNvSpPr/>
              <p:nvPr/>
            </p:nvSpPr>
            <p:spPr>
              <a:xfrm>
                <a:off x="245779" y="1026479"/>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27" name="Oval 226"/>
              <p:cNvSpPr/>
              <p:nvPr/>
            </p:nvSpPr>
            <p:spPr>
              <a:xfrm>
                <a:off x="247688" y="1089783"/>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grpSp>
        <p:grpSp>
          <p:nvGrpSpPr>
            <p:cNvPr id="158" name="Group 157"/>
            <p:cNvGrpSpPr/>
            <p:nvPr/>
          </p:nvGrpSpPr>
          <p:grpSpPr>
            <a:xfrm>
              <a:off x="320165" y="258896"/>
              <a:ext cx="55901" cy="818471"/>
              <a:chOff x="237506" y="253727"/>
              <a:chExt cx="55901" cy="818471"/>
            </a:xfrm>
          </p:grpSpPr>
          <p:sp>
            <p:nvSpPr>
              <p:cNvPr id="200" name="Oval 199"/>
              <p:cNvSpPr/>
              <p:nvPr/>
            </p:nvSpPr>
            <p:spPr>
              <a:xfrm>
                <a:off x="238329" y="253727"/>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01" name="Oval 200"/>
              <p:cNvSpPr/>
              <p:nvPr/>
            </p:nvSpPr>
            <p:spPr>
              <a:xfrm>
                <a:off x="237506" y="319634"/>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02" name="Oval 201"/>
              <p:cNvSpPr/>
              <p:nvPr/>
            </p:nvSpPr>
            <p:spPr>
              <a:xfrm>
                <a:off x="241954" y="383067"/>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03" name="Oval 202"/>
              <p:cNvSpPr/>
              <p:nvPr/>
            </p:nvSpPr>
            <p:spPr>
              <a:xfrm>
                <a:off x="245780" y="446500"/>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04" name="Oval 203"/>
              <p:cNvSpPr/>
              <p:nvPr/>
            </p:nvSpPr>
            <p:spPr>
              <a:xfrm>
                <a:off x="245780" y="509933"/>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05" name="Oval 204"/>
              <p:cNvSpPr/>
              <p:nvPr/>
            </p:nvSpPr>
            <p:spPr>
              <a:xfrm>
                <a:off x="245780" y="573366"/>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06" name="Oval 205"/>
              <p:cNvSpPr/>
              <p:nvPr/>
            </p:nvSpPr>
            <p:spPr>
              <a:xfrm>
                <a:off x="245780" y="636799"/>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07" name="Oval 206"/>
              <p:cNvSpPr/>
              <p:nvPr/>
            </p:nvSpPr>
            <p:spPr>
              <a:xfrm>
                <a:off x="245780" y="700232"/>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08" name="Oval 207"/>
              <p:cNvSpPr/>
              <p:nvPr/>
            </p:nvSpPr>
            <p:spPr>
              <a:xfrm>
                <a:off x="245779" y="763665"/>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09" name="Oval 208"/>
              <p:cNvSpPr/>
              <p:nvPr/>
            </p:nvSpPr>
            <p:spPr>
              <a:xfrm>
                <a:off x="245779" y="827098"/>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10" name="Oval 209"/>
              <p:cNvSpPr/>
              <p:nvPr/>
            </p:nvSpPr>
            <p:spPr>
              <a:xfrm>
                <a:off x="245779" y="895072"/>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11" name="Oval 210"/>
              <p:cNvSpPr/>
              <p:nvPr/>
            </p:nvSpPr>
            <p:spPr>
              <a:xfrm>
                <a:off x="247688" y="963046"/>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12" name="Oval 211"/>
              <p:cNvSpPr/>
              <p:nvPr/>
            </p:nvSpPr>
            <p:spPr>
              <a:xfrm>
                <a:off x="245779" y="1026479"/>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grpSp>
        <p:grpSp>
          <p:nvGrpSpPr>
            <p:cNvPr id="159" name="Group 158"/>
            <p:cNvGrpSpPr/>
            <p:nvPr/>
          </p:nvGrpSpPr>
          <p:grpSpPr>
            <a:xfrm>
              <a:off x="402824" y="323783"/>
              <a:ext cx="55901" cy="689131"/>
              <a:chOff x="237506" y="319634"/>
              <a:chExt cx="55901" cy="689131"/>
            </a:xfrm>
          </p:grpSpPr>
          <p:sp>
            <p:nvSpPr>
              <p:cNvPr id="189" name="Oval 188"/>
              <p:cNvSpPr/>
              <p:nvPr/>
            </p:nvSpPr>
            <p:spPr>
              <a:xfrm>
                <a:off x="237506" y="319634"/>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190" name="Oval 189"/>
              <p:cNvSpPr/>
              <p:nvPr/>
            </p:nvSpPr>
            <p:spPr>
              <a:xfrm>
                <a:off x="241954" y="383067"/>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191" name="Oval 190"/>
              <p:cNvSpPr/>
              <p:nvPr/>
            </p:nvSpPr>
            <p:spPr>
              <a:xfrm>
                <a:off x="245780" y="446500"/>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192" name="Oval 191"/>
              <p:cNvSpPr/>
              <p:nvPr/>
            </p:nvSpPr>
            <p:spPr>
              <a:xfrm>
                <a:off x="245780" y="509933"/>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193" name="Oval 192"/>
              <p:cNvSpPr/>
              <p:nvPr/>
            </p:nvSpPr>
            <p:spPr>
              <a:xfrm>
                <a:off x="245780" y="573366"/>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194" name="Oval 193"/>
              <p:cNvSpPr/>
              <p:nvPr/>
            </p:nvSpPr>
            <p:spPr>
              <a:xfrm>
                <a:off x="245780" y="636799"/>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195" name="Oval 194"/>
              <p:cNvSpPr/>
              <p:nvPr/>
            </p:nvSpPr>
            <p:spPr>
              <a:xfrm>
                <a:off x="245780" y="700232"/>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196" name="Oval 195"/>
              <p:cNvSpPr/>
              <p:nvPr/>
            </p:nvSpPr>
            <p:spPr>
              <a:xfrm>
                <a:off x="245779" y="763665"/>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197" name="Oval 196"/>
              <p:cNvSpPr/>
              <p:nvPr/>
            </p:nvSpPr>
            <p:spPr>
              <a:xfrm>
                <a:off x="245779" y="827098"/>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198" name="Oval 197"/>
              <p:cNvSpPr/>
              <p:nvPr/>
            </p:nvSpPr>
            <p:spPr>
              <a:xfrm>
                <a:off x="245779" y="895072"/>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199" name="Oval 198"/>
              <p:cNvSpPr/>
              <p:nvPr/>
            </p:nvSpPr>
            <p:spPr>
              <a:xfrm>
                <a:off x="247688" y="963046"/>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grpSp>
        <p:grpSp>
          <p:nvGrpSpPr>
            <p:cNvPr id="160" name="Group 159"/>
            <p:cNvGrpSpPr/>
            <p:nvPr/>
          </p:nvGrpSpPr>
          <p:grpSpPr>
            <a:xfrm>
              <a:off x="484394" y="383067"/>
              <a:ext cx="49545" cy="557724"/>
              <a:chOff x="241954" y="383067"/>
              <a:chExt cx="49545" cy="557724"/>
            </a:xfrm>
          </p:grpSpPr>
          <p:sp>
            <p:nvSpPr>
              <p:cNvPr id="180" name="Oval 179"/>
              <p:cNvSpPr/>
              <p:nvPr/>
            </p:nvSpPr>
            <p:spPr>
              <a:xfrm>
                <a:off x="241954" y="383067"/>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181" name="Oval 180"/>
              <p:cNvSpPr/>
              <p:nvPr/>
            </p:nvSpPr>
            <p:spPr>
              <a:xfrm>
                <a:off x="245780" y="446500"/>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182" name="Oval 181"/>
              <p:cNvSpPr/>
              <p:nvPr/>
            </p:nvSpPr>
            <p:spPr>
              <a:xfrm>
                <a:off x="245780" y="509933"/>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183" name="Oval 182"/>
              <p:cNvSpPr/>
              <p:nvPr/>
            </p:nvSpPr>
            <p:spPr>
              <a:xfrm>
                <a:off x="245780" y="573366"/>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184" name="Oval 183"/>
              <p:cNvSpPr/>
              <p:nvPr/>
            </p:nvSpPr>
            <p:spPr>
              <a:xfrm>
                <a:off x="245780" y="636799"/>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185" name="Oval 184"/>
              <p:cNvSpPr/>
              <p:nvPr/>
            </p:nvSpPr>
            <p:spPr>
              <a:xfrm>
                <a:off x="245780" y="700232"/>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186" name="Oval 185"/>
              <p:cNvSpPr/>
              <p:nvPr/>
            </p:nvSpPr>
            <p:spPr>
              <a:xfrm>
                <a:off x="245779" y="763665"/>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187" name="Oval 186"/>
              <p:cNvSpPr/>
              <p:nvPr/>
            </p:nvSpPr>
            <p:spPr>
              <a:xfrm>
                <a:off x="245779" y="827098"/>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188" name="Oval 187"/>
              <p:cNvSpPr/>
              <p:nvPr/>
            </p:nvSpPr>
            <p:spPr>
              <a:xfrm>
                <a:off x="245779" y="895072"/>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grpSp>
        <p:grpSp>
          <p:nvGrpSpPr>
            <p:cNvPr id="161" name="Group 160"/>
            <p:cNvGrpSpPr/>
            <p:nvPr/>
          </p:nvGrpSpPr>
          <p:grpSpPr>
            <a:xfrm>
              <a:off x="570878" y="447409"/>
              <a:ext cx="45720" cy="426317"/>
              <a:chOff x="245779" y="446500"/>
              <a:chExt cx="45720" cy="426317"/>
            </a:xfrm>
          </p:grpSpPr>
          <p:sp>
            <p:nvSpPr>
              <p:cNvPr id="173" name="Oval 172"/>
              <p:cNvSpPr/>
              <p:nvPr/>
            </p:nvSpPr>
            <p:spPr>
              <a:xfrm>
                <a:off x="245780" y="446500"/>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174" name="Oval 173"/>
              <p:cNvSpPr/>
              <p:nvPr/>
            </p:nvSpPr>
            <p:spPr>
              <a:xfrm>
                <a:off x="245780" y="509933"/>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175" name="Oval 174"/>
              <p:cNvSpPr/>
              <p:nvPr/>
            </p:nvSpPr>
            <p:spPr>
              <a:xfrm>
                <a:off x="245780" y="573366"/>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176" name="Oval 175"/>
              <p:cNvSpPr/>
              <p:nvPr/>
            </p:nvSpPr>
            <p:spPr>
              <a:xfrm>
                <a:off x="245780" y="636799"/>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177" name="Oval 176"/>
              <p:cNvSpPr/>
              <p:nvPr/>
            </p:nvSpPr>
            <p:spPr>
              <a:xfrm>
                <a:off x="245780" y="700232"/>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178" name="Oval 177"/>
              <p:cNvSpPr/>
              <p:nvPr/>
            </p:nvSpPr>
            <p:spPr>
              <a:xfrm>
                <a:off x="245779" y="763665"/>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179" name="Oval 178"/>
              <p:cNvSpPr/>
              <p:nvPr/>
            </p:nvSpPr>
            <p:spPr>
              <a:xfrm>
                <a:off x="245779" y="827098"/>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grpSp>
        <p:grpSp>
          <p:nvGrpSpPr>
            <p:cNvPr id="162" name="Group 161"/>
            <p:cNvGrpSpPr/>
            <p:nvPr/>
          </p:nvGrpSpPr>
          <p:grpSpPr>
            <a:xfrm>
              <a:off x="651914" y="511426"/>
              <a:ext cx="45720" cy="299451"/>
              <a:chOff x="245779" y="509933"/>
              <a:chExt cx="45720" cy="299451"/>
            </a:xfrm>
          </p:grpSpPr>
          <p:sp>
            <p:nvSpPr>
              <p:cNvPr id="168" name="Oval 167"/>
              <p:cNvSpPr/>
              <p:nvPr/>
            </p:nvSpPr>
            <p:spPr>
              <a:xfrm>
                <a:off x="245780" y="509933"/>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169" name="Oval 168"/>
              <p:cNvSpPr/>
              <p:nvPr/>
            </p:nvSpPr>
            <p:spPr>
              <a:xfrm>
                <a:off x="245780" y="573366"/>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170" name="Oval 169"/>
              <p:cNvSpPr/>
              <p:nvPr/>
            </p:nvSpPr>
            <p:spPr>
              <a:xfrm>
                <a:off x="245780" y="636799"/>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171" name="Oval 170"/>
              <p:cNvSpPr/>
              <p:nvPr/>
            </p:nvSpPr>
            <p:spPr>
              <a:xfrm>
                <a:off x="245780" y="700232"/>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172" name="Oval 171"/>
              <p:cNvSpPr/>
              <p:nvPr/>
            </p:nvSpPr>
            <p:spPr>
              <a:xfrm>
                <a:off x="245779" y="763665"/>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grpSp>
        <p:grpSp>
          <p:nvGrpSpPr>
            <p:cNvPr id="163" name="Group 162"/>
            <p:cNvGrpSpPr/>
            <p:nvPr/>
          </p:nvGrpSpPr>
          <p:grpSpPr>
            <a:xfrm>
              <a:off x="730401" y="573366"/>
              <a:ext cx="45719" cy="172585"/>
              <a:chOff x="245780" y="573366"/>
              <a:chExt cx="45719" cy="172585"/>
            </a:xfrm>
          </p:grpSpPr>
          <p:sp>
            <p:nvSpPr>
              <p:cNvPr id="165" name="Oval 164"/>
              <p:cNvSpPr/>
              <p:nvPr/>
            </p:nvSpPr>
            <p:spPr>
              <a:xfrm>
                <a:off x="245780" y="573366"/>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166" name="Oval 165"/>
              <p:cNvSpPr/>
              <p:nvPr/>
            </p:nvSpPr>
            <p:spPr>
              <a:xfrm>
                <a:off x="245780" y="636799"/>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167" name="Oval 166"/>
              <p:cNvSpPr/>
              <p:nvPr/>
            </p:nvSpPr>
            <p:spPr>
              <a:xfrm>
                <a:off x="245780" y="700232"/>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grpSp>
        <p:sp>
          <p:nvSpPr>
            <p:cNvPr id="164" name="Oval 163"/>
            <p:cNvSpPr/>
            <p:nvPr/>
          </p:nvSpPr>
          <p:spPr>
            <a:xfrm>
              <a:off x="795872" y="634655"/>
              <a:ext cx="45719" cy="45719"/>
            </a:xfrm>
            <a:prstGeom prst="ellipse">
              <a:avLst/>
            </a:prstGeom>
            <a:solidFill>
              <a:srgbClr val="FEC54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grpSp>
      <p:grpSp>
        <p:nvGrpSpPr>
          <p:cNvPr id="228" name="Group 227"/>
          <p:cNvGrpSpPr/>
          <p:nvPr/>
        </p:nvGrpSpPr>
        <p:grpSpPr>
          <a:xfrm>
            <a:off x="1607250" y="1146145"/>
            <a:ext cx="620517" cy="969593"/>
            <a:chOff x="236681" y="190294"/>
            <a:chExt cx="604910" cy="945208"/>
          </a:xfrm>
          <a:solidFill>
            <a:srgbClr val="21345D"/>
          </a:solidFill>
        </p:grpSpPr>
        <p:grpSp>
          <p:nvGrpSpPr>
            <p:cNvPr id="229" name="Group 228"/>
            <p:cNvGrpSpPr/>
            <p:nvPr/>
          </p:nvGrpSpPr>
          <p:grpSpPr>
            <a:xfrm>
              <a:off x="236681" y="190294"/>
              <a:ext cx="56726" cy="945208"/>
              <a:chOff x="236681" y="190294"/>
              <a:chExt cx="56726" cy="945208"/>
            </a:xfrm>
            <a:grpFill/>
          </p:grpSpPr>
          <p:sp>
            <p:nvSpPr>
              <p:cNvPr id="285" name="Oval 284"/>
              <p:cNvSpPr/>
              <p:nvPr/>
            </p:nvSpPr>
            <p:spPr>
              <a:xfrm>
                <a:off x="236681" y="190294"/>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86" name="Oval 285"/>
              <p:cNvSpPr/>
              <p:nvPr/>
            </p:nvSpPr>
            <p:spPr>
              <a:xfrm>
                <a:off x="238329" y="253727"/>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87" name="Oval 286"/>
              <p:cNvSpPr/>
              <p:nvPr/>
            </p:nvSpPr>
            <p:spPr>
              <a:xfrm>
                <a:off x="237506" y="319634"/>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88" name="Oval 287"/>
              <p:cNvSpPr/>
              <p:nvPr/>
            </p:nvSpPr>
            <p:spPr>
              <a:xfrm>
                <a:off x="241954" y="383067"/>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89" name="Oval 288"/>
              <p:cNvSpPr/>
              <p:nvPr/>
            </p:nvSpPr>
            <p:spPr>
              <a:xfrm>
                <a:off x="245780" y="446500"/>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90" name="Oval 289"/>
              <p:cNvSpPr/>
              <p:nvPr/>
            </p:nvSpPr>
            <p:spPr>
              <a:xfrm>
                <a:off x="245780" y="509933"/>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91" name="Oval 290"/>
              <p:cNvSpPr/>
              <p:nvPr/>
            </p:nvSpPr>
            <p:spPr>
              <a:xfrm>
                <a:off x="245780" y="573366"/>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92" name="Oval 291"/>
              <p:cNvSpPr/>
              <p:nvPr/>
            </p:nvSpPr>
            <p:spPr>
              <a:xfrm>
                <a:off x="245780" y="636799"/>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93" name="Oval 292"/>
              <p:cNvSpPr/>
              <p:nvPr/>
            </p:nvSpPr>
            <p:spPr>
              <a:xfrm>
                <a:off x="245780" y="700232"/>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94" name="Oval 293"/>
              <p:cNvSpPr/>
              <p:nvPr/>
            </p:nvSpPr>
            <p:spPr>
              <a:xfrm>
                <a:off x="245779" y="763665"/>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95" name="Oval 294"/>
              <p:cNvSpPr/>
              <p:nvPr/>
            </p:nvSpPr>
            <p:spPr>
              <a:xfrm>
                <a:off x="245779" y="827098"/>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96" name="Oval 295"/>
              <p:cNvSpPr/>
              <p:nvPr/>
            </p:nvSpPr>
            <p:spPr>
              <a:xfrm>
                <a:off x="245779" y="895072"/>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97" name="Oval 296"/>
              <p:cNvSpPr/>
              <p:nvPr/>
            </p:nvSpPr>
            <p:spPr>
              <a:xfrm>
                <a:off x="247688" y="963046"/>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98" name="Oval 297"/>
              <p:cNvSpPr/>
              <p:nvPr/>
            </p:nvSpPr>
            <p:spPr>
              <a:xfrm>
                <a:off x="245779" y="1026479"/>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99" name="Oval 298"/>
              <p:cNvSpPr/>
              <p:nvPr/>
            </p:nvSpPr>
            <p:spPr>
              <a:xfrm>
                <a:off x="247688" y="1089783"/>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grpSp>
        <p:grpSp>
          <p:nvGrpSpPr>
            <p:cNvPr id="230" name="Group 229"/>
            <p:cNvGrpSpPr/>
            <p:nvPr/>
          </p:nvGrpSpPr>
          <p:grpSpPr>
            <a:xfrm>
              <a:off x="320165" y="258896"/>
              <a:ext cx="55901" cy="818471"/>
              <a:chOff x="237506" y="253727"/>
              <a:chExt cx="55901" cy="818471"/>
            </a:xfrm>
            <a:grpFill/>
          </p:grpSpPr>
          <p:sp>
            <p:nvSpPr>
              <p:cNvPr id="272" name="Oval 271"/>
              <p:cNvSpPr/>
              <p:nvPr/>
            </p:nvSpPr>
            <p:spPr>
              <a:xfrm>
                <a:off x="238329" y="253727"/>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73" name="Oval 272"/>
              <p:cNvSpPr/>
              <p:nvPr/>
            </p:nvSpPr>
            <p:spPr>
              <a:xfrm>
                <a:off x="237506" y="319634"/>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74" name="Oval 273"/>
              <p:cNvSpPr/>
              <p:nvPr/>
            </p:nvSpPr>
            <p:spPr>
              <a:xfrm>
                <a:off x="241954" y="383067"/>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75" name="Oval 274"/>
              <p:cNvSpPr/>
              <p:nvPr/>
            </p:nvSpPr>
            <p:spPr>
              <a:xfrm>
                <a:off x="245780" y="446500"/>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76" name="Oval 275"/>
              <p:cNvSpPr/>
              <p:nvPr/>
            </p:nvSpPr>
            <p:spPr>
              <a:xfrm>
                <a:off x="245780" y="509933"/>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77" name="Oval 276"/>
              <p:cNvSpPr/>
              <p:nvPr/>
            </p:nvSpPr>
            <p:spPr>
              <a:xfrm>
                <a:off x="245780" y="573366"/>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78" name="Oval 277"/>
              <p:cNvSpPr/>
              <p:nvPr/>
            </p:nvSpPr>
            <p:spPr>
              <a:xfrm>
                <a:off x="245780" y="636799"/>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79" name="Oval 278"/>
              <p:cNvSpPr/>
              <p:nvPr/>
            </p:nvSpPr>
            <p:spPr>
              <a:xfrm>
                <a:off x="245780" y="700232"/>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80" name="Oval 279"/>
              <p:cNvSpPr/>
              <p:nvPr/>
            </p:nvSpPr>
            <p:spPr>
              <a:xfrm>
                <a:off x="245779" y="763665"/>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81" name="Oval 280"/>
              <p:cNvSpPr/>
              <p:nvPr/>
            </p:nvSpPr>
            <p:spPr>
              <a:xfrm>
                <a:off x="245779" y="827098"/>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82" name="Oval 281"/>
              <p:cNvSpPr/>
              <p:nvPr/>
            </p:nvSpPr>
            <p:spPr>
              <a:xfrm>
                <a:off x="245779" y="895072"/>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83" name="Oval 282"/>
              <p:cNvSpPr/>
              <p:nvPr/>
            </p:nvSpPr>
            <p:spPr>
              <a:xfrm>
                <a:off x="247688" y="963046"/>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84" name="Oval 283"/>
              <p:cNvSpPr/>
              <p:nvPr/>
            </p:nvSpPr>
            <p:spPr>
              <a:xfrm>
                <a:off x="245779" y="1026479"/>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grpSp>
        <p:grpSp>
          <p:nvGrpSpPr>
            <p:cNvPr id="231" name="Group 230"/>
            <p:cNvGrpSpPr/>
            <p:nvPr/>
          </p:nvGrpSpPr>
          <p:grpSpPr>
            <a:xfrm>
              <a:off x="402824" y="323783"/>
              <a:ext cx="55901" cy="689131"/>
              <a:chOff x="237506" y="319634"/>
              <a:chExt cx="55901" cy="689131"/>
            </a:xfrm>
            <a:grpFill/>
          </p:grpSpPr>
          <p:sp>
            <p:nvSpPr>
              <p:cNvPr id="261" name="Oval 260"/>
              <p:cNvSpPr/>
              <p:nvPr/>
            </p:nvSpPr>
            <p:spPr>
              <a:xfrm>
                <a:off x="237506" y="319634"/>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62" name="Oval 261"/>
              <p:cNvSpPr/>
              <p:nvPr/>
            </p:nvSpPr>
            <p:spPr>
              <a:xfrm>
                <a:off x="241954" y="383067"/>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63" name="Oval 262"/>
              <p:cNvSpPr/>
              <p:nvPr/>
            </p:nvSpPr>
            <p:spPr>
              <a:xfrm>
                <a:off x="245780" y="446500"/>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64" name="Oval 263"/>
              <p:cNvSpPr/>
              <p:nvPr/>
            </p:nvSpPr>
            <p:spPr>
              <a:xfrm>
                <a:off x="245780" y="509933"/>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65" name="Oval 264"/>
              <p:cNvSpPr/>
              <p:nvPr/>
            </p:nvSpPr>
            <p:spPr>
              <a:xfrm>
                <a:off x="245780" y="573366"/>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66" name="Oval 265"/>
              <p:cNvSpPr/>
              <p:nvPr/>
            </p:nvSpPr>
            <p:spPr>
              <a:xfrm>
                <a:off x="245780" y="636799"/>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67" name="Oval 266"/>
              <p:cNvSpPr/>
              <p:nvPr/>
            </p:nvSpPr>
            <p:spPr>
              <a:xfrm>
                <a:off x="245780" y="700232"/>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68" name="Oval 267"/>
              <p:cNvSpPr/>
              <p:nvPr/>
            </p:nvSpPr>
            <p:spPr>
              <a:xfrm>
                <a:off x="245779" y="763665"/>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69" name="Oval 268"/>
              <p:cNvSpPr/>
              <p:nvPr/>
            </p:nvSpPr>
            <p:spPr>
              <a:xfrm>
                <a:off x="245779" y="827098"/>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70" name="Oval 269"/>
              <p:cNvSpPr/>
              <p:nvPr/>
            </p:nvSpPr>
            <p:spPr>
              <a:xfrm>
                <a:off x="245779" y="895072"/>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71" name="Oval 270"/>
              <p:cNvSpPr/>
              <p:nvPr/>
            </p:nvSpPr>
            <p:spPr>
              <a:xfrm>
                <a:off x="247688" y="963046"/>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grpSp>
        <p:grpSp>
          <p:nvGrpSpPr>
            <p:cNvPr id="232" name="Group 231"/>
            <p:cNvGrpSpPr/>
            <p:nvPr/>
          </p:nvGrpSpPr>
          <p:grpSpPr>
            <a:xfrm>
              <a:off x="484394" y="383067"/>
              <a:ext cx="49545" cy="557724"/>
              <a:chOff x="241954" y="383067"/>
              <a:chExt cx="49545" cy="557724"/>
            </a:xfrm>
            <a:grpFill/>
          </p:grpSpPr>
          <p:sp>
            <p:nvSpPr>
              <p:cNvPr id="252" name="Oval 251"/>
              <p:cNvSpPr/>
              <p:nvPr/>
            </p:nvSpPr>
            <p:spPr>
              <a:xfrm>
                <a:off x="241954" y="383067"/>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53" name="Oval 252"/>
              <p:cNvSpPr/>
              <p:nvPr/>
            </p:nvSpPr>
            <p:spPr>
              <a:xfrm>
                <a:off x="245780" y="446500"/>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54" name="Oval 253"/>
              <p:cNvSpPr/>
              <p:nvPr/>
            </p:nvSpPr>
            <p:spPr>
              <a:xfrm>
                <a:off x="245780" y="509933"/>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55" name="Oval 254"/>
              <p:cNvSpPr/>
              <p:nvPr/>
            </p:nvSpPr>
            <p:spPr>
              <a:xfrm>
                <a:off x="245780" y="573366"/>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56" name="Oval 255"/>
              <p:cNvSpPr/>
              <p:nvPr/>
            </p:nvSpPr>
            <p:spPr>
              <a:xfrm>
                <a:off x="245780" y="636799"/>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57" name="Oval 256"/>
              <p:cNvSpPr/>
              <p:nvPr/>
            </p:nvSpPr>
            <p:spPr>
              <a:xfrm>
                <a:off x="245780" y="700232"/>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58" name="Oval 257"/>
              <p:cNvSpPr/>
              <p:nvPr/>
            </p:nvSpPr>
            <p:spPr>
              <a:xfrm>
                <a:off x="245779" y="763665"/>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59" name="Oval 258"/>
              <p:cNvSpPr/>
              <p:nvPr/>
            </p:nvSpPr>
            <p:spPr>
              <a:xfrm>
                <a:off x="245779" y="827098"/>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60" name="Oval 259"/>
              <p:cNvSpPr/>
              <p:nvPr/>
            </p:nvSpPr>
            <p:spPr>
              <a:xfrm>
                <a:off x="245779" y="895072"/>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grpSp>
        <p:grpSp>
          <p:nvGrpSpPr>
            <p:cNvPr id="233" name="Group 232"/>
            <p:cNvGrpSpPr/>
            <p:nvPr/>
          </p:nvGrpSpPr>
          <p:grpSpPr>
            <a:xfrm>
              <a:off x="570878" y="447409"/>
              <a:ext cx="45720" cy="426317"/>
              <a:chOff x="245779" y="446500"/>
              <a:chExt cx="45720" cy="426317"/>
            </a:xfrm>
            <a:grpFill/>
          </p:grpSpPr>
          <p:sp>
            <p:nvSpPr>
              <p:cNvPr id="245" name="Oval 244"/>
              <p:cNvSpPr/>
              <p:nvPr/>
            </p:nvSpPr>
            <p:spPr>
              <a:xfrm>
                <a:off x="245780" y="446500"/>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46" name="Oval 245"/>
              <p:cNvSpPr/>
              <p:nvPr/>
            </p:nvSpPr>
            <p:spPr>
              <a:xfrm>
                <a:off x="245780" y="509933"/>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47" name="Oval 246"/>
              <p:cNvSpPr/>
              <p:nvPr/>
            </p:nvSpPr>
            <p:spPr>
              <a:xfrm>
                <a:off x="245780" y="573366"/>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48" name="Oval 247"/>
              <p:cNvSpPr/>
              <p:nvPr/>
            </p:nvSpPr>
            <p:spPr>
              <a:xfrm>
                <a:off x="245780" y="636799"/>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49" name="Oval 248"/>
              <p:cNvSpPr/>
              <p:nvPr/>
            </p:nvSpPr>
            <p:spPr>
              <a:xfrm>
                <a:off x="245780" y="700232"/>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50" name="Oval 249"/>
              <p:cNvSpPr/>
              <p:nvPr/>
            </p:nvSpPr>
            <p:spPr>
              <a:xfrm>
                <a:off x="245779" y="763665"/>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51" name="Oval 250"/>
              <p:cNvSpPr/>
              <p:nvPr/>
            </p:nvSpPr>
            <p:spPr>
              <a:xfrm>
                <a:off x="245779" y="827098"/>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grpSp>
        <p:grpSp>
          <p:nvGrpSpPr>
            <p:cNvPr id="234" name="Group 233"/>
            <p:cNvGrpSpPr/>
            <p:nvPr/>
          </p:nvGrpSpPr>
          <p:grpSpPr>
            <a:xfrm>
              <a:off x="651914" y="511426"/>
              <a:ext cx="45720" cy="299451"/>
              <a:chOff x="245779" y="509933"/>
              <a:chExt cx="45720" cy="299451"/>
            </a:xfrm>
            <a:grpFill/>
          </p:grpSpPr>
          <p:sp>
            <p:nvSpPr>
              <p:cNvPr id="240" name="Oval 239"/>
              <p:cNvSpPr/>
              <p:nvPr/>
            </p:nvSpPr>
            <p:spPr>
              <a:xfrm>
                <a:off x="245780" y="509933"/>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41" name="Oval 240"/>
              <p:cNvSpPr/>
              <p:nvPr/>
            </p:nvSpPr>
            <p:spPr>
              <a:xfrm>
                <a:off x="245780" y="573366"/>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42" name="Oval 241"/>
              <p:cNvSpPr/>
              <p:nvPr/>
            </p:nvSpPr>
            <p:spPr>
              <a:xfrm>
                <a:off x="245780" y="636799"/>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43" name="Oval 242"/>
              <p:cNvSpPr/>
              <p:nvPr/>
            </p:nvSpPr>
            <p:spPr>
              <a:xfrm>
                <a:off x="245780" y="700232"/>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44" name="Oval 243"/>
              <p:cNvSpPr/>
              <p:nvPr/>
            </p:nvSpPr>
            <p:spPr>
              <a:xfrm>
                <a:off x="245779" y="763665"/>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grpSp>
        <p:grpSp>
          <p:nvGrpSpPr>
            <p:cNvPr id="235" name="Group 234"/>
            <p:cNvGrpSpPr/>
            <p:nvPr/>
          </p:nvGrpSpPr>
          <p:grpSpPr>
            <a:xfrm>
              <a:off x="730401" y="573366"/>
              <a:ext cx="45719" cy="172585"/>
              <a:chOff x="245780" y="573366"/>
              <a:chExt cx="45719" cy="172585"/>
            </a:xfrm>
            <a:grpFill/>
          </p:grpSpPr>
          <p:sp>
            <p:nvSpPr>
              <p:cNvPr id="237" name="Oval 236"/>
              <p:cNvSpPr/>
              <p:nvPr/>
            </p:nvSpPr>
            <p:spPr>
              <a:xfrm>
                <a:off x="245780" y="573366"/>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38" name="Oval 237"/>
              <p:cNvSpPr/>
              <p:nvPr/>
            </p:nvSpPr>
            <p:spPr>
              <a:xfrm>
                <a:off x="245780" y="636799"/>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sp>
            <p:nvSpPr>
              <p:cNvPr id="239" name="Oval 238"/>
              <p:cNvSpPr/>
              <p:nvPr/>
            </p:nvSpPr>
            <p:spPr>
              <a:xfrm>
                <a:off x="245780" y="700232"/>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grpSp>
        <p:sp>
          <p:nvSpPr>
            <p:cNvPr id="236" name="Oval 235"/>
            <p:cNvSpPr/>
            <p:nvPr/>
          </p:nvSpPr>
          <p:spPr>
            <a:xfrm>
              <a:off x="795872" y="634655"/>
              <a:ext cx="45719" cy="45719"/>
            </a:xfrm>
            <a:prstGeom prst="ellipse">
              <a:avLst/>
            </a:prstGeom>
            <a:grp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PH" sz="3000"/>
            </a:p>
          </p:txBody>
        </p:sp>
      </p:grpSp>
      <p:sp>
        <p:nvSpPr>
          <p:cNvPr id="153" name="TextBox 152">
            <a:extLst>
              <a:ext uri="{FF2B5EF4-FFF2-40B4-BE49-F238E27FC236}">
                <a16:creationId xmlns:a16="http://schemas.microsoft.com/office/drawing/2014/main" id="{A388EE1C-A653-2F3A-1A79-617151FF209F}"/>
              </a:ext>
            </a:extLst>
          </p:cNvPr>
          <p:cNvSpPr txBox="1"/>
          <p:nvPr/>
        </p:nvSpPr>
        <p:spPr>
          <a:xfrm>
            <a:off x="5522" y="11053259"/>
            <a:ext cx="2363752" cy="400110"/>
          </a:xfrm>
          <a:prstGeom prst="rect">
            <a:avLst/>
          </a:prstGeom>
          <a:noFill/>
        </p:spPr>
        <p:txBody>
          <a:bodyPr wrap="square" rtlCol="0">
            <a:spAutoFit/>
          </a:bodyPr>
          <a:lstStyle/>
          <a:p>
            <a:pPr lvl="0" algn="l"/>
            <a:fld id="{7E38B56C-3F31-2D42-893E-2D1B4111380F}" type="slidenum">
              <a:rPr lang="en-US" sz="2000" b="1" smtClean="0">
                <a:solidFill>
                  <a:srgbClr val="21345D"/>
                </a:solidFill>
                <a:latin typeface="Arial" panose="020B0604020202090204" pitchFamily="34" charset="0"/>
                <a:cs typeface="Arial" panose="020B0604020202090204" pitchFamily="34" charset="0"/>
              </a:rPr>
              <a:t>‹#›</a:t>
            </a:fld>
            <a:endParaRPr lang="en-US" sz="2000" b="1" dirty="0">
              <a:solidFill>
                <a:srgbClr val="21345D"/>
              </a:solidFill>
              <a:latin typeface="Arial" panose="020B0604020202090204" pitchFamily="34" charset="0"/>
              <a:cs typeface="Arial" panose="020B0604020202090204" pitchFamily="34" charset="0"/>
            </a:endParaRPr>
          </a:p>
        </p:txBody>
      </p:sp>
    </p:spTree>
    <p:extLst>
      <p:ext uri="{BB962C8B-B14F-4D97-AF65-F5344CB8AC3E}">
        <p14:creationId xmlns:p14="http://schemas.microsoft.com/office/powerpoint/2010/main" val="3252006164"/>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p:cSld name="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3701137215"/>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userDrawn="1">
  <p:cSld name="1_Simple-layout-2">
    <p:spTree>
      <p:nvGrpSpPr>
        <p:cNvPr id="1" name=""/>
        <p:cNvGrpSpPr/>
        <p:nvPr/>
      </p:nvGrpSpPr>
      <p:grpSpPr>
        <a:xfrm>
          <a:off x="0" y="0"/>
          <a:ext cx="0" cy="0"/>
          <a:chOff x="0" y="0"/>
          <a:chExt cx="0" cy="0"/>
        </a:xfrm>
      </p:grpSpPr>
      <p:cxnSp>
        <p:nvCxnSpPr>
          <p:cNvPr id="3" name="Straight Connector 2"/>
          <p:cNvCxnSpPr/>
          <p:nvPr userDrawn="1"/>
        </p:nvCxnSpPr>
        <p:spPr>
          <a:xfrm flipV="1">
            <a:off x="1684986" y="2714046"/>
            <a:ext cx="16950689" cy="19215"/>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sp>
        <p:nvSpPr>
          <p:cNvPr id="5" name="Title 10"/>
          <p:cNvSpPr>
            <a:spLocks noGrp="1"/>
          </p:cNvSpPr>
          <p:nvPr>
            <p:ph type="title"/>
          </p:nvPr>
        </p:nvSpPr>
        <p:spPr>
          <a:xfrm>
            <a:off x="1540008" y="1680216"/>
            <a:ext cx="17526000" cy="1220258"/>
          </a:xfrm>
          <a:prstGeom prst="rect">
            <a:avLst/>
          </a:prstGeom>
        </p:spPr>
        <p:txBody>
          <a:bodyPr>
            <a:normAutofit/>
          </a:bodyPr>
          <a:lstStyle>
            <a:lvl1pPr>
              <a:defRPr sz="4800" b="1">
                <a:solidFill>
                  <a:srgbClr val="114B5F"/>
                </a:solidFill>
                <a:latin typeface="+mn-lt"/>
              </a:defRPr>
            </a:lvl1pPr>
          </a:lstStyle>
          <a:p>
            <a:r>
              <a:rPr lang="en-US" dirty="0"/>
              <a:t>Click to edit Master title style</a:t>
            </a:r>
            <a:endParaRPr lang="en-GB" dirty="0"/>
          </a:p>
        </p:txBody>
      </p:sp>
      <p:sp>
        <p:nvSpPr>
          <p:cNvPr id="6" name="Text Placeholder 14"/>
          <p:cNvSpPr>
            <a:spLocks noGrp="1"/>
          </p:cNvSpPr>
          <p:nvPr>
            <p:ph type="body" sz="quarter" idx="11"/>
          </p:nvPr>
        </p:nvSpPr>
        <p:spPr>
          <a:xfrm>
            <a:off x="1539272" y="3389586"/>
            <a:ext cx="17526000" cy="6850178"/>
          </a:xfrm>
          <a:prstGeom prst="rect">
            <a:avLst/>
          </a:prstGeom>
        </p:spPr>
        <p:txBody>
          <a:bodyPr/>
          <a:lstStyle>
            <a:lvl1pPr marL="342900" indent="-342900">
              <a:buClr>
                <a:srgbClr val="FF5050"/>
              </a:buClr>
              <a:buFont typeface="Wingdings" panose="05000000000000000000" pitchFamily="2" charset="2"/>
              <a:buChar char="§"/>
              <a:defRPr>
                <a:solidFill>
                  <a:srgbClr val="54565A"/>
                </a:solidFill>
              </a:defRPr>
            </a:lvl1pPr>
            <a:lvl2pPr marL="1028700" indent="-342900">
              <a:buClr>
                <a:srgbClr val="FF5050"/>
              </a:buClr>
              <a:buFont typeface="Wingdings" panose="05000000000000000000" pitchFamily="2" charset="2"/>
              <a:buChar char="§"/>
              <a:defRPr>
                <a:solidFill>
                  <a:srgbClr val="54565A"/>
                </a:solidFill>
              </a:defRPr>
            </a:lvl2pPr>
            <a:lvl3pPr marL="1714500" indent="-342900">
              <a:buClr>
                <a:srgbClr val="FF5050"/>
              </a:buClr>
              <a:buFont typeface="Wingdings" panose="05000000000000000000" pitchFamily="2" charset="2"/>
              <a:buChar char="§"/>
              <a:defRPr>
                <a:solidFill>
                  <a:srgbClr val="54565A"/>
                </a:solidFill>
              </a:defRPr>
            </a:lvl3pPr>
            <a:lvl4pPr marL="2400300" indent="-342900">
              <a:buClr>
                <a:srgbClr val="FF5050"/>
              </a:buClr>
              <a:buFont typeface="Wingdings" panose="05000000000000000000" pitchFamily="2" charset="2"/>
              <a:buChar char="§"/>
              <a:defRPr>
                <a:solidFill>
                  <a:srgbClr val="54565A"/>
                </a:solidFill>
              </a:defRPr>
            </a:lvl4pPr>
            <a:lvl5pPr marL="3086100" indent="-342900">
              <a:buClr>
                <a:srgbClr val="FF5050"/>
              </a:buClr>
              <a:buFont typeface="Wingdings" panose="05000000000000000000" pitchFamily="2" charset="2"/>
              <a:buChar char="§"/>
              <a:defRPr>
                <a:solidFill>
                  <a:srgbClr val="54565A"/>
                </a:solidFill>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pic>
        <p:nvPicPr>
          <p:cNvPr id="4" name="Picture 3" descr="Low angle view of a building&#10;&#10;Description automatically generated">
            <a:extLst>
              <a:ext uri="{FF2B5EF4-FFF2-40B4-BE49-F238E27FC236}">
                <a16:creationId xmlns:a16="http://schemas.microsoft.com/office/drawing/2014/main" id="{14F5DE5A-DBD2-2163-90BF-0DA3585F678E}"/>
              </a:ext>
            </a:extLst>
          </p:cNvPr>
          <p:cNvPicPr>
            <a:picLocks noChangeAspect="1"/>
          </p:cNvPicPr>
          <p:nvPr userDrawn="1"/>
        </p:nvPicPr>
        <p:blipFill rotWithShape="1">
          <a:blip r:embed="rId2" cstate="email">
            <a:extLst>
              <a:ext uri="{28A0092B-C50C-407E-A947-70E740481C1C}">
                <a14:useLocalDpi xmlns:a14="http://schemas.microsoft.com/office/drawing/2010/main" val="0"/>
              </a:ext>
            </a:extLst>
          </a:blip>
          <a:srcRect t="15642"/>
          <a:stretch/>
        </p:blipFill>
        <p:spPr>
          <a:xfrm>
            <a:off x="0" y="0"/>
            <a:ext cx="20320000" cy="11430000"/>
          </a:xfrm>
          <a:prstGeom prst="rect">
            <a:avLst/>
          </a:prstGeom>
        </p:spPr>
      </p:pic>
      <p:sp>
        <p:nvSpPr>
          <p:cNvPr id="7" name="Rectangle 6">
            <a:extLst>
              <a:ext uri="{FF2B5EF4-FFF2-40B4-BE49-F238E27FC236}">
                <a16:creationId xmlns:a16="http://schemas.microsoft.com/office/drawing/2014/main" id="{A77BCA3A-A275-A002-2A10-DBE4DFCC7033}"/>
              </a:ext>
            </a:extLst>
          </p:cNvPr>
          <p:cNvSpPr/>
          <p:nvPr userDrawn="1"/>
        </p:nvSpPr>
        <p:spPr>
          <a:xfrm>
            <a:off x="33811" y="0"/>
            <a:ext cx="20320000" cy="11449049"/>
          </a:xfrm>
          <a:prstGeom prst="rect">
            <a:avLst/>
          </a:prstGeom>
          <a:gradFill flip="none" rotWithShape="1">
            <a:gsLst>
              <a:gs pos="7000">
                <a:srgbClr val="114B5F"/>
              </a:gs>
              <a:gs pos="100000">
                <a:srgbClr val="F76C6C">
                  <a:alpha val="32000"/>
                </a:srgb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822919" eaLnBrk="1" fontAlgn="auto" hangingPunct="1">
              <a:spcBef>
                <a:spcPts val="0"/>
              </a:spcBef>
              <a:spcAft>
                <a:spcPts val="0"/>
              </a:spcAft>
              <a:defRPr/>
            </a:pPr>
            <a:endParaRPr lang="en-GB" sz="1620"/>
          </a:p>
        </p:txBody>
      </p:sp>
      <p:sp>
        <p:nvSpPr>
          <p:cNvPr id="8" name="Rectangle 7">
            <a:extLst>
              <a:ext uri="{FF2B5EF4-FFF2-40B4-BE49-F238E27FC236}">
                <a16:creationId xmlns:a16="http://schemas.microsoft.com/office/drawing/2014/main" id="{713DD009-CE5E-6700-E9E2-252C1D8B47EA}"/>
              </a:ext>
            </a:extLst>
          </p:cNvPr>
          <p:cNvSpPr/>
          <p:nvPr userDrawn="1"/>
        </p:nvSpPr>
        <p:spPr>
          <a:xfrm>
            <a:off x="0" y="0"/>
            <a:ext cx="20566743" cy="11567887"/>
          </a:xfrm>
          <a:prstGeom prst="rect">
            <a:avLst/>
          </a:prstGeom>
          <a:gradFill flip="none" rotWithShape="1">
            <a:gsLst>
              <a:gs pos="21000">
                <a:srgbClr val="114B5F">
                  <a:alpha val="74000"/>
                </a:srgbClr>
              </a:gs>
              <a:gs pos="100000">
                <a:srgbClr val="F76C6C">
                  <a:alpha val="32000"/>
                </a:srgb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822919" eaLnBrk="1" fontAlgn="auto" hangingPunct="1">
              <a:spcBef>
                <a:spcPts val="0"/>
              </a:spcBef>
              <a:spcAft>
                <a:spcPts val="0"/>
              </a:spcAft>
              <a:defRPr/>
            </a:pPr>
            <a:endParaRPr lang="en-GB" sz="1620"/>
          </a:p>
        </p:txBody>
      </p:sp>
    </p:spTree>
    <p:extLst>
      <p:ext uri="{BB962C8B-B14F-4D97-AF65-F5344CB8AC3E}">
        <p14:creationId xmlns:p14="http://schemas.microsoft.com/office/powerpoint/2010/main" val="1888434536"/>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cSld name="Title and Content">
    <p:bg>
      <p:bgPr>
        <a:solidFill>
          <a:schemeClr val="accent3"/>
        </a:solidFill>
        <a:effectLst/>
      </p:bgPr>
    </p:bg>
    <p:spTree>
      <p:nvGrpSpPr>
        <p:cNvPr id="1" name=""/>
        <p:cNvGrpSpPr/>
        <p:nvPr/>
      </p:nvGrpSpPr>
      <p:grpSpPr>
        <a:xfrm>
          <a:off x="0" y="0"/>
          <a:ext cx="0" cy="0"/>
          <a:chOff x="0" y="0"/>
          <a:chExt cx="0" cy="0"/>
        </a:xfrm>
      </p:grpSpPr>
      <p:sp>
        <p:nvSpPr>
          <p:cNvPr id="7" name="Title Placeholder 1"/>
          <p:cNvSpPr>
            <a:spLocks noGrp="1"/>
          </p:cNvSpPr>
          <p:nvPr>
            <p:ph type="title"/>
          </p:nvPr>
        </p:nvSpPr>
        <p:spPr>
          <a:xfrm>
            <a:off x="0" y="4610100"/>
            <a:ext cx="20320000" cy="2209800"/>
          </a:xfrm>
          <a:prstGeom prst="rect">
            <a:avLst/>
          </a:prstGeom>
        </p:spPr>
        <p:txBody>
          <a:bodyPr vert="horz" lIns="91440" tIns="45720" rIns="91440" bIns="45720" rtlCol="0" anchor="ctr">
            <a:normAutofit/>
          </a:bodyPr>
          <a:lstStyle>
            <a:lvl1pPr>
              <a:defRPr>
                <a:solidFill>
                  <a:schemeClr val="bg1"/>
                </a:solidFill>
              </a:defRPr>
            </a:lvl1pPr>
          </a:lstStyle>
          <a:p>
            <a:r>
              <a:rPr lang="en-US"/>
              <a:t>Click to edit Master title style</a:t>
            </a:r>
            <a:endParaRPr lang="en-GB" dirty="0"/>
          </a:p>
        </p:txBody>
      </p:sp>
    </p:spTree>
    <p:extLst>
      <p:ext uri="{BB962C8B-B14F-4D97-AF65-F5344CB8AC3E}">
        <p14:creationId xmlns:p14="http://schemas.microsoft.com/office/powerpoint/2010/main" val="4193970138"/>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Title Slide">
    <p:bg>
      <p:bgPr>
        <a:solidFill>
          <a:schemeClr val="accent5"/>
        </a:solidFill>
        <a:effectLst/>
      </p:bgPr>
    </p:bg>
    <p:spTree>
      <p:nvGrpSpPr>
        <p:cNvPr id="1" name=""/>
        <p:cNvGrpSpPr/>
        <p:nvPr/>
      </p:nvGrpSpPr>
      <p:grpSpPr>
        <a:xfrm>
          <a:off x="0" y="0"/>
          <a:ext cx="0" cy="0"/>
          <a:chOff x="0" y="0"/>
          <a:chExt cx="0" cy="0"/>
        </a:xfrm>
      </p:grpSpPr>
      <p:cxnSp>
        <p:nvCxnSpPr>
          <p:cNvPr id="21" name="Straight Connector 20"/>
          <p:cNvCxnSpPr/>
          <p:nvPr userDrawn="1"/>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sp>
        <p:nvSpPr>
          <p:cNvPr id="35" name="Title 4"/>
          <p:cNvSpPr>
            <a:spLocks noGrp="1"/>
          </p:cNvSpPr>
          <p:nvPr>
            <p:ph type="title"/>
          </p:nvPr>
        </p:nvSpPr>
        <p:spPr>
          <a:xfrm>
            <a:off x="842674" y="794960"/>
            <a:ext cx="10961399" cy="984304"/>
          </a:xfrm>
          <a:prstGeom prst="rect">
            <a:avLst/>
          </a:prstGeom>
        </p:spPr>
        <p:txBody>
          <a:bodyPr anchor="t" anchorCtr="0"/>
          <a:lstStyle>
            <a:lvl1pPr>
              <a:defRPr sz="4800">
                <a:solidFill>
                  <a:schemeClr val="bg1"/>
                </a:solidFill>
              </a:defRPr>
            </a:lvl1pPr>
          </a:lstStyle>
          <a:p>
            <a:r>
              <a:rPr lang="en-US"/>
              <a:t>Click to edit Master title style</a:t>
            </a:r>
            <a:endParaRPr lang="en-GB"/>
          </a:p>
        </p:txBody>
      </p:sp>
    </p:spTree>
    <p:extLst>
      <p:ext uri="{BB962C8B-B14F-4D97-AF65-F5344CB8AC3E}">
        <p14:creationId xmlns:p14="http://schemas.microsoft.com/office/powerpoint/2010/main" val="2332175777"/>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2_Title Slide">
    <p:bg>
      <p:bgPr>
        <a:solidFill>
          <a:schemeClr val="bg1"/>
        </a:solid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795342964"/>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cxnSp>
        <p:nvCxnSpPr>
          <p:cNvPr id="7" name="Straight Connector 6"/>
          <p:cNvCxnSpPr/>
          <p:nvPr userDrawn="1"/>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sp>
        <p:nvSpPr>
          <p:cNvPr id="54" name="Text Placeholder 24"/>
          <p:cNvSpPr>
            <a:spLocks noGrp="1"/>
          </p:cNvSpPr>
          <p:nvPr>
            <p:ph type="body" sz="quarter" idx="10"/>
          </p:nvPr>
        </p:nvSpPr>
        <p:spPr>
          <a:xfrm>
            <a:off x="8360934" y="3069803"/>
            <a:ext cx="6035357" cy="696277"/>
          </a:xfrm>
        </p:spPr>
        <p:txBody>
          <a:bodyPr>
            <a:noAutofit/>
          </a:bodyPr>
          <a:lstStyle>
            <a:lvl1pPr marL="0" indent="0">
              <a:buFontTx/>
              <a:buNone/>
              <a:defRPr sz="3200" b="1">
                <a:solidFill>
                  <a:schemeClr val="bg2"/>
                </a:solidFill>
              </a:defRPr>
            </a:lvl1pPr>
          </a:lstStyle>
          <a:p>
            <a:pPr lvl="0"/>
            <a:r>
              <a:rPr lang="en-US"/>
              <a:t>Edit Master text</a:t>
            </a:r>
            <a:endParaRPr lang="en-GB"/>
          </a:p>
        </p:txBody>
      </p:sp>
      <p:sp>
        <p:nvSpPr>
          <p:cNvPr id="55" name="Text Placeholder 26"/>
          <p:cNvSpPr>
            <a:spLocks noGrp="1"/>
          </p:cNvSpPr>
          <p:nvPr>
            <p:ph type="body" sz="quarter" idx="11"/>
          </p:nvPr>
        </p:nvSpPr>
        <p:spPr>
          <a:xfrm>
            <a:off x="8360935" y="3867601"/>
            <a:ext cx="6035357" cy="2811463"/>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tx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a:t>Edit Master text styles</a:t>
            </a:r>
          </a:p>
        </p:txBody>
      </p:sp>
      <p:sp>
        <p:nvSpPr>
          <p:cNvPr id="56" name="Rectangle 55"/>
          <p:cNvSpPr/>
          <p:nvPr userDrawn="1"/>
        </p:nvSpPr>
        <p:spPr>
          <a:xfrm>
            <a:off x="8153047" y="2823722"/>
            <a:ext cx="6480000" cy="3420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57" name="Text Placeholder 24"/>
          <p:cNvSpPr>
            <a:spLocks noGrp="1"/>
          </p:cNvSpPr>
          <p:nvPr>
            <p:ph type="body" sz="quarter" idx="12"/>
          </p:nvPr>
        </p:nvSpPr>
        <p:spPr>
          <a:xfrm>
            <a:off x="8360934" y="6833887"/>
            <a:ext cx="6035357" cy="696277"/>
          </a:xfrm>
        </p:spPr>
        <p:txBody>
          <a:bodyPr>
            <a:noAutofit/>
          </a:bodyPr>
          <a:lstStyle>
            <a:lvl1pPr marL="0" indent="0">
              <a:buFontTx/>
              <a:buNone/>
              <a:defRPr sz="3200" b="1">
                <a:solidFill>
                  <a:schemeClr val="bg2"/>
                </a:solidFill>
              </a:defRPr>
            </a:lvl1pPr>
          </a:lstStyle>
          <a:p>
            <a:pPr lvl="0"/>
            <a:r>
              <a:rPr lang="en-US"/>
              <a:t>Edit Master text</a:t>
            </a:r>
            <a:endParaRPr lang="en-GB"/>
          </a:p>
        </p:txBody>
      </p:sp>
      <p:sp>
        <p:nvSpPr>
          <p:cNvPr id="58" name="Text Placeholder 26"/>
          <p:cNvSpPr>
            <a:spLocks noGrp="1"/>
          </p:cNvSpPr>
          <p:nvPr>
            <p:ph type="body" sz="quarter" idx="13"/>
          </p:nvPr>
        </p:nvSpPr>
        <p:spPr>
          <a:xfrm>
            <a:off x="8360935" y="7631685"/>
            <a:ext cx="6035357" cy="2811463"/>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tx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a:t>Edit Master text styles</a:t>
            </a:r>
          </a:p>
        </p:txBody>
      </p:sp>
      <p:sp>
        <p:nvSpPr>
          <p:cNvPr id="59" name="Rectangle 58"/>
          <p:cNvSpPr/>
          <p:nvPr userDrawn="1"/>
        </p:nvSpPr>
        <p:spPr>
          <a:xfrm>
            <a:off x="8153047" y="6587806"/>
            <a:ext cx="6480000" cy="3420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60" name="Text Placeholder 24"/>
          <p:cNvSpPr>
            <a:spLocks noGrp="1"/>
          </p:cNvSpPr>
          <p:nvPr>
            <p:ph type="body" sz="quarter" idx="14"/>
          </p:nvPr>
        </p:nvSpPr>
        <p:spPr>
          <a:xfrm>
            <a:off x="1183713" y="6833887"/>
            <a:ext cx="6035357" cy="696277"/>
          </a:xfrm>
        </p:spPr>
        <p:txBody>
          <a:bodyPr>
            <a:noAutofit/>
          </a:bodyPr>
          <a:lstStyle>
            <a:lvl1pPr marL="0" indent="0">
              <a:buFontTx/>
              <a:buNone/>
              <a:defRPr sz="3200" b="1">
                <a:solidFill>
                  <a:schemeClr val="bg2"/>
                </a:solidFill>
              </a:defRPr>
            </a:lvl1pPr>
          </a:lstStyle>
          <a:p>
            <a:pPr lvl="0"/>
            <a:r>
              <a:rPr lang="en-US"/>
              <a:t>Edit Master text</a:t>
            </a:r>
            <a:endParaRPr lang="en-GB"/>
          </a:p>
        </p:txBody>
      </p:sp>
      <p:sp>
        <p:nvSpPr>
          <p:cNvPr id="61" name="Text Placeholder 26"/>
          <p:cNvSpPr>
            <a:spLocks noGrp="1"/>
          </p:cNvSpPr>
          <p:nvPr>
            <p:ph type="body" sz="quarter" idx="15"/>
          </p:nvPr>
        </p:nvSpPr>
        <p:spPr>
          <a:xfrm>
            <a:off x="1183714" y="7631685"/>
            <a:ext cx="6035357" cy="2811463"/>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tx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a:t>Edit Master text styles</a:t>
            </a:r>
          </a:p>
        </p:txBody>
      </p:sp>
      <p:sp>
        <p:nvSpPr>
          <p:cNvPr id="62" name="Rectangle 61"/>
          <p:cNvSpPr/>
          <p:nvPr userDrawn="1"/>
        </p:nvSpPr>
        <p:spPr>
          <a:xfrm>
            <a:off x="975826" y="6587806"/>
            <a:ext cx="6480000" cy="3420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63" name="Text Placeholder 24"/>
          <p:cNvSpPr>
            <a:spLocks noGrp="1"/>
          </p:cNvSpPr>
          <p:nvPr>
            <p:ph type="body" sz="quarter" idx="16"/>
          </p:nvPr>
        </p:nvSpPr>
        <p:spPr>
          <a:xfrm>
            <a:off x="1183713" y="3051204"/>
            <a:ext cx="6035357" cy="696277"/>
          </a:xfrm>
        </p:spPr>
        <p:txBody>
          <a:bodyPr>
            <a:noAutofit/>
          </a:bodyPr>
          <a:lstStyle>
            <a:lvl1pPr marL="0" indent="0">
              <a:buFontTx/>
              <a:buNone/>
              <a:defRPr sz="3200" b="1">
                <a:solidFill>
                  <a:schemeClr val="bg2"/>
                </a:solidFill>
              </a:defRPr>
            </a:lvl1pPr>
          </a:lstStyle>
          <a:p>
            <a:pPr lvl="0"/>
            <a:r>
              <a:rPr lang="en-US"/>
              <a:t>Edit Master text</a:t>
            </a:r>
            <a:endParaRPr lang="en-GB"/>
          </a:p>
        </p:txBody>
      </p:sp>
      <p:sp>
        <p:nvSpPr>
          <p:cNvPr id="64" name="Text Placeholder 26"/>
          <p:cNvSpPr>
            <a:spLocks noGrp="1"/>
          </p:cNvSpPr>
          <p:nvPr>
            <p:ph type="body" sz="quarter" idx="17"/>
          </p:nvPr>
        </p:nvSpPr>
        <p:spPr>
          <a:xfrm>
            <a:off x="1183714" y="3849002"/>
            <a:ext cx="6035357" cy="2811463"/>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tx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a:t>Edit Master text styles</a:t>
            </a:r>
          </a:p>
        </p:txBody>
      </p:sp>
      <p:sp>
        <p:nvSpPr>
          <p:cNvPr id="65" name="Rectangle 64"/>
          <p:cNvSpPr/>
          <p:nvPr userDrawn="1"/>
        </p:nvSpPr>
        <p:spPr>
          <a:xfrm>
            <a:off x="975826" y="2805123"/>
            <a:ext cx="6480000" cy="3420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66" name="Text Placeholder 24"/>
          <p:cNvSpPr>
            <a:spLocks noGrp="1"/>
          </p:cNvSpPr>
          <p:nvPr>
            <p:ph type="body" sz="quarter" idx="18"/>
          </p:nvPr>
        </p:nvSpPr>
        <p:spPr>
          <a:xfrm>
            <a:off x="15538155" y="4570824"/>
            <a:ext cx="4022833" cy="696277"/>
          </a:xfrm>
        </p:spPr>
        <p:txBody>
          <a:bodyPr>
            <a:noAutofit/>
          </a:bodyPr>
          <a:lstStyle>
            <a:lvl1pPr marL="0" indent="0" algn="ctr">
              <a:buFontTx/>
              <a:buNone/>
              <a:defRPr sz="3200" b="0">
                <a:solidFill>
                  <a:schemeClr val="tx1"/>
                </a:solidFill>
              </a:defRPr>
            </a:lvl1pPr>
          </a:lstStyle>
          <a:p>
            <a:pPr lvl="0"/>
            <a:r>
              <a:rPr lang="en-US"/>
              <a:t>Edit Master text</a:t>
            </a:r>
            <a:endParaRPr lang="en-GB"/>
          </a:p>
        </p:txBody>
      </p:sp>
      <p:sp>
        <p:nvSpPr>
          <p:cNvPr id="67" name="Text Placeholder 24"/>
          <p:cNvSpPr>
            <a:spLocks noGrp="1"/>
          </p:cNvSpPr>
          <p:nvPr>
            <p:ph type="body" sz="quarter" idx="19" hasCustomPrompt="1"/>
          </p:nvPr>
        </p:nvSpPr>
        <p:spPr>
          <a:xfrm>
            <a:off x="15538155" y="3145133"/>
            <a:ext cx="4022833" cy="1380339"/>
          </a:xfrm>
        </p:spPr>
        <p:txBody>
          <a:bodyPr>
            <a:normAutofit/>
          </a:bodyPr>
          <a:lstStyle>
            <a:lvl1pPr marL="0" indent="0">
              <a:buFontTx/>
              <a:buNone/>
              <a:defRPr sz="9600" b="1">
                <a:solidFill>
                  <a:schemeClr val="bg2"/>
                </a:solidFill>
              </a:defRPr>
            </a:lvl1pPr>
          </a:lstStyle>
          <a:p>
            <a:pPr lvl="0"/>
            <a:r>
              <a:rPr lang="en-US"/>
              <a:t>£00000</a:t>
            </a:r>
            <a:endParaRPr lang="en-GB"/>
          </a:p>
        </p:txBody>
      </p:sp>
      <p:cxnSp>
        <p:nvCxnSpPr>
          <p:cNvPr id="68" name="Straight Connector 67"/>
          <p:cNvCxnSpPr/>
          <p:nvPr userDrawn="1"/>
        </p:nvCxnSpPr>
        <p:spPr>
          <a:xfrm>
            <a:off x="15538155" y="5285440"/>
            <a:ext cx="4022833" cy="0"/>
          </a:xfrm>
          <a:prstGeom prst="line">
            <a:avLst/>
          </a:prstGeom>
          <a:ln w="12700"/>
        </p:spPr>
        <p:style>
          <a:lnRef idx="1">
            <a:schemeClr val="accent1"/>
          </a:lnRef>
          <a:fillRef idx="0">
            <a:schemeClr val="accent1"/>
          </a:fillRef>
          <a:effectRef idx="0">
            <a:schemeClr val="accent1"/>
          </a:effectRef>
          <a:fontRef idx="minor">
            <a:schemeClr val="tx1"/>
          </a:fontRef>
        </p:style>
      </p:cxnSp>
      <p:cxnSp>
        <p:nvCxnSpPr>
          <p:cNvPr id="69" name="Straight Connector 68"/>
          <p:cNvCxnSpPr/>
          <p:nvPr userDrawn="1"/>
        </p:nvCxnSpPr>
        <p:spPr>
          <a:xfrm>
            <a:off x="15538155" y="2903020"/>
            <a:ext cx="4022833" cy="0"/>
          </a:xfrm>
          <a:prstGeom prst="line">
            <a:avLst/>
          </a:prstGeom>
          <a:ln w="12700"/>
        </p:spPr>
        <p:style>
          <a:lnRef idx="1">
            <a:schemeClr val="accent1"/>
          </a:lnRef>
          <a:fillRef idx="0">
            <a:schemeClr val="accent1"/>
          </a:fillRef>
          <a:effectRef idx="0">
            <a:schemeClr val="accent1"/>
          </a:effectRef>
          <a:fontRef idx="minor">
            <a:schemeClr val="tx1"/>
          </a:fontRef>
        </p:style>
      </p:cxnSp>
      <p:sp>
        <p:nvSpPr>
          <p:cNvPr id="70" name="Text Placeholder 24"/>
          <p:cNvSpPr>
            <a:spLocks noGrp="1"/>
          </p:cNvSpPr>
          <p:nvPr>
            <p:ph type="body" sz="quarter" idx="20"/>
          </p:nvPr>
        </p:nvSpPr>
        <p:spPr>
          <a:xfrm>
            <a:off x="15538155" y="6930156"/>
            <a:ext cx="4022833" cy="696277"/>
          </a:xfrm>
        </p:spPr>
        <p:txBody>
          <a:bodyPr>
            <a:noAutofit/>
          </a:bodyPr>
          <a:lstStyle>
            <a:lvl1pPr marL="0" indent="0" algn="ctr">
              <a:buFontTx/>
              <a:buNone/>
              <a:defRPr sz="3200" b="0">
                <a:solidFill>
                  <a:schemeClr val="tx1"/>
                </a:solidFill>
              </a:defRPr>
            </a:lvl1pPr>
          </a:lstStyle>
          <a:p>
            <a:pPr lvl="0"/>
            <a:r>
              <a:rPr lang="en-US"/>
              <a:t>Edit Master text</a:t>
            </a:r>
            <a:endParaRPr lang="en-GB"/>
          </a:p>
        </p:txBody>
      </p:sp>
      <p:sp>
        <p:nvSpPr>
          <p:cNvPr id="71" name="Text Placeholder 24"/>
          <p:cNvSpPr>
            <a:spLocks noGrp="1"/>
          </p:cNvSpPr>
          <p:nvPr>
            <p:ph type="body" sz="quarter" idx="21" hasCustomPrompt="1"/>
          </p:nvPr>
        </p:nvSpPr>
        <p:spPr>
          <a:xfrm>
            <a:off x="15538155" y="5504465"/>
            <a:ext cx="4022833" cy="1380339"/>
          </a:xfrm>
        </p:spPr>
        <p:txBody>
          <a:bodyPr>
            <a:normAutofit/>
          </a:bodyPr>
          <a:lstStyle>
            <a:lvl1pPr marL="0" indent="0">
              <a:buFontTx/>
              <a:buNone/>
              <a:defRPr sz="9600" b="1">
                <a:solidFill>
                  <a:schemeClr val="bg2"/>
                </a:solidFill>
              </a:defRPr>
            </a:lvl1pPr>
          </a:lstStyle>
          <a:p>
            <a:pPr lvl="0"/>
            <a:r>
              <a:rPr lang="en-US"/>
              <a:t>£00000</a:t>
            </a:r>
            <a:endParaRPr lang="en-GB"/>
          </a:p>
        </p:txBody>
      </p:sp>
      <p:cxnSp>
        <p:nvCxnSpPr>
          <p:cNvPr id="72" name="Straight Connector 71"/>
          <p:cNvCxnSpPr/>
          <p:nvPr userDrawn="1"/>
        </p:nvCxnSpPr>
        <p:spPr>
          <a:xfrm>
            <a:off x="15538155" y="7644772"/>
            <a:ext cx="4022833" cy="0"/>
          </a:xfrm>
          <a:prstGeom prst="line">
            <a:avLst/>
          </a:prstGeom>
          <a:ln w="12700"/>
        </p:spPr>
        <p:style>
          <a:lnRef idx="1">
            <a:schemeClr val="accent1"/>
          </a:lnRef>
          <a:fillRef idx="0">
            <a:schemeClr val="accent1"/>
          </a:fillRef>
          <a:effectRef idx="0">
            <a:schemeClr val="accent1"/>
          </a:effectRef>
          <a:fontRef idx="minor">
            <a:schemeClr val="tx1"/>
          </a:fontRef>
        </p:style>
      </p:cxnSp>
      <p:sp>
        <p:nvSpPr>
          <p:cNvPr id="73" name="Text Placeholder 24"/>
          <p:cNvSpPr>
            <a:spLocks noGrp="1"/>
          </p:cNvSpPr>
          <p:nvPr>
            <p:ph type="body" sz="quarter" idx="22"/>
          </p:nvPr>
        </p:nvSpPr>
        <p:spPr>
          <a:xfrm>
            <a:off x="15536153" y="9311529"/>
            <a:ext cx="4022833" cy="696277"/>
          </a:xfrm>
        </p:spPr>
        <p:txBody>
          <a:bodyPr>
            <a:noAutofit/>
          </a:bodyPr>
          <a:lstStyle>
            <a:lvl1pPr marL="0" indent="0" algn="ctr">
              <a:buFontTx/>
              <a:buNone/>
              <a:defRPr sz="3200" b="0">
                <a:solidFill>
                  <a:schemeClr val="tx1"/>
                </a:solidFill>
              </a:defRPr>
            </a:lvl1pPr>
          </a:lstStyle>
          <a:p>
            <a:pPr lvl="0"/>
            <a:r>
              <a:rPr lang="en-US"/>
              <a:t>Edit Master text</a:t>
            </a:r>
            <a:endParaRPr lang="en-GB"/>
          </a:p>
        </p:txBody>
      </p:sp>
      <p:sp>
        <p:nvSpPr>
          <p:cNvPr id="74" name="Text Placeholder 24"/>
          <p:cNvSpPr>
            <a:spLocks noGrp="1"/>
          </p:cNvSpPr>
          <p:nvPr>
            <p:ph type="body" sz="quarter" idx="23" hasCustomPrompt="1"/>
          </p:nvPr>
        </p:nvSpPr>
        <p:spPr>
          <a:xfrm>
            <a:off x="15536153" y="7885838"/>
            <a:ext cx="4022833" cy="1380339"/>
          </a:xfrm>
        </p:spPr>
        <p:txBody>
          <a:bodyPr>
            <a:normAutofit/>
          </a:bodyPr>
          <a:lstStyle>
            <a:lvl1pPr marL="0" indent="0">
              <a:buFontTx/>
              <a:buNone/>
              <a:defRPr sz="9600" b="1">
                <a:solidFill>
                  <a:schemeClr val="bg2"/>
                </a:solidFill>
              </a:defRPr>
            </a:lvl1pPr>
          </a:lstStyle>
          <a:p>
            <a:pPr lvl="0"/>
            <a:r>
              <a:rPr lang="en-US"/>
              <a:t>£00000</a:t>
            </a:r>
            <a:endParaRPr lang="en-GB"/>
          </a:p>
        </p:txBody>
      </p:sp>
      <p:cxnSp>
        <p:nvCxnSpPr>
          <p:cNvPr id="75" name="Straight Connector 74"/>
          <p:cNvCxnSpPr/>
          <p:nvPr userDrawn="1"/>
        </p:nvCxnSpPr>
        <p:spPr>
          <a:xfrm>
            <a:off x="15536153" y="10026145"/>
            <a:ext cx="4022833" cy="0"/>
          </a:xfrm>
          <a:prstGeom prst="line">
            <a:avLst/>
          </a:prstGeom>
          <a:ln w="12700"/>
        </p:spPr>
        <p:style>
          <a:lnRef idx="1">
            <a:schemeClr val="accent1"/>
          </a:lnRef>
          <a:fillRef idx="0">
            <a:schemeClr val="accent1"/>
          </a:fillRef>
          <a:effectRef idx="0">
            <a:schemeClr val="accent1"/>
          </a:effectRef>
          <a:fontRef idx="minor">
            <a:schemeClr val="tx1"/>
          </a:fontRef>
        </p:style>
      </p:cxnSp>
      <p:sp>
        <p:nvSpPr>
          <p:cNvPr id="27" name="Title 4"/>
          <p:cNvSpPr>
            <a:spLocks noGrp="1"/>
          </p:cNvSpPr>
          <p:nvPr>
            <p:ph type="title"/>
          </p:nvPr>
        </p:nvSpPr>
        <p:spPr>
          <a:xfrm>
            <a:off x="842674" y="794960"/>
            <a:ext cx="17793001" cy="984304"/>
          </a:xfrm>
          <a:prstGeom prst="rect">
            <a:avLst/>
          </a:prstGeom>
        </p:spPr>
        <p:txBody>
          <a:bodyPr anchor="t" anchorCtr="0"/>
          <a:lstStyle>
            <a:lvl1pPr>
              <a:defRPr sz="4800">
                <a:solidFill>
                  <a:srgbClr val="114B5F"/>
                </a:solidFill>
              </a:defRPr>
            </a:lvl1pPr>
          </a:lstStyle>
          <a:p>
            <a:r>
              <a:rPr lang="en-US"/>
              <a:t>Click to edit Master title style</a:t>
            </a:r>
            <a:endParaRPr lang="en-GB"/>
          </a:p>
        </p:txBody>
      </p:sp>
      <p:pic>
        <p:nvPicPr>
          <p:cNvPr id="32" name="Picture 31"/>
          <p:cNvPicPr>
            <a:picLocks noChangeAspect="1"/>
          </p:cNvPicPr>
          <p:nvPr userDrawn="1"/>
        </p:nvPicPr>
        <p:blipFill>
          <a:blip r:embed="rId2" cstate="email">
            <a:extLst>
              <a:ext uri="{28A0092B-C50C-407E-A947-70E740481C1C}">
                <a14:useLocalDpi xmlns:a14="http://schemas.microsoft.com/office/drawing/2010/main" val="0"/>
              </a:ext>
            </a:extLst>
          </a:blip>
          <a:stretch>
            <a:fillRect/>
          </a:stretch>
        </p:blipFill>
        <p:spPr>
          <a:xfrm>
            <a:off x="15153862" y="908091"/>
            <a:ext cx="4407126" cy="606456"/>
          </a:xfrm>
          <a:prstGeom prst="rect">
            <a:avLst/>
          </a:prstGeom>
        </p:spPr>
      </p:pic>
    </p:spTree>
    <p:extLst>
      <p:ext uri="{BB962C8B-B14F-4D97-AF65-F5344CB8AC3E}">
        <p14:creationId xmlns:p14="http://schemas.microsoft.com/office/powerpoint/2010/main" val="4238900147"/>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Title and Content">
    <p:bg>
      <p:bgPr>
        <a:solidFill>
          <a:schemeClr val="accent5"/>
        </a:solidFill>
        <a:effectLst/>
      </p:bgPr>
    </p:bg>
    <p:spTree>
      <p:nvGrpSpPr>
        <p:cNvPr id="1" name=""/>
        <p:cNvGrpSpPr/>
        <p:nvPr/>
      </p:nvGrpSpPr>
      <p:grpSpPr>
        <a:xfrm>
          <a:off x="0" y="0"/>
          <a:ext cx="0" cy="0"/>
          <a:chOff x="0" y="0"/>
          <a:chExt cx="0" cy="0"/>
        </a:xfrm>
      </p:grpSpPr>
      <p:cxnSp>
        <p:nvCxnSpPr>
          <p:cNvPr id="7" name="Straight Connector 6"/>
          <p:cNvCxnSpPr/>
          <p:nvPr userDrawn="1"/>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sp>
        <p:nvSpPr>
          <p:cNvPr id="19" name="Text Placeholder 18"/>
          <p:cNvSpPr>
            <a:spLocks noGrp="1"/>
          </p:cNvSpPr>
          <p:nvPr>
            <p:ph type="body" sz="quarter" idx="10"/>
          </p:nvPr>
        </p:nvSpPr>
        <p:spPr>
          <a:xfrm>
            <a:off x="842963" y="2125663"/>
            <a:ext cx="18718212" cy="1471821"/>
          </a:xfrm>
        </p:spPr>
        <p:txBody>
          <a:bodyPr>
            <a:noAutofit/>
          </a:bodyPr>
          <a:lstStyle>
            <a:lvl1pPr marL="0" indent="0">
              <a:buFontTx/>
              <a:buNone/>
              <a:defRPr sz="3200">
                <a:solidFill>
                  <a:schemeClr val="bg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Edit Master text styles</a:t>
            </a:r>
          </a:p>
        </p:txBody>
      </p:sp>
      <p:sp>
        <p:nvSpPr>
          <p:cNvPr id="23" name="Text Placeholder 24"/>
          <p:cNvSpPr>
            <a:spLocks noGrp="1"/>
          </p:cNvSpPr>
          <p:nvPr>
            <p:ph type="body" sz="quarter" idx="16"/>
          </p:nvPr>
        </p:nvSpPr>
        <p:spPr>
          <a:xfrm>
            <a:off x="1050561" y="4132648"/>
            <a:ext cx="8642078" cy="696277"/>
          </a:xfrm>
        </p:spPr>
        <p:txBody>
          <a:bodyPr>
            <a:noAutofit/>
          </a:bodyPr>
          <a:lstStyle>
            <a:lvl1pPr marL="0" indent="0">
              <a:buFontTx/>
              <a:buNone/>
              <a:defRPr sz="3200" b="1">
                <a:solidFill>
                  <a:schemeClr val="bg2"/>
                </a:solidFill>
              </a:defRPr>
            </a:lvl1pPr>
          </a:lstStyle>
          <a:p>
            <a:pPr lvl="0"/>
            <a:r>
              <a:rPr lang="en-US"/>
              <a:t>Edit Master text</a:t>
            </a:r>
            <a:endParaRPr lang="en-GB"/>
          </a:p>
        </p:txBody>
      </p:sp>
      <p:sp>
        <p:nvSpPr>
          <p:cNvPr id="24" name="Text Placeholder 26"/>
          <p:cNvSpPr>
            <a:spLocks noGrp="1"/>
          </p:cNvSpPr>
          <p:nvPr>
            <p:ph type="body" sz="quarter" idx="17"/>
          </p:nvPr>
        </p:nvSpPr>
        <p:spPr>
          <a:xfrm>
            <a:off x="1050562" y="4930447"/>
            <a:ext cx="8642078" cy="1948466"/>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bg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a:t>Edit Master text styles</a:t>
            </a:r>
          </a:p>
        </p:txBody>
      </p:sp>
      <p:sp>
        <p:nvSpPr>
          <p:cNvPr id="25" name="Rectangle 24"/>
          <p:cNvSpPr/>
          <p:nvPr userDrawn="1"/>
        </p:nvSpPr>
        <p:spPr>
          <a:xfrm>
            <a:off x="842674" y="3886567"/>
            <a:ext cx="9180000" cy="2988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29" name="Text Placeholder 24"/>
          <p:cNvSpPr>
            <a:spLocks noGrp="1"/>
          </p:cNvSpPr>
          <p:nvPr>
            <p:ph type="body" sz="quarter" idx="18"/>
          </p:nvPr>
        </p:nvSpPr>
        <p:spPr>
          <a:xfrm>
            <a:off x="10588875" y="4150496"/>
            <a:ext cx="8682104" cy="696277"/>
          </a:xfrm>
        </p:spPr>
        <p:txBody>
          <a:bodyPr>
            <a:noAutofit/>
          </a:bodyPr>
          <a:lstStyle>
            <a:lvl1pPr marL="0" indent="0">
              <a:buFontTx/>
              <a:buNone/>
              <a:defRPr sz="3200" b="1">
                <a:solidFill>
                  <a:schemeClr val="bg2"/>
                </a:solidFill>
              </a:defRPr>
            </a:lvl1pPr>
          </a:lstStyle>
          <a:p>
            <a:pPr lvl="0"/>
            <a:r>
              <a:rPr lang="en-US"/>
              <a:t>Edit Master text</a:t>
            </a:r>
            <a:endParaRPr lang="en-GB"/>
          </a:p>
        </p:txBody>
      </p:sp>
      <p:sp>
        <p:nvSpPr>
          <p:cNvPr id="30" name="Text Placeholder 26"/>
          <p:cNvSpPr>
            <a:spLocks noGrp="1"/>
          </p:cNvSpPr>
          <p:nvPr>
            <p:ph type="body" sz="quarter" idx="19"/>
          </p:nvPr>
        </p:nvSpPr>
        <p:spPr>
          <a:xfrm>
            <a:off x="10588876" y="4948294"/>
            <a:ext cx="8682104" cy="1930619"/>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bg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a:t>Edit Master text styles</a:t>
            </a:r>
          </a:p>
        </p:txBody>
      </p:sp>
      <p:sp>
        <p:nvSpPr>
          <p:cNvPr id="31" name="Rectangle 30"/>
          <p:cNvSpPr/>
          <p:nvPr userDrawn="1"/>
        </p:nvSpPr>
        <p:spPr>
          <a:xfrm>
            <a:off x="10380988" y="3904415"/>
            <a:ext cx="9180000" cy="2988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38" name="Text Placeholder 24"/>
          <p:cNvSpPr>
            <a:spLocks noGrp="1"/>
          </p:cNvSpPr>
          <p:nvPr>
            <p:ph type="body" sz="quarter" idx="20"/>
          </p:nvPr>
        </p:nvSpPr>
        <p:spPr>
          <a:xfrm>
            <a:off x="1050561" y="7554028"/>
            <a:ext cx="8642078" cy="696277"/>
          </a:xfrm>
        </p:spPr>
        <p:txBody>
          <a:bodyPr>
            <a:noAutofit/>
          </a:bodyPr>
          <a:lstStyle>
            <a:lvl1pPr marL="0" indent="0">
              <a:buFontTx/>
              <a:buNone/>
              <a:defRPr sz="3200" b="1">
                <a:solidFill>
                  <a:schemeClr val="bg2"/>
                </a:solidFill>
              </a:defRPr>
            </a:lvl1pPr>
          </a:lstStyle>
          <a:p>
            <a:pPr lvl="0"/>
            <a:r>
              <a:rPr lang="en-US"/>
              <a:t>Edit Master text</a:t>
            </a:r>
            <a:endParaRPr lang="en-GB"/>
          </a:p>
        </p:txBody>
      </p:sp>
      <p:sp>
        <p:nvSpPr>
          <p:cNvPr id="39" name="Text Placeholder 26"/>
          <p:cNvSpPr>
            <a:spLocks noGrp="1"/>
          </p:cNvSpPr>
          <p:nvPr>
            <p:ph type="body" sz="quarter" idx="21"/>
          </p:nvPr>
        </p:nvSpPr>
        <p:spPr>
          <a:xfrm>
            <a:off x="1050562" y="8351827"/>
            <a:ext cx="8642078" cy="1948466"/>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bg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a:t>Edit Master text styles</a:t>
            </a:r>
          </a:p>
        </p:txBody>
      </p:sp>
      <p:sp>
        <p:nvSpPr>
          <p:cNvPr id="40" name="Rectangle 39"/>
          <p:cNvSpPr/>
          <p:nvPr userDrawn="1"/>
        </p:nvSpPr>
        <p:spPr>
          <a:xfrm>
            <a:off x="842674" y="7307947"/>
            <a:ext cx="9180000" cy="2988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41" name="Text Placeholder 24"/>
          <p:cNvSpPr>
            <a:spLocks noGrp="1"/>
          </p:cNvSpPr>
          <p:nvPr>
            <p:ph type="body" sz="quarter" idx="22"/>
          </p:nvPr>
        </p:nvSpPr>
        <p:spPr>
          <a:xfrm>
            <a:off x="10588875" y="7571876"/>
            <a:ext cx="8682104" cy="696277"/>
          </a:xfrm>
        </p:spPr>
        <p:txBody>
          <a:bodyPr>
            <a:noAutofit/>
          </a:bodyPr>
          <a:lstStyle>
            <a:lvl1pPr marL="0" indent="0">
              <a:buFontTx/>
              <a:buNone/>
              <a:defRPr sz="3200" b="1">
                <a:solidFill>
                  <a:schemeClr val="bg2"/>
                </a:solidFill>
              </a:defRPr>
            </a:lvl1pPr>
          </a:lstStyle>
          <a:p>
            <a:pPr lvl="0"/>
            <a:r>
              <a:rPr lang="en-US"/>
              <a:t>Edit Master text</a:t>
            </a:r>
            <a:endParaRPr lang="en-GB"/>
          </a:p>
        </p:txBody>
      </p:sp>
      <p:sp>
        <p:nvSpPr>
          <p:cNvPr id="42" name="Text Placeholder 26"/>
          <p:cNvSpPr>
            <a:spLocks noGrp="1"/>
          </p:cNvSpPr>
          <p:nvPr>
            <p:ph type="body" sz="quarter" idx="23"/>
          </p:nvPr>
        </p:nvSpPr>
        <p:spPr>
          <a:xfrm>
            <a:off x="10588876" y="8369674"/>
            <a:ext cx="8682104" cy="1930619"/>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bg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a:t>Edit Master text styles</a:t>
            </a:r>
          </a:p>
        </p:txBody>
      </p:sp>
      <p:sp>
        <p:nvSpPr>
          <p:cNvPr id="43" name="Rectangle 42"/>
          <p:cNvSpPr/>
          <p:nvPr userDrawn="1"/>
        </p:nvSpPr>
        <p:spPr>
          <a:xfrm>
            <a:off x="10380988" y="7325795"/>
            <a:ext cx="9180000" cy="2988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18" name="Title 4"/>
          <p:cNvSpPr>
            <a:spLocks noGrp="1"/>
          </p:cNvSpPr>
          <p:nvPr>
            <p:ph type="title"/>
          </p:nvPr>
        </p:nvSpPr>
        <p:spPr>
          <a:xfrm>
            <a:off x="842674" y="794960"/>
            <a:ext cx="17793001" cy="984304"/>
          </a:xfrm>
          <a:prstGeom prst="rect">
            <a:avLst/>
          </a:prstGeom>
        </p:spPr>
        <p:txBody>
          <a:bodyPr anchor="t" anchorCtr="0"/>
          <a:lstStyle>
            <a:lvl1pPr>
              <a:defRPr sz="4800">
                <a:solidFill>
                  <a:schemeClr val="bg1"/>
                </a:solidFill>
              </a:defRPr>
            </a:lvl1pPr>
          </a:lstStyle>
          <a:p>
            <a:r>
              <a:rPr lang="en-US"/>
              <a:t>Click to edit Master title style</a:t>
            </a:r>
            <a:endParaRPr lang="en-GB"/>
          </a:p>
        </p:txBody>
      </p:sp>
    </p:spTree>
    <p:extLst>
      <p:ext uri="{BB962C8B-B14F-4D97-AF65-F5344CB8AC3E}">
        <p14:creationId xmlns:p14="http://schemas.microsoft.com/office/powerpoint/2010/main" val="3098686775"/>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cxnSp>
        <p:nvCxnSpPr>
          <p:cNvPr id="8" name="Straight Connector 7"/>
          <p:cNvCxnSpPr/>
          <p:nvPr userDrawn="1"/>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sp>
        <p:nvSpPr>
          <p:cNvPr id="11" name="Text Placeholder 18"/>
          <p:cNvSpPr>
            <a:spLocks noGrp="1"/>
          </p:cNvSpPr>
          <p:nvPr>
            <p:ph type="body" sz="quarter" idx="10"/>
          </p:nvPr>
        </p:nvSpPr>
        <p:spPr>
          <a:xfrm>
            <a:off x="842963" y="2125663"/>
            <a:ext cx="18718212" cy="1471821"/>
          </a:xfrm>
        </p:spPr>
        <p:txBody>
          <a:bodyPr>
            <a:noAutofit/>
          </a:bodyPr>
          <a:lstStyle>
            <a:lvl1pPr marL="0" indent="0">
              <a:buFontTx/>
              <a:buNone/>
              <a:defRPr sz="3200">
                <a:solidFill>
                  <a:schemeClr val="tx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a:t>Edit Master text styles</a:t>
            </a:r>
          </a:p>
        </p:txBody>
      </p:sp>
      <p:sp>
        <p:nvSpPr>
          <p:cNvPr id="12" name="Text Placeholder 24"/>
          <p:cNvSpPr>
            <a:spLocks noGrp="1"/>
          </p:cNvSpPr>
          <p:nvPr>
            <p:ph type="body" sz="quarter" idx="16"/>
          </p:nvPr>
        </p:nvSpPr>
        <p:spPr>
          <a:xfrm>
            <a:off x="1050561" y="4132648"/>
            <a:ext cx="8642078" cy="696277"/>
          </a:xfrm>
        </p:spPr>
        <p:txBody>
          <a:bodyPr>
            <a:noAutofit/>
          </a:bodyPr>
          <a:lstStyle>
            <a:lvl1pPr marL="0" indent="0">
              <a:buFontTx/>
              <a:buNone/>
              <a:defRPr sz="3200" b="1">
                <a:solidFill>
                  <a:schemeClr val="bg2"/>
                </a:solidFill>
              </a:defRPr>
            </a:lvl1pPr>
          </a:lstStyle>
          <a:p>
            <a:pPr lvl="0"/>
            <a:r>
              <a:rPr lang="en-US"/>
              <a:t>Edit Master text</a:t>
            </a:r>
            <a:endParaRPr lang="en-GB"/>
          </a:p>
        </p:txBody>
      </p:sp>
      <p:sp>
        <p:nvSpPr>
          <p:cNvPr id="13" name="Text Placeholder 26"/>
          <p:cNvSpPr>
            <a:spLocks noGrp="1"/>
          </p:cNvSpPr>
          <p:nvPr>
            <p:ph type="body" sz="quarter" idx="17"/>
          </p:nvPr>
        </p:nvSpPr>
        <p:spPr>
          <a:xfrm>
            <a:off x="1050562" y="4930447"/>
            <a:ext cx="8642078" cy="1948466"/>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tx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a:t>Edit Master text styles</a:t>
            </a:r>
          </a:p>
        </p:txBody>
      </p:sp>
      <p:sp>
        <p:nvSpPr>
          <p:cNvPr id="14" name="Rectangle 13"/>
          <p:cNvSpPr/>
          <p:nvPr userDrawn="1"/>
        </p:nvSpPr>
        <p:spPr>
          <a:xfrm>
            <a:off x="842674" y="3886567"/>
            <a:ext cx="9180000" cy="2988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15" name="Text Placeholder 24"/>
          <p:cNvSpPr>
            <a:spLocks noGrp="1"/>
          </p:cNvSpPr>
          <p:nvPr>
            <p:ph type="body" sz="quarter" idx="18"/>
          </p:nvPr>
        </p:nvSpPr>
        <p:spPr>
          <a:xfrm>
            <a:off x="10588875" y="4150496"/>
            <a:ext cx="8682104" cy="696277"/>
          </a:xfrm>
        </p:spPr>
        <p:txBody>
          <a:bodyPr>
            <a:noAutofit/>
          </a:bodyPr>
          <a:lstStyle>
            <a:lvl1pPr marL="0" indent="0">
              <a:buFontTx/>
              <a:buNone/>
              <a:defRPr sz="3200" b="1">
                <a:solidFill>
                  <a:schemeClr val="bg2"/>
                </a:solidFill>
              </a:defRPr>
            </a:lvl1pPr>
          </a:lstStyle>
          <a:p>
            <a:pPr lvl="0"/>
            <a:r>
              <a:rPr lang="en-US"/>
              <a:t>Edit Master text</a:t>
            </a:r>
            <a:endParaRPr lang="en-GB"/>
          </a:p>
        </p:txBody>
      </p:sp>
      <p:sp>
        <p:nvSpPr>
          <p:cNvPr id="16" name="Text Placeholder 26"/>
          <p:cNvSpPr>
            <a:spLocks noGrp="1"/>
          </p:cNvSpPr>
          <p:nvPr>
            <p:ph type="body" sz="quarter" idx="19"/>
          </p:nvPr>
        </p:nvSpPr>
        <p:spPr>
          <a:xfrm>
            <a:off x="10588876" y="4948294"/>
            <a:ext cx="8682104" cy="1930619"/>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tx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a:t>Edit Master text styles</a:t>
            </a:r>
          </a:p>
        </p:txBody>
      </p:sp>
      <p:sp>
        <p:nvSpPr>
          <p:cNvPr id="17" name="Rectangle 16"/>
          <p:cNvSpPr/>
          <p:nvPr userDrawn="1"/>
        </p:nvSpPr>
        <p:spPr>
          <a:xfrm>
            <a:off x="10380988" y="3904415"/>
            <a:ext cx="9180000" cy="2988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18" name="Text Placeholder 24"/>
          <p:cNvSpPr>
            <a:spLocks noGrp="1"/>
          </p:cNvSpPr>
          <p:nvPr>
            <p:ph type="body" sz="quarter" idx="20"/>
          </p:nvPr>
        </p:nvSpPr>
        <p:spPr>
          <a:xfrm>
            <a:off x="1050561" y="7554028"/>
            <a:ext cx="8642078" cy="696277"/>
          </a:xfrm>
        </p:spPr>
        <p:txBody>
          <a:bodyPr>
            <a:noAutofit/>
          </a:bodyPr>
          <a:lstStyle>
            <a:lvl1pPr marL="0" indent="0">
              <a:buFontTx/>
              <a:buNone/>
              <a:defRPr sz="3200" b="1">
                <a:solidFill>
                  <a:schemeClr val="bg2"/>
                </a:solidFill>
              </a:defRPr>
            </a:lvl1pPr>
          </a:lstStyle>
          <a:p>
            <a:pPr lvl="0"/>
            <a:r>
              <a:rPr lang="en-US"/>
              <a:t>Edit Master text</a:t>
            </a:r>
            <a:endParaRPr lang="en-GB"/>
          </a:p>
        </p:txBody>
      </p:sp>
      <p:sp>
        <p:nvSpPr>
          <p:cNvPr id="19" name="Text Placeholder 26"/>
          <p:cNvSpPr>
            <a:spLocks noGrp="1"/>
          </p:cNvSpPr>
          <p:nvPr>
            <p:ph type="body" sz="quarter" idx="21"/>
          </p:nvPr>
        </p:nvSpPr>
        <p:spPr>
          <a:xfrm>
            <a:off x="1050562" y="8351827"/>
            <a:ext cx="8642078" cy="1948466"/>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tx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a:t>Edit Master text styles</a:t>
            </a:r>
          </a:p>
        </p:txBody>
      </p:sp>
      <p:sp>
        <p:nvSpPr>
          <p:cNvPr id="20" name="Rectangle 19"/>
          <p:cNvSpPr/>
          <p:nvPr userDrawn="1"/>
        </p:nvSpPr>
        <p:spPr>
          <a:xfrm>
            <a:off x="842674" y="7307947"/>
            <a:ext cx="9180000" cy="2988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21" name="Text Placeholder 24"/>
          <p:cNvSpPr>
            <a:spLocks noGrp="1"/>
          </p:cNvSpPr>
          <p:nvPr>
            <p:ph type="body" sz="quarter" idx="22"/>
          </p:nvPr>
        </p:nvSpPr>
        <p:spPr>
          <a:xfrm>
            <a:off x="10588875" y="7571876"/>
            <a:ext cx="8682104" cy="696277"/>
          </a:xfrm>
        </p:spPr>
        <p:txBody>
          <a:bodyPr>
            <a:noAutofit/>
          </a:bodyPr>
          <a:lstStyle>
            <a:lvl1pPr marL="0" indent="0">
              <a:buFontTx/>
              <a:buNone/>
              <a:defRPr sz="3200" b="1">
                <a:solidFill>
                  <a:schemeClr val="bg2"/>
                </a:solidFill>
              </a:defRPr>
            </a:lvl1pPr>
          </a:lstStyle>
          <a:p>
            <a:pPr lvl="0"/>
            <a:r>
              <a:rPr lang="en-US"/>
              <a:t>Edit Master text</a:t>
            </a:r>
            <a:endParaRPr lang="en-GB"/>
          </a:p>
        </p:txBody>
      </p:sp>
      <p:sp>
        <p:nvSpPr>
          <p:cNvPr id="22" name="Text Placeholder 26"/>
          <p:cNvSpPr>
            <a:spLocks noGrp="1"/>
          </p:cNvSpPr>
          <p:nvPr>
            <p:ph type="body" sz="quarter" idx="23"/>
          </p:nvPr>
        </p:nvSpPr>
        <p:spPr>
          <a:xfrm>
            <a:off x="10588876" y="8369674"/>
            <a:ext cx="8682104" cy="1930619"/>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tx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a:t>Edit Master text styles</a:t>
            </a:r>
          </a:p>
        </p:txBody>
      </p:sp>
      <p:sp>
        <p:nvSpPr>
          <p:cNvPr id="23" name="Rectangle 22"/>
          <p:cNvSpPr/>
          <p:nvPr userDrawn="1"/>
        </p:nvSpPr>
        <p:spPr>
          <a:xfrm>
            <a:off x="10380988" y="7325795"/>
            <a:ext cx="9180000" cy="2988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24" name="Title 4"/>
          <p:cNvSpPr>
            <a:spLocks noGrp="1"/>
          </p:cNvSpPr>
          <p:nvPr>
            <p:ph type="title"/>
          </p:nvPr>
        </p:nvSpPr>
        <p:spPr>
          <a:xfrm>
            <a:off x="842674" y="794960"/>
            <a:ext cx="17793001" cy="984304"/>
          </a:xfrm>
          <a:prstGeom prst="rect">
            <a:avLst/>
          </a:prstGeom>
        </p:spPr>
        <p:txBody>
          <a:bodyPr anchor="t" anchorCtr="0"/>
          <a:lstStyle>
            <a:lvl1pPr>
              <a:defRPr sz="4800">
                <a:solidFill>
                  <a:srgbClr val="114B5F"/>
                </a:solidFill>
              </a:defRPr>
            </a:lvl1pPr>
          </a:lstStyle>
          <a:p>
            <a:r>
              <a:rPr lang="en-US"/>
              <a:t>Click to edit Master title style</a:t>
            </a:r>
            <a:endParaRPr lang="en-GB"/>
          </a:p>
        </p:txBody>
      </p:sp>
    </p:spTree>
    <p:extLst>
      <p:ext uri="{BB962C8B-B14F-4D97-AF65-F5344CB8AC3E}">
        <p14:creationId xmlns:p14="http://schemas.microsoft.com/office/powerpoint/2010/main" val="3289584919"/>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38" name="Text Placeholder 37"/>
          <p:cNvSpPr>
            <a:spLocks noGrp="1"/>
          </p:cNvSpPr>
          <p:nvPr>
            <p:ph type="body" sz="quarter" idx="11"/>
          </p:nvPr>
        </p:nvSpPr>
        <p:spPr>
          <a:xfrm>
            <a:off x="878164" y="2636776"/>
            <a:ext cx="5760000" cy="6480000"/>
          </a:xfrm>
          <a:ln w="12700">
            <a:solidFill>
              <a:srgbClr val="F76C6C"/>
            </a:solidFill>
          </a:ln>
        </p:spPr>
        <p:txBody>
          <a:bodyPr lIns="360000" tIns="360000" rIns="360000" bIns="360000">
            <a:noAutofit/>
          </a:bodyPr>
          <a:lstStyle>
            <a:lvl1pPr>
              <a:defRPr sz="3200"/>
            </a:lvl1pPr>
          </a:lstStyle>
          <a:p>
            <a:pPr lvl="0"/>
            <a:r>
              <a:rPr lang="en-US"/>
              <a:t>Edit Master text styles</a:t>
            </a:r>
          </a:p>
        </p:txBody>
      </p:sp>
      <p:cxnSp>
        <p:nvCxnSpPr>
          <p:cNvPr id="10" name="Straight Connector 9"/>
          <p:cNvCxnSpPr/>
          <p:nvPr userDrawn="1"/>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userDrawn="1"/>
        </p:nvCxnSpPr>
        <p:spPr>
          <a:xfrm>
            <a:off x="807184" y="3741001"/>
            <a:ext cx="4706197" cy="0"/>
          </a:xfrm>
          <a:prstGeom prst="line">
            <a:avLst/>
          </a:prstGeom>
          <a:ln w="9525">
            <a:solidFill>
              <a:schemeClr val="bg1"/>
            </a:solidFill>
            <a:prstDash val="sysDash"/>
          </a:ln>
        </p:spPr>
        <p:style>
          <a:lnRef idx="1">
            <a:schemeClr val="accent1"/>
          </a:lnRef>
          <a:fillRef idx="0">
            <a:schemeClr val="accent1"/>
          </a:fillRef>
          <a:effectRef idx="0">
            <a:schemeClr val="accent1"/>
          </a:effectRef>
          <a:fontRef idx="minor">
            <a:schemeClr val="tx1"/>
          </a:fontRef>
        </p:style>
      </p:cxnSp>
      <p:sp>
        <p:nvSpPr>
          <p:cNvPr id="20" name="Rectangle 19"/>
          <p:cNvSpPr/>
          <p:nvPr/>
        </p:nvSpPr>
        <p:spPr>
          <a:xfrm>
            <a:off x="1802239" y="7025892"/>
            <a:ext cx="3787166" cy="21380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21" name="Picture 20"/>
          <p:cNvPicPr>
            <a:picLocks noChangeAspect="1"/>
          </p:cNvPicPr>
          <p:nvPr/>
        </p:nvPicPr>
        <p:blipFill>
          <a:blip r:embed="rId2" cstate="email">
            <a:extLst>
              <a:ext uri="{28A0092B-C50C-407E-A947-70E740481C1C}">
                <a14:useLocalDpi xmlns:a14="http://schemas.microsoft.com/office/drawing/2010/main" val="0"/>
              </a:ext>
            </a:extLst>
          </a:blip>
          <a:stretch>
            <a:fillRect/>
          </a:stretch>
        </p:blipFill>
        <p:spPr>
          <a:xfrm>
            <a:off x="1499785" y="6747906"/>
            <a:ext cx="4445779" cy="2912752"/>
          </a:xfrm>
          <a:prstGeom prst="rect">
            <a:avLst/>
          </a:prstGeom>
        </p:spPr>
      </p:pic>
      <p:sp>
        <p:nvSpPr>
          <p:cNvPr id="36" name="Text Placeholder 35"/>
          <p:cNvSpPr>
            <a:spLocks noGrp="1"/>
          </p:cNvSpPr>
          <p:nvPr userDrawn="1">
            <p:ph type="body" sz="quarter" idx="10"/>
          </p:nvPr>
        </p:nvSpPr>
        <p:spPr>
          <a:xfrm>
            <a:off x="2159637" y="7652609"/>
            <a:ext cx="3143884" cy="1200150"/>
          </a:xfrm>
        </p:spPr>
        <p:txBody>
          <a:bodyPr>
            <a:normAutofit/>
          </a:bodyPr>
          <a:lstStyle>
            <a:lvl1pPr marL="0" indent="0" algn="ctr">
              <a:buFontTx/>
              <a:buNone/>
              <a:defRPr sz="3200" b="1">
                <a:solidFill>
                  <a:schemeClr val="bg2"/>
                </a:solidFill>
              </a:defRPr>
            </a:lvl1pPr>
            <a:lvl5pPr marL="1828800" indent="0">
              <a:buNone/>
              <a:defRPr/>
            </a:lvl5pPr>
          </a:lstStyle>
          <a:p>
            <a:pPr lvl="0"/>
            <a:r>
              <a:rPr lang="en-US"/>
              <a:t>Edit Master text</a:t>
            </a:r>
            <a:endParaRPr lang="en-GB"/>
          </a:p>
        </p:txBody>
      </p:sp>
      <p:sp>
        <p:nvSpPr>
          <p:cNvPr id="39" name="Text Placeholder 37"/>
          <p:cNvSpPr>
            <a:spLocks noGrp="1"/>
          </p:cNvSpPr>
          <p:nvPr>
            <p:ph type="body" sz="quarter" idx="12"/>
          </p:nvPr>
        </p:nvSpPr>
        <p:spPr>
          <a:xfrm>
            <a:off x="13780092" y="2636776"/>
            <a:ext cx="5760000" cy="6480000"/>
          </a:xfrm>
          <a:ln w="12700">
            <a:solidFill>
              <a:srgbClr val="F76C6C"/>
            </a:solidFill>
          </a:ln>
        </p:spPr>
        <p:txBody>
          <a:bodyPr lIns="360000" tIns="360000" rIns="360000" bIns="360000">
            <a:noAutofit/>
          </a:bodyPr>
          <a:lstStyle>
            <a:lvl1pPr>
              <a:defRPr sz="3200"/>
            </a:lvl1pPr>
          </a:lstStyle>
          <a:p>
            <a:pPr lvl="0"/>
            <a:r>
              <a:rPr lang="en-US"/>
              <a:t>Edit Master text styles</a:t>
            </a:r>
          </a:p>
        </p:txBody>
      </p:sp>
      <p:cxnSp>
        <p:nvCxnSpPr>
          <p:cNvPr id="40" name="Straight Connector 39"/>
          <p:cNvCxnSpPr/>
          <p:nvPr userDrawn="1"/>
        </p:nvCxnSpPr>
        <p:spPr>
          <a:xfrm>
            <a:off x="13709112" y="3741001"/>
            <a:ext cx="4706197" cy="0"/>
          </a:xfrm>
          <a:prstGeom prst="line">
            <a:avLst/>
          </a:prstGeom>
          <a:ln w="9525">
            <a:solidFill>
              <a:schemeClr val="bg1"/>
            </a:solidFill>
            <a:prstDash val="sysDash"/>
          </a:ln>
        </p:spPr>
        <p:style>
          <a:lnRef idx="1">
            <a:schemeClr val="accent1"/>
          </a:lnRef>
          <a:fillRef idx="0">
            <a:schemeClr val="accent1"/>
          </a:fillRef>
          <a:effectRef idx="0">
            <a:schemeClr val="accent1"/>
          </a:effectRef>
          <a:fontRef idx="minor">
            <a:schemeClr val="tx1"/>
          </a:fontRef>
        </p:style>
      </p:cxnSp>
      <p:sp>
        <p:nvSpPr>
          <p:cNvPr id="41" name="Rectangle 40"/>
          <p:cNvSpPr/>
          <p:nvPr userDrawn="1"/>
        </p:nvSpPr>
        <p:spPr>
          <a:xfrm>
            <a:off x="14704167" y="7025892"/>
            <a:ext cx="3787166" cy="21380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42" name="Picture 41"/>
          <p:cNvPicPr>
            <a:picLocks noChangeAspect="1"/>
          </p:cNvPicPr>
          <p:nvPr userDrawn="1"/>
        </p:nvPicPr>
        <p:blipFill>
          <a:blip r:embed="rId2" cstate="email">
            <a:extLst>
              <a:ext uri="{28A0092B-C50C-407E-A947-70E740481C1C}">
                <a14:useLocalDpi xmlns:a14="http://schemas.microsoft.com/office/drawing/2010/main" val="0"/>
              </a:ext>
            </a:extLst>
          </a:blip>
          <a:stretch>
            <a:fillRect/>
          </a:stretch>
        </p:blipFill>
        <p:spPr>
          <a:xfrm>
            <a:off x="14401713" y="6747906"/>
            <a:ext cx="4445779" cy="2912752"/>
          </a:xfrm>
          <a:prstGeom prst="rect">
            <a:avLst/>
          </a:prstGeom>
        </p:spPr>
      </p:pic>
      <p:sp>
        <p:nvSpPr>
          <p:cNvPr id="43" name="Text Placeholder 35"/>
          <p:cNvSpPr>
            <a:spLocks noGrp="1"/>
          </p:cNvSpPr>
          <p:nvPr>
            <p:ph type="body" sz="quarter" idx="13"/>
          </p:nvPr>
        </p:nvSpPr>
        <p:spPr>
          <a:xfrm>
            <a:off x="15061565" y="7652609"/>
            <a:ext cx="3143884" cy="1200150"/>
          </a:xfrm>
        </p:spPr>
        <p:txBody>
          <a:bodyPr>
            <a:normAutofit/>
          </a:bodyPr>
          <a:lstStyle>
            <a:lvl1pPr marL="0" indent="0" algn="ctr">
              <a:buFontTx/>
              <a:buNone/>
              <a:defRPr sz="3200" b="1">
                <a:solidFill>
                  <a:schemeClr val="bg2"/>
                </a:solidFill>
              </a:defRPr>
            </a:lvl1pPr>
            <a:lvl5pPr marL="1828800" indent="0">
              <a:buNone/>
              <a:defRPr/>
            </a:lvl5pPr>
          </a:lstStyle>
          <a:p>
            <a:pPr lvl="0"/>
            <a:r>
              <a:rPr lang="en-US"/>
              <a:t>Edit Master text</a:t>
            </a:r>
            <a:endParaRPr lang="en-GB"/>
          </a:p>
        </p:txBody>
      </p:sp>
      <p:sp>
        <p:nvSpPr>
          <p:cNvPr id="44" name="Text Placeholder 37"/>
          <p:cNvSpPr>
            <a:spLocks noGrp="1"/>
          </p:cNvSpPr>
          <p:nvPr>
            <p:ph type="body" sz="quarter" idx="14"/>
          </p:nvPr>
        </p:nvSpPr>
        <p:spPr>
          <a:xfrm>
            <a:off x="7293638" y="2636776"/>
            <a:ext cx="5760000" cy="6480000"/>
          </a:xfrm>
          <a:ln w="12700">
            <a:solidFill>
              <a:srgbClr val="F76C6C"/>
            </a:solidFill>
          </a:ln>
        </p:spPr>
        <p:txBody>
          <a:bodyPr lIns="360000" tIns="360000" rIns="360000" bIns="360000">
            <a:noAutofit/>
          </a:bodyPr>
          <a:lstStyle>
            <a:lvl1pPr>
              <a:defRPr sz="3200"/>
            </a:lvl1pPr>
          </a:lstStyle>
          <a:p>
            <a:pPr lvl="0"/>
            <a:r>
              <a:rPr lang="en-US"/>
              <a:t>Edit Master text styles</a:t>
            </a:r>
          </a:p>
        </p:txBody>
      </p:sp>
      <p:cxnSp>
        <p:nvCxnSpPr>
          <p:cNvPr id="45" name="Straight Connector 44"/>
          <p:cNvCxnSpPr/>
          <p:nvPr userDrawn="1"/>
        </p:nvCxnSpPr>
        <p:spPr>
          <a:xfrm>
            <a:off x="7222658" y="3741001"/>
            <a:ext cx="4706197" cy="0"/>
          </a:xfrm>
          <a:prstGeom prst="line">
            <a:avLst/>
          </a:prstGeom>
          <a:ln w="9525">
            <a:solidFill>
              <a:schemeClr val="bg1"/>
            </a:solidFill>
            <a:prstDash val="sysDash"/>
          </a:ln>
        </p:spPr>
        <p:style>
          <a:lnRef idx="1">
            <a:schemeClr val="accent1"/>
          </a:lnRef>
          <a:fillRef idx="0">
            <a:schemeClr val="accent1"/>
          </a:fillRef>
          <a:effectRef idx="0">
            <a:schemeClr val="accent1"/>
          </a:effectRef>
          <a:fontRef idx="minor">
            <a:schemeClr val="tx1"/>
          </a:fontRef>
        </p:style>
      </p:cxnSp>
      <p:sp>
        <p:nvSpPr>
          <p:cNvPr id="46" name="Rectangle 45"/>
          <p:cNvSpPr/>
          <p:nvPr userDrawn="1"/>
        </p:nvSpPr>
        <p:spPr>
          <a:xfrm>
            <a:off x="8217713" y="7025892"/>
            <a:ext cx="3787166" cy="21380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47" name="Picture 46"/>
          <p:cNvPicPr>
            <a:picLocks noChangeAspect="1"/>
          </p:cNvPicPr>
          <p:nvPr userDrawn="1"/>
        </p:nvPicPr>
        <p:blipFill>
          <a:blip r:embed="rId2" cstate="email">
            <a:extLst>
              <a:ext uri="{28A0092B-C50C-407E-A947-70E740481C1C}">
                <a14:useLocalDpi xmlns:a14="http://schemas.microsoft.com/office/drawing/2010/main" val="0"/>
              </a:ext>
            </a:extLst>
          </a:blip>
          <a:stretch>
            <a:fillRect/>
          </a:stretch>
        </p:blipFill>
        <p:spPr>
          <a:xfrm>
            <a:off x="7915259" y="6747906"/>
            <a:ext cx="4445779" cy="2912752"/>
          </a:xfrm>
          <a:prstGeom prst="rect">
            <a:avLst/>
          </a:prstGeom>
        </p:spPr>
      </p:pic>
      <p:sp>
        <p:nvSpPr>
          <p:cNvPr id="48" name="Text Placeholder 35"/>
          <p:cNvSpPr>
            <a:spLocks noGrp="1"/>
          </p:cNvSpPr>
          <p:nvPr>
            <p:ph type="body" sz="quarter" idx="15"/>
          </p:nvPr>
        </p:nvSpPr>
        <p:spPr>
          <a:xfrm>
            <a:off x="8575111" y="7652609"/>
            <a:ext cx="3143884" cy="1200150"/>
          </a:xfrm>
        </p:spPr>
        <p:txBody>
          <a:bodyPr>
            <a:normAutofit/>
          </a:bodyPr>
          <a:lstStyle>
            <a:lvl1pPr marL="0" indent="0" algn="ctr">
              <a:buFontTx/>
              <a:buNone/>
              <a:defRPr sz="3200" b="1">
                <a:solidFill>
                  <a:schemeClr val="bg2"/>
                </a:solidFill>
              </a:defRPr>
            </a:lvl1pPr>
            <a:lvl5pPr marL="1828800" indent="0">
              <a:buNone/>
              <a:defRPr/>
            </a:lvl5pPr>
          </a:lstStyle>
          <a:p>
            <a:pPr lvl="0"/>
            <a:r>
              <a:rPr lang="en-US"/>
              <a:t>Edit Master text</a:t>
            </a:r>
            <a:endParaRPr lang="en-GB"/>
          </a:p>
        </p:txBody>
      </p:sp>
      <p:sp>
        <p:nvSpPr>
          <p:cNvPr id="22" name="Title 4"/>
          <p:cNvSpPr>
            <a:spLocks noGrp="1"/>
          </p:cNvSpPr>
          <p:nvPr>
            <p:ph type="title"/>
          </p:nvPr>
        </p:nvSpPr>
        <p:spPr>
          <a:xfrm>
            <a:off x="842674" y="794960"/>
            <a:ext cx="17793001" cy="984304"/>
          </a:xfrm>
          <a:prstGeom prst="rect">
            <a:avLst/>
          </a:prstGeom>
        </p:spPr>
        <p:txBody>
          <a:bodyPr anchor="t" anchorCtr="0"/>
          <a:lstStyle>
            <a:lvl1pPr>
              <a:defRPr sz="4800">
                <a:solidFill>
                  <a:srgbClr val="114B5F"/>
                </a:solidFill>
              </a:defRPr>
            </a:lvl1pPr>
          </a:lstStyle>
          <a:p>
            <a:r>
              <a:rPr lang="en-US"/>
              <a:t>Click to edit Master title style</a:t>
            </a:r>
            <a:endParaRPr lang="en-GB"/>
          </a:p>
        </p:txBody>
      </p:sp>
    </p:spTree>
    <p:extLst>
      <p:ext uri="{BB962C8B-B14F-4D97-AF65-F5344CB8AC3E}">
        <p14:creationId xmlns:p14="http://schemas.microsoft.com/office/powerpoint/2010/main" val="4142710317"/>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6" name="Picture Placeholder 15"/>
          <p:cNvSpPr>
            <a:spLocks noGrp="1"/>
          </p:cNvSpPr>
          <p:nvPr>
            <p:ph type="pic" sz="quarter" idx="10"/>
          </p:nvPr>
        </p:nvSpPr>
        <p:spPr>
          <a:xfrm>
            <a:off x="842674" y="3580673"/>
            <a:ext cx="1620000" cy="1620000"/>
          </a:xfrm>
          <a:prstGeom prst="ellipse">
            <a:avLst/>
          </a:prstGeom>
          <a:noFill/>
        </p:spPr>
        <p:txBody>
          <a:bodyPr/>
          <a:lstStyle>
            <a:lvl1pPr marL="0" indent="0">
              <a:buFontTx/>
              <a:buNone/>
              <a:defRPr sz="1200"/>
            </a:lvl1pPr>
          </a:lstStyle>
          <a:p>
            <a:r>
              <a:rPr lang="en-US"/>
              <a:t>Click icon to add picture</a:t>
            </a:r>
            <a:endParaRPr lang="en-GB"/>
          </a:p>
        </p:txBody>
      </p:sp>
      <p:sp>
        <p:nvSpPr>
          <p:cNvPr id="27" name="Text Placeholder 17"/>
          <p:cNvSpPr>
            <a:spLocks noGrp="1"/>
          </p:cNvSpPr>
          <p:nvPr>
            <p:ph type="body" sz="quarter" idx="11" hasCustomPrompt="1"/>
          </p:nvPr>
        </p:nvSpPr>
        <p:spPr>
          <a:xfrm>
            <a:off x="2704237" y="3294946"/>
            <a:ext cx="4450943" cy="2191454"/>
          </a:xfrm>
          <a:prstGeom prst="rect">
            <a:avLst/>
          </a:prstGeom>
        </p:spPr>
        <p:txBody>
          <a:bodyPr anchor="ctr" anchorCtr="0">
            <a:normAutofit/>
          </a:bodyPr>
          <a:lstStyle>
            <a:lvl1pPr marL="0" indent="0">
              <a:spcBef>
                <a:spcPts val="0"/>
              </a:spcBef>
              <a:spcAft>
                <a:spcPts val="0"/>
              </a:spcAft>
              <a:buNone/>
              <a:defRPr sz="3200">
                <a:solidFill>
                  <a:schemeClr val="accent5"/>
                </a:solidFill>
              </a:defRPr>
            </a:lvl1pPr>
            <a:lvl2pPr marL="457200" indent="0">
              <a:buNone/>
              <a:defRPr/>
            </a:lvl2pPr>
            <a:lvl3pPr marL="914400" indent="0">
              <a:buNone/>
              <a:defRPr/>
            </a:lvl3pPr>
          </a:lstStyle>
          <a:p>
            <a:pPr lvl="0"/>
            <a:r>
              <a:rPr lang="en-US"/>
              <a:t>Click to edit Name</a:t>
            </a:r>
            <a:br>
              <a:rPr lang="en-US"/>
            </a:br>
            <a:r>
              <a:rPr lang="en-US"/>
              <a:t>Title </a:t>
            </a:r>
            <a:br>
              <a:rPr lang="en-US"/>
            </a:br>
            <a:r>
              <a:rPr lang="en-US"/>
              <a:t>T: 01204 </a:t>
            </a:r>
            <a:r>
              <a:rPr lang="en-US" err="1"/>
              <a:t>xxxxxxx</a:t>
            </a:r>
            <a:r>
              <a:rPr lang="en-US"/>
              <a:t/>
            </a:r>
            <a:br>
              <a:rPr lang="en-US"/>
            </a:br>
            <a:r>
              <a:rPr lang="en-US"/>
              <a:t>E: name@keoghs.co.uk</a:t>
            </a:r>
            <a:endParaRPr lang="en-GB"/>
          </a:p>
        </p:txBody>
      </p:sp>
      <p:sp>
        <p:nvSpPr>
          <p:cNvPr id="44" name="TextBox 43"/>
          <p:cNvSpPr txBox="1"/>
          <p:nvPr userDrawn="1"/>
        </p:nvSpPr>
        <p:spPr>
          <a:xfrm>
            <a:off x="842674" y="2291830"/>
            <a:ext cx="12256106" cy="707886"/>
          </a:xfrm>
          <a:prstGeom prst="rect">
            <a:avLst/>
          </a:prstGeom>
          <a:noFill/>
        </p:spPr>
        <p:txBody>
          <a:bodyPr wrap="square" rtlCol="0">
            <a:spAutoFit/>
          </a:bodyPr>
          <a:lstStyle/>
          <a:p>
            <a:pPr marL="0" lvl="0" indent="0">
              <a:buFontTx/>
              <a:buNone/>
            </a:pPr>
            <a:r>
              <a:rPr lang="en-US" sz="4000" b="1">
                <a:solidFill>
                  <a:schemeClr val="bg2"/>
                </a:solidFill>
              </a:rPr>
              <a:t>For more information please contact: </a:t>
            </a:r>
          </a:p>
        </p:txBody>
      </p:sp>
      <p:cxnSp>
        <p:nvCxnSpPr>
          <p:cNvPr id="51" name="Straight Connector 50"/>
          <p:cNvCxnSpPr/>
          <p:nvPr userDrawn="1"/>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sp>
        <p:nvSpPr>
          <p:cNvPr id="54" name="Picture Placeholder 15"/>
          <p:cNvSpPr>
            <a:spLocks noGrp="1"/>
          </p:cNvSpPr>
          <p:nvPr>
            <p:ph type="pic" sz="quarter" idx="12"/>
          </p:nvPr>
        </p:nvSpPr>
        <p:spPr>
          <a:xfrm>
            <a:off x="842674" y="5987370"/>
            <a:ext cx="1620000" cy="1620000"/>
          </a:xfrm>
          <a:prstGeom prst="ellipse">
            <a:avLst/>
          </a:prstGeom>
          <a:noFill/>
        </p:spPr>
        <p:txBody>
          <a:bodyPr/>
          <a:lstStyle>
            <a:lvl1pPr marL="0" indent="0">
              <a:buFontTx/>
              <a:buNone/>
              <a:defRPr sz="1200"/>
            </a:lvl1pPr>
          </a:lstStyle>
          <a:p>
            <a:r>
              <a:rPr lang="en-US"/>
              <a:t>Click icon to add picture</a:t>
            </a:r>
            <a:endParaRPr lang="en-GB"/>
          </a:p>
        </p:txBody>
      </p:sp>
      <p:sp>
        <p:nvSpPr>
          <p:cNvPr id="55" name="Picture Placeholder 15"/>
          <p:cNvSpPr>
            <a:spLocks noGrp="1"/>
          </p:cNvSpPr>
          <p:nvPr>
            <p:ph type="pic" sz="quarter" idx="13"/>
          </p:nvPr>
        </p:nvSpPr>
        <p:spPr>
          <a:xfrm>
            <a:off x="842674" y="8364810"/>
            <a:ext cx="1620000" cy="1620000"/>
          </a:xfrm>
          <a:prstGeom prst="ellipse">
            <a:avLst/>
          </a:prstGeom>
          <a:noFill/>
        </p:spPr>
        <p:txBody>
          <a:bodyPr/>
          <a:lstStyle>
            <a:lvl1pPr marL="0" indent="0">
              <a:buFontTx/>
              <a:buNone/>
              <a:defRPr sz="1200"/>
            </a:lvl1pPr>
          </a:lstStyle>
          <a:p>
            <a:r>
              <a:rPr lang="en-US"/>
              <a:t>Click icon to add picture</a:t>
            </a:r>
            <a:endParaRPr lang="en-GB"/>
          </a:p>
        </p:txBody>
      </p:sp>
      <p:sp>
        <p:nvSpPr>
          <p:cNvPr id="56" name="Text Placeholder 17"/>
          <p:cNvSpPr>
            <a:spLocks noGrp="1"/>
          </p:cNvSpPr>
          <p:nvPr>
            <p:ph type="body" sz="quarter" idx="14" hasCustomPrompt="1"/>
          </p:nvPr>
        </p:nvSpPr>
        <p:spPr>
          <a:xfrm>
            <a:off x="2704237" y="5701643"/>
            <a:ext cx="4450943" cy="2191454"/>
          </a:xfrm>
          <a:prstGeom prst="rect">
            <a:avLst/>
          </a:prstGeom>
        </p:spPr>
        <p:txBody>
          <a:bodyPr anchor="ctr" anchorCtr="0">
            <a:normAutofit/>
          </a:bodyPr>
          <a:lstStyle>
            <a:lvl1pPr marL="0" indent="0">
              <a:spcBef>
                <a:spcPts val="0"/>
              </a:spcBef>
              <a:spcAft>
                <a:spcPts val="0"/>
              </a:spcAft>
              <a:buNone/>
              <a:defRPr sz="3200">
                <a:solidFill>
                  <a:schemeClr val="accent5"/>
                </a:solidFill>
              </a:defRPr>
            </a:lvl1pPr>
            <a:lvl2pPr marL="457200" indent="0">
              <a:buNone/>
              <a:defRPr/>
            </a:lvl2pPr>
            <a:lvl3pPr marL="914400" indent="0">
              <a:buNone/>
              <a:defRPr/>
            </a:lvl3pPr>
          </a:lstStyle>
          <a:p>
            <a:pPr lvl="0"/>
            <a:r>
              <a:rPr lang="en-US"/>
              <a:t>Click to edit Name</a:t>
            </a:r>
            <a:br>
              <a:rPr lang="en-US"/>
            </a:br>
            <a:r>
              <a:rPr lang="en-US"/>
              <a:t>Title </a:t>
            </a:r>
            <a:br>
              <a:rPr lang="en-US"/>
            </a:br>
            <a:r>
              <a:rPr lang="en-US"/>
              <a:t>T: 01204 </a:t>
            </a:r>
            <a:r>
              <a:rPr lang="en-US" err="1"/>
              <a:t>xxxxxxx</a:t>
            </a:r>
            <a:r>
              <a:rPr lang="en-US"/>
              <a:t/>
            </a:r>
            <a:br>
              <a:rPr lang="en-US"/>
            </a:br>
            <a:r>
              <a:rPr lang="en-US"/>
              <a:t>E: name@keoghs.co.uk</a:t>
            </a:r>
            <a:endParaRPr lang="en-GB"/>
          </a:p>
        </p:txBody>
      </p:sp>
      <p:sp>
        <p:nvSpPr>
          <p:cNvPr id="57" name="Text Placeholder 17"/>
          <p:cNvSpPr>
            <a:spLocks noGrp="1"/>
          </p:cNvSpPr>
          <p:nvPr>
            <p:ph type="body" sz="quarter" idx="15" hasCustomPrompt="1"/>
          </p:nvPr>
        </p:nvSpPr>
        <p:spPr>
          <a:xfrm>
            <a:off x="2704237" y="8079083"/>
            <a:ext cx="4450943" cy="2191454"/>
          </a:xfrm>
          <a:prstGeom prst="rect">
            <a:avLst/>
          </a:prstGeom>
        </p:spPr>
        <p:txBody>
          <a:bodyPr anchor="ctr" anchorCtr="0">
            <a:normAutofit/>
          </a:bodyPr>
          <a:lstStyle>
            <a:lvl1pPr marL="0" indent="0">
              <a:spcBef>
                <a:spcPts val="0"/>
              </a:spcBef>
              <a:spcAft>
                <a:spcPts val="0"/>
              </a:spcAft>
              <a:buNone/>
              <a:defRPr sz="3200">
                <a:solidFill>
                  <a:schemeClr val="accent5"/>
                </a:solidFill>
              </a:defRPr>
            </a:lvl1pPr>
            <a:lvl2pPr marL="457200" indent="0">
              <a:buNone/>
              <a:defRPr/>
            </a:lvl2pPr>
            <a:lvl3pPr marL="914400" indent="0">
              <a:buNone/>
              <a:defRPr/>
            </a:lvl3pPr>
          </a:lstStyle>
          <a:p>
            <a:pPr lvl="0"/>
            <a:r>
              <a:rPr lang="en-US"/>
              <a:t>Click to edit Name</a:t>
            </a:r>
            <a:br>
              <a:rPr lang="en-US"/>
            </a:br>
            <a:r>
              <a:rPr lang="en-US"/>
              <a:t>Title </a:t>
            </a:r>
            <a:br>
              <a:rPr lang="en-US"/>
            </a:br>
            <a:r>
              <a:rPr lang="en-US"/>
              <a:t>T: 01204 </a:t>
            </a:r>
            <a:r>
              <a:rPr lang="en-US" err="1"/>
              <a:t>xxxxxxx</a:t>
            </a:r>
            <a:r>
              <a:rPr lang="en-US"/>
              <a:t/>
            </a:r>
            <a:br>
              <a:rPr lang="en-US"/>
            </a:br>
            <a:r>
              <a:rPr lang="en-US"/>
              <a:t>E: name@keoghs.co.uk</a:t>
            </a:r>
            <a:endParaRPr lang="en-GB"/>
          </a:p>
        </p:txBody>
      </p:sp>
      <p:sp>
        <p:nvSpPr>
          <p:cNvPr id="58" name="Picture Placeholder 15"/>
          <p:cNvSpPr>
            <a:spLocks noGrp="1"/>
          </p:cNvSpPr>
          <p:nvPr>
            <p:ph type="pic" sz="quarter" idx="16"/>
          </p:nvPr>
        </p:nvSpPr>
        <p:spPr>
          <a:xfrm>
            <a:off x="7807354" y="3580673"/>
            <a:ext cx="1620000" cy="1620000"/>
          </a:xfrm>
          <a:prstGeom prst="ellipse">
            <a:avLst/>
          </a:prstGeom>
          <a:noFill/>
        </p:spPr>
        <p:txBody>
          <a:bodyPr/>
          <a:lstStyle>
            <a:lvl1pPr marL="0" indent="0">
              <a:buFontTx/>
              <a:buNone/>
              <a:defRPr sz="1200"/>
            </a:lvl1pPr>
          </a:lstStyle>
          <a:p>
            <a:r>
              <a:rPr lang="en-US"/>
              <a:t>Click icon to add picture</a:t>
            </a:r>
            <a:endParaRPr lang="en-GB"/>
          </a:p>
        </p:txBody>
      </p:sp>
      <p:sp>
        <p:nvSpPr>
          <p:cNvPr id="59" name="Picture Placeholder 15"/>
          <p:cNvSpPr>
            <a:spLocks noGrp="1"/>
          </p:cNvSpPr>
          <p:nvPr>
            <p:ph type="pic" sz="quarter" idx="17"/>
          </p:nvPr>
        </p:nvSpPr>
        <p:spPr>
          <a:xfrm>
            <a:off x="7807354" y="5987370"/>
            <a:ext cx="1620000" cy="1620000"/>
          </a:xfrm>
          <a:prstGeom prst="ellipse">
            <a:avLst/>
          </a:prstGeom>
          <a:noFill/>
        </p:spPr>
        <p:txBody>
          <a:bodyPr/>
          <a:lstStyle>
            <a:lvl1pPr marL="0" indent="0">
              <a:buFontTx/>
              <a:buNone/>
              <a:defRPr sz="1200"/>
            </a:lvl1pPr>
          </a:lstStyle>
          <a:p>
            <a:r>
              <a:rPr lang="en-US"/>
              <a:t>Click icon to add picture</a:t>
            </a:r>
            <a:endParaRPr lang="en-GB"/>
          </a:p>
        </p:txBody>
      </p:sp>
      <p:sp>
        <p:nvSpPr>
          <p:cNvPr id="60" name="Picture Placeholder 15"/>
          <p:cNvSpPr>
            <a:spLocks noGrp="1"/>
          </p:cNvSpPr>
          <p:nvPr>
            <p:ph type="pic" sz="quarter" idx="18"/>
          </p:nvPr>
        </p:nvSpPr>
        <p:spPr>
          <a:xfrm>
            <a:off x="7807354" y="8364810"/>
            <a:ext cx="1620000" cy="1620000"/>
          </a:xfrm>
          <a:prstGeom prst="ellipse">
            <a:avLst/>
          </a:prstGeom>
          <a:noFill/>
        </p:spPr>
        <p:txBody>
          <a:bodyPr/>
          <a:lstStyle>
            <a:lvl1pPr marL="0" indent="0">
              <a:buFontTx/>
              <a:buNone/>
              <a:defRPr sz="1200"/>
            </a:lvl1pPr>
          </a:lstStyle>
          <a:p>
            <a:r>
              <a:rPr lang="en-US"/>
              <a:t>Click icon to add picture</a:t>
            </a:r>
            <a:endParaRPr lang="en-GB"/>
          </a:p>
        </p:txBody>
      </p:sp>
      <p:sp>
        <p:nvSpPr>
          <p:cNvPr id="61" name="Text Placeholder 17"/>
          <p:cNvSpPr>
            <a:spLocks noGrp="1"/>
          </p:cNvSpPr>
          <p:nvPr>
            <p:ph type="body" sz="quarter" idx="19" hasCustomPrompt="1"/>
          </p:nvPr>
        </p:nvSpPr>
        <p:spPr>
          <a:xfrm>
            <a:off x="9714637" y="3294946"/>
            <a:ext cx="4450943" cy="2191454"/>
          </a:xfrm>
          <a:prstGeom prst="rect">
            <a:avLst/>
          </a:prstGeom>
        </p:spPr>
        <p:txBody>
          <a:bodyPr anchor="ctr" anchorCtr="0">
            <a:normAutofit/>
          </a:bodyPr>
          <a:lstStyle>
            <a:lvl1pPr marL="0" indent="0">
              <a:spcBef>
                <a:spcPts val="0"/>
              </a:spcBef>
              <a:spcAft>
                <a:spcPts val="0"/>
              </a:spcAft>
              <a:buNone/>
              <a:defRPr sz="3200">
                <a:solidFill>
                  <a:schemeClr val="accent5"/>
                </a:solidFill>
              </a:defRPr>
            </a:lvl1pPr>
            <a:lvl2pPr marL="457200" indent="0">
              <a:buNone/>
              <a:defRPr/>
            </a:lvl2pPr>
            <a:lvl3pPr marL="914400" indent="0">
              <a:buNone/>
              <a:defRPr/>
            </a:lvl3pPr>
          </a:lstStyle>
          <a:p>
            <a:pPr lvl="0"/>
            <a:r>
              <a:rPr lang="en-US"/>
              <a:t>Click to edit Name</a:t>
            </a:r>
            <a:br>
              <a:rPr lang="en-US"/>
            </a:br>
            <a:r>
              <a:rPr lang="en-US"/>
              <a:t>Title </a:t>
            </a:r>
            <a:br>
              <a:rPr lang="en-US"/>
            </a:br>
            <a:r>
              <a:rPr lang="en-US"/>
              <a:t>T: 01204 </a:t>
            </a:r>
            <a:r>
              <a:rPr lang="en-US" err="1"/>
              <a:t>xxxxxxx</a:t>
            </a:r>
            <a:r>
              <a:rPr lang="en-US"/>
              <a:t/>
            </a:r>
            <a:br>
              <a:rPr lang="en-US"/>
            </a:br>
            <a:r>
              <a:rPr lang="en-US"/>
              <a:t>E: name@keoghs.co.uk</a:t>
            </a:r>
            <a:endParaRPr lang="en-GB"/>
          </a:p>
        </p:txBody>
      </p:sp>
      <p:sp>
        <p:nvSpPr>
          <p:cNvPr id="62" name="Text Placeholder 17"/>
          <p:cNvSpPr>
            <a:spLocks noGrp="1"/>
          </p:cNvSpPr>
          <p:nvPr>
            <p:ph type="body" sz="quarter" idx="20" hasCustomPrompt="1"/>
          </p:nvPr>
        </p:nvSpPr>
        <p:spPr>
          <a:xfrm>
            <a:off x="9714637" y="5701643"/>
            <a:ext cx="4450943" cy="2191454"/>
          </a:xfrm>
          <a:prstGeom prst="rect">
            <a:avLst/>
          </a:prstGeom>
        </p:spPr>
        <p:txBody>
          <a:bodyPr anchor="ctr" anchorCtr="0">
            <a:normAutofit/>
          </a:bodyPr>
          <a:lstStyle>
            <a:lvl1pPr marL="0" indent="0">
              <a:spcBef>
                <a:spcPts val="0"/>
              </a:spcBef>
              <a:spcAft>
                <a:spcPts val="0"/>
              </a:spcAft>
              <a:buNone/>
              <a:defRPr sz="3200">
                <a:solidFill>
                  <a:schemeClr val="accent5"/>
                </a:solidFill>
              </a:defRPr>
            </a:lvl1pPr>
            <a:lvl2pPr marL="457200" indent="0">
              <a:buNone/>
              <a:defRPr/>
            </a:lvl2pPr>
            <a:lvl3pPr marL="914400" indent="0">
              <a:buNone/>
              <a:defRPr/>
            </a:lvl3pPr>
          </a:lstStyle>
          <a:p>
            <a:pPr lvl="0"/>
            <a:r>
              <a:rPr lang="en-US"/>
              <a:t>Click to edit Name</a:t>
            </a:r>
            <a:br>
              <a:rPr lang="en-US"/>
            </a:br>
            <a:r>
              <a:rPr lang="en-US"/>
              <a:t>Title </a:t>
            </a:r>
            <a:br>
              <a:rPr lang="en-US"/>
            </a:br>
            <a:r>
              <a:rPr lang="en-US"/>
              <a:t>T: 01204 </a:t>
            </a:r>
            <a:r>
              <a:rPr lang="en-US" err="1"/>
              <a:t>xxxxxxx</a:t>
            </a:r>
            <a:r>
              <a:rPr lang="en-US"/>
              <a:t/>
            </a:r>
            <a:br>
              <a:rPr lang="en-US"/>
            </a:br>
            <a:r>
              <a:rPr lang="en-US"/>
              <a:t>E: name@keoghs.co.uk</a:t>
            </a:r>
            <a:endParaRPr lang="en-GB"/>
          </a:p>
        </p:txBody>
      </p:sp>
      <p:sp>
        <p:nvSpPr>
          <p:cNvPr id="63" name="Text Placeholder 17"/>
          <p:cNvSpPr>
            <a:spLocks noGrp="1"/>
          </p:cNvSpPr>
          <p:nvPr>
            <p:ph type="body" sz="quarter" idx="21" hasCustomPrompt="1"/>
          </p:nvPr>
        </p:nvSpPr>
        <p:spPr>
          <a:xfrm>
            <a:off x="9714637" y="8079083"/>
            <a:ext cx="4450943" cy="2191454"/>
          </a:xfrm>
          <a:prstGeom prst="rect">
            <a:avLst/>
          </a:prstGeom>
        </p:spPr>
        <p:txBody>
          <a:bodyPr anchor="ctr" anchorCtr="0">
            <a:normAutofit/>
          </a:bodyPr>
          <a:lstStyle>
            <a:lvl1pPr marL="0" indent="0">
              <a:spcBef>
                <a:spcPts val="0"/>
              </a:spcBef>
              <a:spcAft>
                <a:spcPts val="0"/>
              </a:spcAft>
              <a:buNone/>
              <a:defRPr sz="3200">
                <a:solidFill>
                  <a:schemeClr val="accent5"/>
                </a:solidFill>
              </a:defRPr>
            </a:lvl1pPr>
            <a:lvl2pPr marL="457200" indent="0">
              <a:buNone/>
              <a:defRPr/>
            </a:lvl2pPr>
            <a:lvl3pPr marL="914400" indent="0">
              <a:buNone/>
              <a:defRPr/>
            </a:lvl3pPr>
          </a:lstStyle>
          <a:p>
            <a:pPr lvl="0"/>
            <a:r>
              <a:rPr lang="en-US"/>
              <a:t>Click to edit Name</a:t>
            </a:r>
            <a:br>
              <a:rPr lang="en-US"/>
            </a:br>
            <a:r>
              <a:rPr lang="en-US"/>
              <a:t>Title </a:t>
            </a:r>
            <a:br>
              <a:rPr lang="en-US"/>
            </a:br>
            <a:r>
              <a:rPr lang="en-US"/>
              <a:t>T: 01204 </a:t>
            </a:r>
            <a:r>
              <a:rPr lang="en-US" err="1"/>
              <a:t>xxxxxxx</a:t>
            </a:r>
            <a:r>
              <a:rPr lang="en-US"/>
              <a:t/>
            </a:r>
            <a:br>
              <a:rPr lang="en-US"/>
            </a:br>
            <a:r>
              <a:rPr lang="en-US"/>
              <a:t>E: name@keoghs.co.uk</a:t>
            </a:r>
            <a:endParaRPr lang="en-GB"/>
          </a:p>
        </p:txBody>
      </p:sp>
      <p:sp>
        <p:nvSpPr>
          <p:cNvPr id="18" name="Title 4"/>
          <p:cNvSpPr>
            <a:spLocks noGrp="1"/>
          </p:cNvSpPr>
          <p:nvPr>
            <p:ph type="title"/>
          </p:nvPr>
        </p:nvSpPr>
        <p:spPr>
          <a:xfrm>
            <a:off x="842674" y="794960"/>
            <a:ext cx="17793001" cy="984304"/>
          </a:xfrm>
          <a:prstGeom prst="rect">
            <a:avLst/>
          </a:prstGeom>
        </p:spPr>
        <p:txBody>
          <a:bodyPr anchor="t" anchorCtr="0"/>
          <a:lstStyle>
            <a:lvl1pPr>
              <a:defRPr sz="4800">
                <a:solidFill>
                  <a:srgbClr val="114B5F"/>
                </a:solidFill>
              </a:defRPr>
            </a:lvl1pPr>
          </a:lstStyle>
          <a:p>
            <a:r>
              <a:rPr lang="en-US"/>
              <a:t>Click to edit Master title style</a:t>
            </a:r>
            <a:endParaRPr lang="en-GB"/>
          </a:p>
        </p:txBody>
      </p:sp>
      <p:pic>
        <p:nvPicPr>
          <p:cNvPr id="19" name="Picture 18"/>
          <p:cNvPicPr>
            <a:picLocks noChangeAspect="1"/>
          </p:cNvPicPr>
          <p:nvPr userDrawn="1"/>
        </p:nvPicPr>
        <p:blipFill>
          <a:blip r:embed="rId2" cstate="email">
            <a:extLst>
              <a:ext uri="{28A0092B-C50C-407E-A947-70E740481C1C}">
                <a14:useLocalDpi xmlns:a14="http://schemas.microsoft.com/office/drawing/2010/main" val="0"/>
              </a:ext>
            </a:extLst>
          </a:blip>
          <a:stretch>
            <a:fillRect/>
          </a:stretch>
        </p:blipFill>
        <p:spPr>
          <a:xfrm>
            <a:off x="17294937" y="748510"/>
            <a:ext cx="2354541" cy="766038"/>
          </a:xfrm>
          <a:prstGeom prst="rect">
            <a:avLst/>
          </a:prstGeom>
        </p:spPr>
      </p:pic>
      <p:pic>
        <p:nvPicPr>
          <p:cNvPr id="20" name="Picture 8"/>
          <p:cNvPicPr>
            <a:picLocks noChangeAspect="1"/>
          </p:cNvPicPr>
          <p:nvPr userDrawn="1"/>
        </p:nvPicPr>
        <p:blipFill rotWithShape="1">
          <a:blip r:embed="rId3" cstate="email">
            <a:extLst>
              <a:ext uri="{28A0092B-C50C-407E-A947-70E740481C1C}">
                <a14:useLocalDpi xmlns:a14="http://schemas.microsoft.com/office/drawing/2010/main" val="0"/>
              </a:ext>
            </a:extLst>
          </a:blip>
          <a:srcRect l="36418" r="56547" b="-9352"/>
          <a:stretch/>
        </p:blipFill>
        <p:spPr bwMode="auto">
          <a:xfrm>
            <a:off x="17004889" y="878090"/>
            <a:ext cx="290053" cy="66832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1" name="Picture 20"/>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15415166" y="974358"/>
            <a:ext cx="1444699" cy="314341"/>
          </a:xfrm>
          <a:prstGeom prst="rect">
            <a:avLst/>
          </a:prstGeom>
        </p:spPr>
      </p:pic>
    </p:spTree>
    <p:extLst>
      <p:ext uri="{BB962C8B-B14F-4D97-AF65-F5344CB8AC3E}">
        <p14:creationId xmlns:p14="http://schemas.microsoft.com/office/powerpoint/2010/main" val="95034349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p:cSld name="Simple-white">
    <p:spTree>
      <p:nvGrpSpPr>
        <p:cNvPr id="1" name=""/>
        <p:cNvGrpSpPr/>
        <p:nvPr/>
      </p:nvGrpSpPr>
      <p:grpSpPr>
        <a:xfrm>
          <a:off x="0" y="0"/>
          <a:ext cx="0" cy="0"/>
          <a:chOff x="0" y="0"/>
          <a:chExt cx="0" cy="0"/>
        </a:xfrm>
      </p:grpSpPr>
    </p:spTree>
    <p:extLst>
      <p:ext uri="{BB962C8B-B14F-4D97-AF65-F5344CB8AC3E}">
        <p14:creationId xmlns:p14="http://schemas.microsoft.com/office/powerpoint/2010/main" val="1427377848"/>
      </p:ext>
    </p:extLst>
  </p:cSld>
  <p:clrMapOvr>
    <a:masterClrMapping/>
  </p:clrMapOvr>
  <p:hf hdr="0" ftr="0" dt="0"/>
</p:sldLayout>
</file>

<file path=ppt/slideLayouts/slideLayout40.xml><?xml version="1.0" encoding="utf-8"?>
<p:sldLayout xmlns:a="http://schemas.openxmlformats.org/drawingml/2006/main" xmlns:r="http://schemas.openxmlformats.org/officeDocument/2006/relationships" xmlns:p="http://schemas.openxmlformats.org/presentationml/2006/main">
  <p:cSld name="1_Title and Content">
    <p:bg>
      <p:bgPr>
        <a:solidFill>
          <a:schemeClr val="accent3"/>
        </a:solidFill>
        <a:effectLst/>
      </p:bgPr>
    </p:bg>
    <p:spTree>
      <p:nvGrpSpPr>
        <p:cNvPr id="1" name=""/>
        <p:cNvGrpSpPr/>
        <p:nvPr/>
      </p:nvGrpSpPr>
      <p:grpSpPr>
        <a:xfrm>
          <a:off x="0" y="0"/>
          <a:ext cx="0" cy="0"/>
          <a:chOff x="0" y="0"/>
          <a:chExt cx="0" cy="0"/>
        </a:xfrm>
      </p:grpSpPr>
      <p:sp>
        <p:nvSpPr>
          <p:cNvPr id="7" name="Title Placeholder 1"/>
          <p:cNvSpPr>
            <a:spLocks noGrp="1"/>
          </p:cNvSpPr>
          <p:nvPr>
            <p:ph type="title"/>
          </p:nvPr>
        </p:nvSpPr>
        <p:spPr>
          <a:xfrm>
            <a:off x="0" y="4610100"/>
            <a:ext cx="20320000" cy="2209800"/>
          </a:xfrm>
          <a:prstGeom prst="rect">
            <a:avLst/>
          </a:prstGeom>
        </p:spPr>
        <p:txBody>
          <a:bodyPr vert="horz" lIns="91440" tIns="45720" rIns="91440" bIns="45720" rtlCol="0" anchor="ctr">
            <a:normAutofit/>
          </a:bodyPr>
          <a:lstStyle>
            <a:lvl1pPr>
              <a:defRPr>
                <a:solidFill>
                  <a:schemeClr val="bg1"/>
                </a:solidFill>
              </a:defRPr>
            </a:lvl1pPr>
          </a:lstStyle>
          <a:p>
            <a:r>
              <a:rPr lang="en-US"/>
              <a:t>Click to edit Master title style</a:t>
            </a:r>
            <a:endParaRPr lang="en-GB"/>
          </a:p>
        </p:txBody>
      </p:sp>
    </p:spTree>
    <p:extLst>
      <p:ext uri="{BB962C8B-B14F-4D97-AF65-F5344CB8AC3E}">
        <p14:creationId xmlns:p14="http://schemas.microsoft.com/office/powerpoint/2010/main" val="3327387724"/>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userDrawn="1">
  <p:cSld name="3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579549" y="1949772"/>
            <a:ext cx="19103662" cy="8071922"/>
          </a:xfrm>
          <a:prstGeom prst="rect">
            <a:avLst/>
          </a:prstGeom>
        </p:spPr>
        <p:txBody>
          <a:bodyPr/>
          <a:lstStyle>
            <a:lvl1pPr marL="381008" indent="-381008">
              <a:lnSpc>
                <a:spcPct val="100000"/>
              </a:lnSpc>
              <a:spcAft>
                <a:spcPts val="333"/>
              </a:spcAft>
              <a:buFont typeface="Arial" panose="020B0604020202020204" pitchFamily="34" charset="0"/>
              <a:buChar char="•"/>
              <a:defRPr>
                <a:solidFill>
                  <a:schemeClr val="tx1"/>
                </a:solidFill>
                <a:latin typeface="+mn-lt"/>
              </a:defRPr>
            </a:lvl1pPr>
            <a:lvl2pPr marL="1143023" indent="-381008">
              <a:lnSpc>
                <a:spcPct val="100000"/>
              </a:lnSpc>
              <a:spcAft>
                <a:spcPts val="333"/>
              </a:spcAft>
              <a:buFont typeface="Arial" panose="020B0604020202020204" pitchFamily="34" charset="0"/>
              <a:buChar char="•"/>
              <a:defRPr>
                <a:solidFill>
                  <a:schemeClr val="tx1"/>
                </a:solidFill>
                <a:latin typeface="+mn-lt"/>
              </a:defRPr>
            </a:lvl2pPr>
            <a:lvl3pPr marL="1905038" indent="-381008">
              <a:lnSpc>
                <a:spcPct val="100000"/>
              </a:lnSpc>
              <a:spcAft>
                <a:spcPts val="333"/>
              </a:spcAft>
              <a:buFont typeface="Arial" panose="020B0604020202020204" pitchFamily="34" charset="0"/>
              <a:buChar char="•"/>
              <a:defRPr>
                <a:solidFill>
                  <a:schemeClr val="tx1"/>
                </a:solidFill>
                <a:latin typeface="+mn-lt"/>
              </a:defRPr>
            </a:lvl3pPr>
            <a:lvl4pPr marL="2667053" indent="-381008">
              <a:lnSpc>
                <a:spcPct val="100000"/>
              </a:lnSpc>
              <a:spcAft>
                <a:spcPts val="333"/>
              </a:spcAft>
              <a:buFont typeface="Arial" panose="020B0604020202020204" pitchFamily="34" charset="0"/>
              <a:buChar char="•"/>
              <a:defRPr>
                <a:solidFill>
                  <a:schemeClr val="tx1"/>
                </a:solidFill>
                <a:latin typeface="+mn-lt"/>
              </a:defRPr>
            </a:lvl4pPr>
            <a:lvl5pPr marL="3429069" indent="-381008">
              <a:lnSpc>
                <a:spcPct val="100000"/>
              </a:lnSpc>
              <a:spcAft>
                <a:spcPts val="333"/>
              </a:spcAft>
              <a:buFont typeface="Arial" panose="020B0604020202020204" pitchFamily="34" charset="0"/>
              <a:buChar char="•"/>
              <a:defRPr>
                <a:solidFill>
                  <a:schemeClr val="tx1"/>
                </a:solidFill>
                <a:latin typeface="+mn-lt"/>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pic>
        <p:nvPicPr>
          <p:cNvPr id="8" name="Picture 7"/>
          <p:cNvPicPr>
            <a:picLocks noChangeAspect="1"/>
          </p:cNvPicPr>
          <p:nvPr userDrawn="1"/>
        </p:nvPicPr>
        <p:blipFill>
          <a:blip r:embed="rId2" cstate="screen">
            <a:extLst>
              <a:ext uri="{28A0092B-C50C-407E-A947-70E740481C1C}">
                <a14:useLocalDpi xmlns:a14="http://schemas.microsoft.com/office/drawing/2010/main"/>
              </a:ext>
            </a:extLst>
          </a:blip>
          <a:stretch>
            <a:fillRect/>
          </a:stretch>
        </p:blipFill>
        <p:spPr>
          <a:xfrm>
            <a:off x="17797416" y="10427346"/>
            <a:ext cx="1887585" cy="634522"/>
          </a:xfrm>
          <a:prstGeom prst="rect">
            <a:avLst/>
          </a:prstGeom>
        </p:spPr>
      </p:pic>
      <p:sp>
        <p:nvSpPr>
          <p:cNvPr id="9" name="Title 1"/>
          <p:cNvSpPr>
            <a:spLocks noGrp="1"/>
          </p:cNvSpPr>
          <p:nvPr>
            <p:ph type="title"/>
          </p:nvPr>
        </p:nvSpPr>
        <p:spPr>
          <a:xfrm>
            <a:off x="579549" y="372428"/>
            <a:ext cx="19103662" cy="1280360"/>
          </a:xfrm>
        </p:spPr>
        <p:txBody>
          <a:bodyPr/>
          <a:lstStyle>
            <a:lvl1pPr>
              <a:defRPr>
                <a:solidFill>
                  <a:schemeClr val="tx2"/>
                </a:solidFill>
                <a:latin typeface="+mn-lt"/>
              </a:defRPr>
            </a:lvl1pPr>
          </a:lstStyle>
          <a:p>
            <a:r>
              <a:rPr lang="en-US"/>
              <a:t>Click to edit Master title style</a:t>
            </a:r>
            <a:endParaRPr lang="en-GB" dirty="0"/>
          </a:p>
        </p:txBody>
      </p:sp>
      <p:cxnSp>
        <p:nvCxnSpPr>
          <p:cNvPr id="10" name="Straight Connector 9"/>
          <p:cNvCxnSpPr/>
          <p:nvPr userDrawn="1"/>
        </p:nvCxnSpPr>
        <p:spPr>
          <a:xfrm>
            <a:off x="579547" y="10071075"/>
            <a:ext cx="19103662" cy="0"/>
          </a:xfrm>
          <a:prstGeom prst="line">
            <a:avLst/>
          </a:prstGeom>
          <a:ln w="12700">
            <a:solidFill>
              <a:schemeClr val="bg2"/>
            </a:solidFill>
          </a:ln>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userDrawn="1"/>
        </p:nvCxnSpPr>
        <p:spPr>
          <a:xfrm>
            <a:off x="579547" y="1652788"/>
            <a:ext cx="19103662" cy="0"/>
          </a:xfrm>
          <a:prstGeom prst="line">
            <a:avLst/>
          </a:prstGeom>
          <a:ln w="63500">
            <a:solidFill>
              <a:schemeClr val="tx2"/>
            </a:solidFill>
          </a:ln>
        </p:spPr>
        <p:style>
          <a:lnRef idx="1">
            <a:schemeClr val="accent1"/>
          </a:lnRef>
          <a:fillRef idx="0">
            <a:schemeClr val="accent1"/>
          </a:fillRef>
          <a:effectRef idx="0">
            <a:schemeClr val="accent1"/>
          </a:effectRef>
          <a:fontRef idx="minor">
            <a:schemeClr val="tx1"/>
          </a:fontRef>
        </p:style>
      </p:cxnSp>
      <p:pic>
        <p:nvPicPr>
          <p:cNvPr id="11" name="Picture 10"/>
          <p:cNvPicPr>
            <a:picLocks noChangeAspect="1"/>
          </p:cNvPicPr>
          <p:nvPr userDrawn="1"/>
        </p:nvPicPr>
        <p:blipFill>
          <a:blip r:embed="rId3" cstate="print">
            <a:extLst>
              <a:ext uri="{28A0092B-C50C-407E-A947-70E740481C1C}">
                <a14:useLocalDpi xmlns:a14="http://schemas.microsoft.com/office/drawing/2010/main"/>
              </a:ext>
            </a:extLst>
          </a:blip>
          <a:stretch>
            <a:fillRect/>
          </a:stretch>
        </p:blipFill>
        <p:spPr>
          <a:xfrm>
            <a:off x="17494581" y="10371047"/>
            <a:ext cx="2161205" cy="614567"/>
          </a:xfrm>
          <a:prstGeom prst="rect">
            <a:avLst/>
          </a:prstGeom>
        </p:spPr>
      </p:pic>
    </p:spTree>
    <p:extLst>
      <p:ext uri="{BB962C8B-B14F-4D97-AF65-F5344CB8AC3E}">
        <p14:creationId xmlns:p14="http://schemas.microsoft.com/office/powerpoint/2010/main" val="15771307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userDrawn="1">
  <p:cSld name="1_Title Slide">
    <p:bg>
      <p:bgPr>
        <a:solidFill>
          <a:schemeClr val="accent5"/>
        </a:solidFill>
        <a:effectLst/>
      </p:bgPr>
    </p:bg>
    <p:spTree>
      <p:nvGrpSpPr>
        <p:cNvPr id="1" name=""/>
        <p:cNvGrpSpPr/>
        <p:nvPr/>
      </p:nvGrpSpPr>
      <p:grpSpPr>
        <a:xfrm>
          <a:off x="0" y="0"/>
          <a:ext cx="0" cy="0"/>
          <a:chOff x="0" y="0"/>
          <a:chExt cx="0" cy="0"/>
        </a:xfrm>
      </p:grpSpPr>
      <p:cxnSp>
        <p:nvCxnSpPr>
          <p:cNvPr id="21" name="Straight Connector 20"/>
          <p:cNvCxnSpPr/>
          <p:nvPr userDrawn="1"/>
        </p:nvCxnSpPr>
        <p:spPr>
          <a:xfrm>
            <a:off x="842675" y="1826501"/>
            <a:ext cx="18718313" cy="10082"/>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pic>
        <p:nvPicPr>
          <p:cNvPr id="41" name="Picture 8"/>
          <p:cNvPicPr>
            <a:picLocks noChangeAspect="1"/>
          </p:cNvPicPr>
          <p:nvPr userDrawn="1"/>
        </p:nvPicPr>
        <p:blipFill>
          <a:blip r:embed="rId2" cstate="email">
            <a:extLst>
              <a:ext uri="{28A0092B-C50C-407E-A947-70E740481C1C}">
                <a14:useLocalDpi xmlns:a14="http://schemas.microsoft.com/office/drawing/2010/main" val="0"/>
              </a:ext>
            </a:extLst>
          </a:blip>
          <a:stretch>
            <a:fillRect/>
          </a:stretch>
        </p:blipFill>
        <p:spPr bwMode="auto">
          <a:xfrm>
            <a:off x="15941712" y="794963"/>
            <a:ext cx="3619277" cy="774468"/>
          </a:xfrm>
          <a:prstGeom prst="rect">
            <a:avLst/>
          </a:prstGeom>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35" name="Title 4"/>
          <p:cNvSpPr>
            <a:spLocks noGrp="1"/>
          </p:cNvSpPr>
          <p:nvPr>
            <p:ph type="title"/>
          </p:nvPr>
        </p:nvSpPr>
        <p:spPr>
          <a:xfrm>
            <a:off x="842676" y="794960"/>
            <a:ext cx="10961398" cy="984303"/>
          </a:xfrm>
          <a:prstGeom prst="rect">
            <a:avLst/>
          </a:prstGeom>
        </p:spPr>
        <p:txBody>
          <a:bodyPr anchor="t" anchorCtr="0"/>
          <a:lstStyle>
            <a:lvl1pPr>
              <a:defRPr sz="4800">
                <a:solidFill>
                  <a:schemeClr val="bg1"/>
                </a:solidFill>
              </a:defRPr>
            </a:lvl1pPr>
          </a:lstStyle>
          <a:p>
            <a:r>
              <a:rPr lang="en-US" dirty="0"/>
              <a:t>Click to edit Master title style</a:t>
            </a:r>
            <a:endParaRPr lang="en-GB" dirty="0"/>
          </a:p>
        </p:txBody>
      </p:sp>
    </p:spTree>
    <p:extLst>
      <p:ext uri="{BB962C8B-B14F-4D97-AF65-F5344CB8AC3E}">
        <p14:creationId xmlns:p14="http://schemas.microsoft.com/office/powerpoint/2010/main" val="3196481021"/>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userDrawn="1">
  <p:cSld name="Two Content_Dark">
    <p:bg>
      <p:bgRef idx="1001">
        <a:schemeClr val="bg2"/>
      </p:bgRef>
    </p:bg>
    <p:spTree>
      <p:nvGrpSpPr>
        <p:cNvPr id="1" name=""/>
        <p:cNvGrpSpPr/>
        <p:nvPr/>
      </p:nvGrpSpPr>
      <p:grpSpPr>
        <a:xfrm>
          <a:off x="0" y="0"/>
          <a:ext cx="0" cy="0"/>
          <a:chOff x="0" y="0"/>
          <a:chExt cx="0" cy="0"/>
        </a:xfrm>
      </p:grpSpPr>
      <p:sp>
        <p:nvSpPr>
          <p:cNvPr id="8" name="Guides" hidden="1">
            <a:extLst>
              <a:ext uri="{FF2B5EF4-FFF2-40B4-BE49-F238E27FC236}">
                <a16:creationId xmlns:a16="http://schemas.microsoft.com/office/drawing/2014/main" id="{1CCC1DA6-3109-44AB-859A-3A8651415C8D}"/>
              </a:ext>
            </a:extLst>
          </p:cNvPr>
          <p:cNvSpPr/>
          <p:nvPr userDrawn="1">
            <p:custDataLst>
              <p:tags r:id="rId1"/>
            </p:custDataLst>
          </p:nvPr>
        </p:nvSpPr>
        <p:spPr>
          <a:xfrm>
            <a:off x="0" y="0"/>
            <a:ext cx="1058333" cy="423333"/>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167">
              <a:solidFill>
                <a:srgbClr val="FFFFFF"/>
              </a:solidFill>
            </a:endParaRPr>
          </a:p>
        </p:txBody>
      </p:sp>
      <p:sp>
        <p:nvSpPr>
          <p:cNvPr id="9" name="Slide Number Placeholder 5">
            <a:extLst>
              <a:ext uri="{FF2B5EF4-FFF2-40B4-BE49-F238E27FC236}">
                <a16:creationId xmlns:a16="http://schemas.microsoft.com/office/drawing/2014/main" id="{226D59C5-94A5-4B26-94BD-5C95552D5980}"/>
              </a:ext>
            </a:extLst>
          </p:cNvPr>
          <p:cNvSpPr>
            <a:spLocks noGrp="1"/>
          </p:cNvSpPr>
          <p:nvPr>
            <p:ph type="sldNum" sz="quarter" idx="4"/>
          </p:nvPr>
        </p:nvSpPr>
        <p:spPr>
          <a:xfrm>
            <a:off x="18525345" y="10737383"/>
            <a:ext cx="669223" cy="309600"/>
          </a:xfrm>
          <a:prstGeom prst="rect">
            <a:avLst/>
          </a:prstGeom>
        </p:spPr>
        <p:txBody>
          <a:bodyPr vert="horz" lIns="0" tIns="0" rIns="0" bIns="0" rtlCol="0" anchor="ctr" anchorCtr="0"/>
          <a:lstStyle>
            <a:lvl1pPr algn="ctr">
              <a:defRPr sz="2000">
                <a:solidFill>
                  <a:schemeClr val="tx2"/>
                </a:solidFill>
              </a:defRPr>
            </a:lvl1pPr>
          </a:lstStyle>
          <a:p>
            <a:fld id="{680BFA78-B125-4CEF-AAD8-1CC69F460C2E}" type="slidenum">
              <a:rPr lang="en-GB" smtClean="0"/>
              <a:pPr/>
              <a:t>‹#›</a:t>
            </a:fld>
            <a:endParaRPr lang="en-GB" sz="2000"/>
          </a:p>
        </p:txBody>
      </p:sp>
      <p:cxnSp>
        <p:nvCxnSpPr>
          <p:cNvPr id="10" name="Straight Connector 9">
            <a:extLst>
              <a:ext uri="{FF2B5EF4-FFF2-40B4-BE49-F238E27FC236}">
                <a16:creationId xmlns:a16="http://schemas.microsoft.com/office/drawing/2014/main" id="{191D2CF7-C994-4B5C-80E0-B4E29DE99A3E}"/>
              </a:ext>
            </a:extLst>
          </p:cNvPr>
          <p:cNvCxnSpPr>
            <a:cxnSpLocks/>
            <a:endCxn id="9" idx="1"/>
          </p:cNvCxnSpPr>
          <p:nvPr userDrawn="1"/>
        </p:nvCxnSpPr>
        <p:spPr>
          <a:xfrm>
            <a:off x="3735051" y="10892183"/>
            <a:ext cx="14790295"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11" name="Oval 10">
            <a:extLst>
              <a:ext uri="{FF2B5EF4-FFF2-40B4-BE49-F238E27FC236}">
                <a16:creationId xmlns:a16="http://schemas.microsoft.com/office/drawing/2014/main" id="{727B3C2D-6843-4D2C-8FC4-E8088A8BD3AD}"/>
              </a:ext>
            </a:extLst>
          </p:cNvPr>
          <p:cNvSpPr>
            <a:spLocks/>
          </p:cNvSpPr>
          <p:nvPr userDrawn="1"/>
        </p:nvSpPr>
        <p:spPr>
          <a:xfrm>
            <a:off x="18623283" y="10655510"/>
            <a:ext cx="473347" cy="47334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4500"/>
          </a:p>
        </p:txBody>
      </p:sp>
      <p:sp>
        <p:nvSpPr>
          <p:cNvPr id="7" name="Content Placeholder 6">
            <a:extLst>
              <a:ext uri="{FF2B5EF4-FFF2-40B4-BE49-F238E27FC236}">
                <a16:creationId xmlns:a16="http://schemas.microsoft.com/office/drawing/2014/main" id="{67DF4D41-8E03-48E4-8D46-281451AC3EEC}"/>
              </a:ext>
            </a:extLst>
          </p:cNvPr>
          <p:cNvSpPr>
            <a:spLocks noGrp="1"/>
          </p:cNvSpPr>
          <p:nvPr>
            <p:ph sz="quarter" idx="10"/>
          </p:nvPr>
        </p:nvSpPr>
        <p:spPr>
          <a:xfrm>
            <a:off x="1199998" y="2640000"/>
            <a:ext cx="8720000" cy="7590000"/>
          </a:xfrm>
        </p:spPr>
        <p:txBody>
          <a:bodyPr/>
          <a:lstStyle>
            <a:lvl1pPr>
              <a:buClr>
                <a:schemeClr val="accent1"/>
              </a:buCl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14" name="Content Placeholder 13">
            <a:extLst>
              <a:ext uri="{FF2B5EF4-FFF2-40B4-BE49-F238E27FC236}">
                <a16:creationId xmlns:a16="http://schemas.microsoft.com/office/drawing/2014/main" id="{0FBC68ED-384F-4667-8D01-507F41C5B4A4}"/>
              </a:ext>
            </a:extLst>
          </p:cNvPr>
          <p:cNvSpPr>
            <a:spLocks noGrp="1"/>
          </p:cNvSpPr>
          <p:nvPr>
            <p:ph sz="quarter" idx="11"/>
          </p:nvPr>
        </p:nvSpPr>
        <p:spPr>
          <a:xfrm>
            <a:off x="10399998" y="2640000"/>
            <a:ext cx="8720000" cy="7590000"/>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pic>
        <p:nvPicPr>
          <p:cNvPr id="963316914" name="image" descr="{&quot;templafy&quot;:{&quot;id&quot;:&quot;39a9b88a-b487-4266-a894-d3c09bade7ee&quot;}}"/>
          <p:cNvPicPr>
            <a:picLocks noChangeAspect="1"/>
          </p:cNvPicPr>
          <p:nvPr/>
        </p:nvPicPr>
        <p:blipFill>
          <a:blip r:embed="rId4"/>
          <a:stretch>
            <a:fillRect/>
          </a:stretch>
        </p:blipFill>
        <p:spPr>
          <a:xfrm>
            <a:off x="15722790" y="647467"/>
            <a:ext cx="3396000" cy="994922"/>
          </a:xfrm>
          <a:prstGeom prst="rect">
            <a:avLst/>
          </a:prstGeom>
        </p:spPr>
      </p:pic>
      <p:sp>
        <p:nvSpPr>
          <p:cNvPr id="18" name="text" descr="{&quot;templafy&quot;:{&quot;id&quot;:&quot;8e267c90-5808-4b37-9990-91409e2da162&quot;}}" title="Form.Division.Website">
            <a:extLst>
              <a:ext uri="{FF2B5EF4-FFF2-40B4-BE49-F238E27FC236}">
                <a16:creationId xmlns:a16="http://schemas.microsoft.com/office/drawing/2014/main" id="{873C3EA5-7CDF-4FB5-BBCA-3C27D8081AFB}"/>
              </a:ext>
            </a:extLst>
          </p:cNvPr>
          <p:cNvSpPr/>
          <p:nvPr userDrawn="1"/>
        </p:nvSpPr>
        <p:spPr>
          <a:xfrm>
            <a:off x="1149686" y="10721473"/>
            <a:ext cx="2760252" cy="2744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2000">
                <a:solidFill>
                  <a:schemeClr val="tx1"/>
                </a:solidFill>
              </a:rPr>
              <a:t>www.davies-group.com</a:t>
            </a:r>
          </a:p>
        </p:txBody>
      </p:sp>
      <p:cxnSp>
        <p:nvCxnSpPr>
          <p:cNvPr id="15" name="Straight Connector 14">
            <a:extLst>
              <a:ext uri="{FF2B5EF4-FFF2-40B4-BE49-F238E27FC236}">
                <a16:creationId xmlns:a16="http://schemas.microsoft.com/office/drawing/2014/main" id="{75B68356-DAAD-4E55-9F5D-73E0C3AD292C}"/>
              </a:ext>
            </a:extLst>
          </p:cNvPr>
          <p:cNvCxnSpPr>
            <a:cxnSpLocks/>
          </p:cNvCxnSpPr>
          <p:nvPr userDrawn="1"/>
        </p:nvCxnSpPr>
        <p:spPr>
          <a:xfrm>
            <a:off x="1198562" y="1800057"/>
            <a:ext cx="17920230"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17"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1198563" y="964354"/>
            <a:ext cx="13319127" cy="828373"/>
          </a:xfrm>
          <a:prstGeom prst="rect">
            <a:avLst/>
          </a:prstGeom>
        </p:spPr>
        <p:txBody>
          <a:bodyPr vert="horz" lIns="0" tIns="0" rIns="0" bIns="0" rtlCol="0" anchor="ctr">
            <a:noAutofit/>
          </a:bodyPr>
          <a:lstStyle/>
          <a:p>
            <a:r>
              <a:rPr lang="en-US"/>
              <a:t>Click to edit Master title style</a:t>
            </a:r>
            <a:endParaRPr lang="en-GB"/>
          </a:p>
        </p:txBody>
      </p:sp>
    </p:spTree>
    <p:extLst>
      <p:ext uri="{BB962C8B-B14F-4D97-AF65-F5344CB8AC3E}">
        <p14:creationId xmlns:p14="http://schemas.microsoft.com/office/powerpoint/2010/main" val="926749119"/>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4" orient="horz" pos="3866">
          <p15:clr>
            <a:srgbClr val="FF96FF"/>
          </p15:clr>
        </p15:guide>
        <p15:guide id="5" pos="453">
          <p15:clr>
            <a:srgbClr val="FF96FF"/>
          </p15:clr>
        </p15:guide>
        <p15:guide id="6" pos="3749">
          <p15:clr>
            <a:srgbClr val="FF96FF"/>
          </p15:clr>
        </p15:guide>
        <p15:guide id="7" pos="3930">
          <p15:clr>
            <a:srgbClr val="FF96FF"/>
          </p15:clr>
        </p15:guide>
        <p15:guide id="8" pos="7226">
          <p15:clr>
            <a:srgbClr val="FF96FF"/>
          </p15:clr>
        </p15:guide>
      </p15:sldGuideLst>
    </p:ext>
  </p:extLst>
</p:sldLayout>
</file>

<file path=ppt/slideLayouts/slideLayout44.xml><?xml version="1.0" encoding="utf-8"?>
<p:sldLayout xmlns:a="http://schemas.openxmlformats.org/drawingml/2006/main" xmlns:r="http://schemas.openxmlformats.org/officeDocument/2006/relationships" xmlns:p="http://schemas.openxmlformats.org/presentationml/2006/main" showMasterSp="0" type="secHead">
  <p:cSld name="Section Header_Consulting">
    <p:spTree>
      <p:nvGrpSpPr>
        <p:cNvPr id="1" name=""/>
        <p:cNvGrpSpPr/>
        <p:nvPr/>
      </p:nvGrpSpPr>
      <p:grpSpPr>
        <a:xfrm>
          <a:off x="0" y="0"/>
          <a:ext cx="0" cy="0"/>
          <a:chOff x="0" y="0"/>
          <a:chExt cx="0" cy="0"/>
        </a:xfrm>
      </p:grpSpPr>
      <p:pic>
        <p:nvPicPr>
          <p:cNvPr id="5" name="Picture 4">
            <a:extLst>
              <a:ext uri="{FF2B5EF4-FFF2-40B4-BE49-F238E27FC236}">
                <a16:creationId xmlns:a16="http://schemas.microsoft.com/office/drawing/2014/main" id="{015DE6C8-0616-4774-AF7E-F476EE8CED22}"/>
              </a:ext>
            </a:extLst>
          </p:cNvPr>
          <p:cNvPicPr>
            <a:picLocks noChangeAspect="1"/>
          </p:cNvPicPr>
          <p:nvPr userDrawn="1"/>
        </p:nvPicPr>
        <p:blipFill rotWithShape="1">
          <a:blip r:embed="rId2" cstate="email">
            <a:extLst>
              <a:ext uri="{28A0092B-C50C-407E-A947-70E740481C1C}">
                <a14:useLocalDpi xmlns:a14="http://schemas.microsoft.com/office/drawing/2010/main"/>
              </a:ext>
            </a:extLst>
          </a:blip>
          <a:srcRect l="-61" r="-51"/>
          <a:stretch/>
        </p:blipFill>
        <p:spPr>
          <a:xfrm>
            <a:off x="-26630" y="0"/>
            <a:ext cx="20342533" cy="11430000"/>
          </a:xfrm>
          <a:prstGeom prst="rect">
            <a:avLst/>
          </a:prstGeom>
        </p:spPr>
      </p:pic>
      <p:sp>
        <p:nvSpPr>
          <p:cNvPr id="7" name="Rectangle 6">
            <a:extLst>
              <a:ext uri="{FF2B5EF4-FFF2-40B4-BE49-F238E27FC236}">
                <a16:creationId xmlns:a16="http://schemas.microsoft.com/office/drawing/2014/main" id="{6D5B9A92-2D56-4D33-B0D5-0143A602B06C}"/>
              </a:ext>
            </a:extLst>
          </p:cNvPr>
          <p:cNvSpPr/>
          <p:nvPr userDrawn="1"/>
        </p:nvSpPr>
        <p:spPr>
          <a:xfrm>
            <a:off x="-61167" y="0"/>
            <a:ext cx="20381167" cy="11430000"/>
          </a:xfrm>
          <a:prstGeom prst="rect">
            <a:avLst/>
          </a:prstGeom>
          <a:solidFill>
            <a:schemeClr val="accent2">
              <a:alpha val="9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4500"/>
          </a:p>
        </p:txBody>
      </p:sp>
      <p:sp>
        <p:nvSpPr>
          <p:cNvPr id="2" name="text" descr="{&quot;templafy&quot;:{&quot;id&quot;:&quot;ba6cec31-0c58-425f-9710-19581df0b111&quot;}}" title="Form.Title">
            <a:extLst>
              <a:ext uri="{FF2B5EF4-FFF2-40B4-BE49-F238E27FC236}">
                <a16:creationId xmlns:a16="http://schemas.microsoft.com/office/drawing/2014/main" id="{8FA9ACF4-D57C-4660-B66F-9E9B89FF9871}"/>
              </a:ext>
            </a:extLst>
          </p:cNvPr>
          <p:cNvSpPr>
            <a:spLocks noGrp="1"/>
          </p:cNvSpPr>
          <p:nvPr>
            <p:ph type="title" hasCustomPrompt="1"/>
          </p:nvPr>
        </p:nvSpPr>
        <p:spPr>
          <a:xfrm>
            <a:off x="1199999" y="3944470"/>
            <a:ext cx="17918792" cy="2249427"/>
          </a:xfrm>
        </p:spPr>
        <p:txBody>
          <a:bodyPr anchor="b"/>
          <a:lstStyle>
            <a:lvl1pPr algn="ctr">
              <a:defRPr sz="7333" b="1">
                <a:solidFill>
                  <a:schemeClr val="bg1"/>
                </a:solidFill>
              </a:defRPr>
            </a:lvl1pPr>
          </a:lstStyle>
          <a:p>
            <a:r>
              <a:rPr lang="en-GB"/>
              <a:t>Consulting</a:t>
            </a:r>
          </a:p>
        </p:txBody>
      </p:sp>
      <p:sp>
        <p:nvSpPr>
          <p:cNvPr id="3" name="text" descr="{&quot;templafy&quot;:{&quot;id&quot;:&quot;d3c4c70f-b17a-4751-bfd3-df91bbb5a564&quot;}}" title="Form.Subtitle">
            <a:extLst>
              <a:ext uri="{FF2B5EF4-FFF2-40B4-BE49-F238E27FC236}">
                <a16:creationId xmlns:a16="http://schemas.microsoft.com/office/drawing/2014/main" id="{95B2D117-503C-4300-AE95-6642A6EE18EB}"/>
              </a:ext>
            </a:extLst>
          </p:cNvPr>
          <p:cNvSpPr>
            <a:spLocks noGrp="1"/>
          </p:cNvSpPr>
          <p:nvPr>
            <p:ph type="body" idx="1"/>
          </p:nvPr>
        </p:nvSpPr>
        <p:spPr>
          <a:xfrm>
            <a:off x="1199999" y="6434997"/>
            <a:ext cx="17918792" cy="2250000"/>
          </a:xfrm>
        </p:spPr>
        <p:txBody>
          <a:bodyPr lIns="0" tIns="0" rIns="0" bIns="0"/>
          <a:lstStyle>
            <a:lvl1pPr marL="0" indent="0" algn="ctr">
              <a:buNone/>
              <a:defRPr sz="4667">
                <a:solidFill>
                  <a:schemeClr val="accent1"/>
                </a:solidFill>
              </a:defRPr>
            </a:lvl1pPr>
            <a:lvl2pPr marL="762015" indent="0">
              <a:buNone/>
              <a:defRPr sz="3333">
                <a:solidFill>
                  <a:schemeClr val="tx1">
                    <a:tint val="75000"/>
                  </a:schemeClr>
                </a:solidFill>
              </a:defRPr>
            </a:lvl2pPr>
            <a:lvl3pPr marL="1524030" indent="0">
              <a:buNone/>
              <a:defRPr sz="3000">
                <a:solidFill>
                  <a:schemeClr val="tx1">
                    <a:tint val="75000"/>
                  </a:schemeClr>
                </a:solidFill>
              </a:defRPr>
            </a:lvl3pPr>
            <a:lvl4pPr marL="2286046" indent="0">
              <a:buNone/>
              <a:defRPr sz="2667">
                <a:solidFill>
                  <a:schemeClr val="tx1">
                    <a:tint val="75000"/>
                  </a:schemeClr>
                </a:solidFill>
              </a:defRPr>
            </a:lvl4pPr>
            <a:lvl5pPr marL="3048061" indent="0">
              <a:buNone/>
              <a:defRPr sz="2667">
                <a:solidFill>
                  <a:schemeClr val="tx1">
                    <a:tint val="75000"/>
                  </a:schemeClr>
                </a:solidFill>
              </a:defRPr>
            </a:lvl5pPr>
            <a:lvl6pPr marL="3810076" indent="0">
              <a:buNone/>
              <a:defRPr sz="2667">
                <a:solidFill>
                  <a:schemeClr val="tx1">
                    <a:tint val="75000"/>
                  </a:schemeClr>
                </a:solidFill>
              </a:defRPr>
            </a:lvl6pPr>
            <a:lvl7pPr marL="4572091" indent="0">
              <a:buNone/>
              <a:defRPr sz="2667">
                <a:solidFill>
                  <a:schemeClr val="tx1">
                    <a:tint val="75000"/>
                  </a:schemeClr>
                </a:solidFill>
              </a:defRPr>
            </a:lvl7pPr>
            <a:lvl8pPr marL="5334107" indent="0">
              <a:buNone/>
              <a:defRPr sz="2667">
                <a:solidFill>
                  <a:schemeClr val="tx1">
                    <a:tint val="75000"/>
                  </a:schemeClr>
                </a:solidFill>
              </a:defRPr>
            </a:lvl8pPr>
            <a:lvl9pPr marL="6096122" indent="0">
              <a:buNone/>
              <a:defRPr sz="2667">
                <a:solidFill>
                  <a:schemeClr val="tx1">
                    <a:tint val="75000"/>
                  </a:schemeClr>
                </a:solidFill>
              </a:defRPr>
            </a:lvl9pPr>
          </a:lstStyle>
          <a:p>
            <a:pPr lvl="0"/>
            <a:r>
              <a:t>master deck</a:t>
            </a:r>
          </a:p>
        </p:txBody>
      </p:sp>
      <p:pic>
        <p:nvPicPr>
          <p:cNvPr id="8" name="image" descr="{&quot;templafy&quot;:{&quot;id&quot;:&quot;fcf40d81-63eb-4541-9f5e-e616a4c4e6ac&quot;}}"/>
          <p:cNvPicPr>
            <a:picLocks noChangeAspect="1"/>
          </p:cNvPicPr>
          <p:nvPr userDrawn="1"/>
        </p:nvPicPr>
        <p:blipFill>
          <a:blip r:embed="rId3"/>
          <a:stretch>
            <a:fillRect/>
          </a:stretch>
        </p:blipFill>
        <p:spPr>
          <a:xfrm>
            <a:off x="15722790" y="647466"/>
            <a:ext cx="3396000" cy="994922"/>
          </a:xfrm>
          <a:prstGeom prst="rect">
            <a:avLst/>
          </a:prstGeom>
        </p:spPr>
      </p:pic>
    </p:spTree>
    <p:extLst>
      <p:ext uri="{BB962C8B-B14F-4D97-AF65-F5344CB8AC3E}">
        <p14:creationId xmlns:p14="http://schemas.microsoft.com/office/powerpoint/2010/main" val="2221844824"/>
      </p:ext>
    </p:extLst>
  </p:cSld>
  <p:clrMapOvr>
    <a:masterClrMapping/>
  </p:clrMapOvr>
  <p:extLst>
    <p:ext uri="{DCECCB84-F9BA-43D5-87BE-67443E8EF086}">
      <p15:sldGuideLst xmlns:p15="http://schemas.microsoft.com/office/powerpoint/2012/main">
        <p15:guide id="7" pos="453">
          <p15:clr>
            <a:srgbClr val="FF96FF"/>
          </p15:clr>
        </p15:guide>
        <p15:guide id="8" pos="2010">
          <p15:clr>
            <a:srgbClr val="FF96FF"/>
          </p15:clr>
        </p15:guide>
        <p15:guide id="9" pos="2192">
          <p15:clr>
            <a:srgbClr val="FF96FF"/>
          </p15:clr>
        </p15:guide>
        <p15:guide id="10" pos="3749">
          <p15:clr>
            <a:srgbClr val="FF96FF"/>
          </p15:clr>
        </p15:guide>
        <p15:guide id="11" pos="3930">
          <p15:clr>
            <a:srgbClr val="FF96FF"/>
          </p15:clr>
        </p15:guide>
        <p15:guide id="12" pos="5487">
          <p15:clr>
            <a:srgbClr val="FF96FF"/>
          </p15:clr>
        </p15:guide>
        <p15:guide id="13" pos="5669">
          <p15:clr>
            <a:srgbClr val="FF96FF"/>
          </p15:clr>
        </p15:guide>
        <p15:guide id="14" pos="7226">
          <p15:clr>
            <a:srgbClr val="FF96FF"/>
          </p15:clr>
        </p15:guide>
      </p15:sldGuideLst>
    </p:ext>
  </p:extLst>
</p:sldLayout>
</file>

<file path=ppt/slideLayouts/slideLayout45.xml><?xml version="1.0" encoding="utf-8"?>
<p:sldLayout xmlns:a="http://schemas.openxmlformats.org/drawingml/2006/main" xmlns:r="http://schemas.openxmlformats.org/officeDocument/2006/relationships" xmlns:p="http://schemas.openxmlformats.org/presentationml/2006/main" userDrawn="1">
  <p:cSld name="Title Only_Dark">
    <p:bg>
      <p:bgRef idx="1001">
        <a:schemeClr val="bg2"/>
      </p:bgRef>
    </p:bg>
    <p:spTree>
      <p:nvGrpSpPr>
        <p:cNvPr id="1" name=""/>
        <p:cNvGrpSpPr/>
        <p:nvPr/>
      </p:nvGrpSpPr>
      <p:grpSpPr>
        <a:xfrm>
          <a:off x="0" y="0"/>
          <a:ext cx="0" cy="0"/>
          <a:chOff x="0" y="0"/>
          <a:chExt cx="0" cy="0"/>
        </a:xfrm>
      </p:grpSpPr>
      <p:sp>
        <p:nvSpPr>
          <p:cNvPr id="3" name="Rectangle 2">
            <a:extLst>
              <a:ext uri="{FF2B5EF4-FFF2-40B4-BE49-F238E27FC236}">
                <a16:creationId xmlns:a16="http://schemas.microsoft.com/office/drawing/2014/main" id="{092ABB9D-0348-6C13-98CD-449F372BEF10}"/>
              </a:ext>
            </a:extLst>
          </p:cNvPr>
          <p:cNvSpPr/>
          <p:nvPr userDrawn="1"/>
        </p:nvSpPr>
        <p:spPr>
          <a:xfrm>
            <a:off x="15901941" y="647465"/>
            <a:ext cx="4310302" cy="825747"/>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4500"/>
          </a:p>
        </p:txBody>
      </p:sp>
      <p:sp>
        <p:nvSpPr>
          <p:cNvPr id="2" name="Title 1">
            <a:extLst>
              <a:ext uri="{FF2B5EF4-FFF2-40B4-BE49-F238E27FC236}">
                <a16:creationId xmlns:a16="http://schemas.microsoft.com/office/drawing/2014/main" id="{4DBE8E00-7D54-4AF0-AF34-EECF547E2145}"/>
              </a:ext>
            </a:extLst>
          </p:cNvPr>
          <p:cNvSpPr>
            <a:spLocks noGrp="1"/>
          </p:cNvSpPr>
          <p:nvPr>
            <p:ph type="title"/>
          </p:nvPr>
        </p:nvSpPr>
        <p:spPr/>
        <p:txBody>
          <a:bodyPr/>
          <a:lstStyle>
            <a:lvl1pPr>
              <a:defRPr>
                <a:solidFill>
                  <a:schemeClr val="tx1"/>
                </a:solidFill>
              </a:defRPr>
            </a:lvl1pPr>
          </a:lstStyle>
          <a:p>
            <a:r>
              <a:rPr lang="en-US"/>
              <a:t>Click to edit Master title style</a:t>
            </a:r>
            <a:endParaRPr lang="en-GB"/>
          </a:p>
        </p:txBody>
      </p:sp>
      <p:sp>
        <p:nvSpPr>
          <p:cNvPr id="8" name="Guides" hidden="1">
            <a:extLst>
              <a:ext uri="{FF2B5EF4-FFF2-40B4-BE49-F238E27FC236}">
                <a16:creationId xmlns:a16="http://schemas.microsoft.com/office/drawing/2014/main" id="{1CCC1DA6-3109-44AB-859A-3A8651415C8D}"/>
              </a:ext>
            </a:extLst>
          </p:cNvPr>
          <p:cNvSpPr/>
          <p:nvPr userDrawn="1">
            <p:custDataLst>
              <p:tags r:id="rId1"/>
            </p:custDataLst>
          </p:nvPr>
        </p:nvSpPr>
        <p:spPr>
          <a:xfrm>
            <a:off x="0" y="0"/>
            <a:ext cx="1058333" cy="423333"/>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167">
              <a:solidFill>
                <a:srgbClr val="FFFFFF"/>
              </a:solidFill>
            </a:endParaRPr>
          </a:p>
        </p:txBody>
      </p:sp>
      <p:sp>
        <p:nvSpPr>
          <p:cNvPr id="9" name="Slide Number Placeholder 5">
            <a:extLst>
              <a:ext uri="{FF2B5EF4-FFF2-40B4-BE49-F238E27FC236}">
                <a16:creationId xmlns:a16="http://schemas.microsoft.com/office/drawing/2014/main" id="{226D59C5-94A5-4B26-94BD-5C95552D5980}"/>
              </a:ext>
            </a:extLst>
          </p:cNvPr>
          <p:cNvSpPr>
            <a:spLocks noGrp="1"/>
          </p:cNvSpPr>
          <p:nvPr>
            <p:ph type="sldNum" sz="quarter" idx="4"/>
          </p:nvPr>
        </p:nvSpPr>
        <p:spPr>
          <a:xfrm>
            <a:off x="18525345" y="10737383"/>
            <a:ext cx="669223" cy="309600"/>
          </a:xfrm>
          <a:prstGeom prst="rect">
            <a:avLst/>
          </a:prstGeom>
        </p:spPr>
        <p:txBody>
          <a:bodyPr vert="horz" lIns="0" tIns="0" rIns="0" bIns="0" rtlCol="0" anchor="ctr" anchorCtr="0"/>
          <a:lstStyle>
            <a:lvl1pPr algn="ctr">
              <a:defRPr sz="2000">
                <a:solidFill>
                  <a:schemeClr val="tx2"/>
                </a:solidFill>
              </a:defRPr>
            </a:lvl1pPr>
          </a:lstStyle>
          <a:p>
            <a:fld id="{680BFA78-B125-4CEF-AAD8-1CC69F460C2E}" type="slidenum">
              <a:rPr lang="en-GB" smtClean="0"/>
              <a:pPr/>
              <a:t>‹#›</a:t>
            </a:fld>
            <a:endParaRPr lang="en-GB" sz="2000"/>
          </a:p>
        </p:txBody>
      </p:sp>
      <p:cxnSp>
        <p:nvCxnSpPr>
          <p:cNvPr id="10" name="Straight Connector 9">
            <a:extLst>
              <a:ext uri="{FF2B5EF4-FFF2-40B4-BE49-F238E27FC236}">
                <a16:creationId xmlns:a16="http://schemas.microsoft.com/office/drawing/2014/main" id="{191D2CF7-C994-4B5C-80E0-B4E29DE99A3E}"/>
              </a:ext>
            </a:extLst>
          </p:cNvPr>
          <p:cNvCxnSpPr>
            <a:cxnSpLocks/>
            <a:endCxn id="9" idx="1"/>
          </p:cNvCxnSpPr>
          <p:nvPr userDrawn="1"/>
        </p:nvCxnSpPr>
        <p:spPr>
          <a:xfrm>
            <a:off x="3735051" y="10892183"/>
            <a:ext cx="14790295"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11" name="Oval 10">
            <a:extLst>
              <a:ext uri="{FF2B5EF4-FFF2-40B4-BE49-F238E27FC236}">
                <a16:creationId xmlns:a16="http://schemas.microsoft.com/office/drawing/2014/main" id="{727B3C2D-6843-4D2C-8FC4-E8088A8BD3AD}"/>
              </a:ext>
            </a:extLst>
          </p:cNvPr>
          <p:cNvSpPr>
            <a:spLocks/>
          </p:cNvSpPr>
          <p:nvPr userDrawn="1"/>
        </p:nvSpPr>
        <p:spPr>
          <a:xfrm>
            <a:off x="18623283" y="10655510"/>
            <a:ext cx="473347" cy="47334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4500"/>
          </a:p>
        </p:txBody>
      </p:sp>
      <p:cxnSp>
        <p:nvCxnSpPr>
          <p:cNvPr id="17" name="Straight Connector 16">
            <a:extLst>
              <a:ext uri="{FF2B5EF4-FFF2-40B4-BE49-F238E27FC236}">
                <a16:creationId xmlns:a16="http://schemas.microsoft.com/office/drawing/2014/main" id="{066C6825-43AE-4B50-8B28-A723D3369E28}"/>
              </a:ext>
            </a:extLst>
          </p:cNvPr>
          <p:cNvCxnSpPr>
            <a:cxnSpLocks/>
          </p:cNvCxnSpPr>
          <p:nvPr userDrawn="1"/>
        </p:nvCxnSpPr>
        <p:spPr>
          <a:xfrm>
            <a:off x="1198562" y="1473228"/>
            <a:ext cx="17920230"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pic>
        <p:nvPicPr>
          <p:cNvPr id="12" name="image" descr="{&quot;templafy&quot;:{&quot;id&quot;:&quot;fcf40d81-63eb-4541-9f5e-e616a4c4e6ac&quot;}}"/>
          <p:cNvPicPr>
            <a:picLocks noChangeAspect="1"/>
          </p:cNvPicPr>
          <p:nvPr userDrawn="1"/>
        </p:nvPicPr>
        <p:blipFill>
          <a:blip r:embed="rId3"/>
          <a:stretch>
            <a:fillRect/>
          </a:stretch>
        </p:blipFill>
        <p:spPr>
          <a:xfrm>
            <a:off x="15722790" y="647466"/>
            <a:ext cx="3396000" cy="994922"/>
          </a:xfrm>
          <a:prstGeom prst="rect">
            <a:avLst/>
          </a:prstGeom>
        </p:spPr>
      </p:pic>
      <p:sp>
        <p:nvSpPr>
          <p:cNvPr id="13" name="text" descr="{&quot;templafy&quot;:{&quot;id&quot;:&quot;c3d7365a-4662-4af6-9e5c-e7c25df02905&quot;}}" title="Form.Division.Website">
            <a:extLst>
              <a:ext uri="{FF2B5EF4-FFF2-40B4-BE49-F238E27FC236}">
                <a16:creationId xmlns:a16="http://schemas.microsoft.com/office/drawing/2014/main" id="{FFE61030-2BBA-4493-950B-EADFACDB99CA}"/>
              </a:ext>
            </a:extLst>
          </p:cNvPr>
          <p:cNvSpPr/>
          <p:nvPr userDrawn="1"/>
        </p:nvSpPr>
        <p:spPr>
          <a:xfrm>
            <a:off x="1149686" y="10737383"/>
            <a:ext cx="3909995" cy="25851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2000">
                <a:solidFill>
                  <a:schemeClr val="tx2"/>
                </a:solidFill>
              </a:rPr>
              <a:t>www.davies-group.com/consulting</a:t>
            </a:r>
          </a:p>
        </p:txBody>
      </p:sp>
    </p:spTree>
    <p:extLst>
      <p:ext uri="{BB962C8B-B14F-4D97-AF65-F5344CB8AC3E}">
        <p14:creationId xmlns:p14="http://schemas.microsoft.com/office/powerpoint/2010/main" val="3902761630"/>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4" orient="horz" pos="3866">
          <p15:clr>
            <a:srgbClr val="FF96FF"/>
          </p15:clr>
        </p15:guide>
        <p15:guide id="5" pos="453">
          <p15:clr>
            <a:srgbClr val="FF96FF"/>
          </p15:clr>
        </p15:guide>
        <p15:guide id="6" pos="3749">
          <p15:clr>
            <a:srgbClr val="FF96FF"/>
          </p15:clr>
        </p15:guide>
        <p15:guide id="7" pos="3930">
          <p15:clr>
            <a:srgbClr val="FF96FF"/>
          </p15:clr>
        </p15:guide>
        <p15:guide id="8" pos="7226">
          <p15:clr>
            <a:srgbClr val="FF96FF"/>
          </p15:clr>
        </p15:guide>
      </p15:sldGuideLst>
    </p:ext>
  </p:extLst>
</p:sldLayout>
</file>

<file path=ppt/slideLayouts/slideLayout46.xml><?xml version="1.0" encoding="utf-8"?>
<p:sldLayout xmlns:a="http://schemas.openxmlformats.org/drawingml/2006/main" xmlns:r="http://schemas.openxmlformats.org/officeDocument/2006/relationships" xmlns:p="http://schemas.openxmlformats.org/presentationml/2006/main" userDrawn="1">
  <p:cSld name="Quote_Dark">
    <p:bg>
      <p:bgRef idx="1001">
        <a:schemeClr val="bg2"/>
      </p:bgRef>
    </p:bg>
    <p:spTree>
      <p:nvGrpSpPr>
        <p:cNvPr id="1" name=""/>
        <p:cNvGrpSpPr/>
        <p:nvPr/>
      </p:nvGrpSpPr>
      <p:grpSpPr>
        <a:xfrm>
          <a:off x="0" y="0"/>
          <a:ext cx="0" cy="0"/>
          <a:chOff x="0" y="0"/>
          <a:chExt cx="0" cy="0"/>
        </a:xfrm>
      </p:grpSpPr>
      <p:sp>
        <p:nvSpPr>
          <p:cNvPr id="8" name="Guides" hidden="1">
            <a:extLst>
              <a:ext uri="{FF2B5EF4-FFF2-40B4-BE49-F238E27FC236}">
                <a16:creationId xmlns:a16="http://schemas.microsoft.com/office/drawing/2014/main" id="{1CCC1DA6-3109-44AB-859A-3A8651415C8D}"/>
              </a:ext>
            </a:extLst>
          </p:cNvPr>
          <p:cNvSpPr/>
          <p:nvPr userDrawn="1">
            <p:custDataLst>
              <p:tags r:id="rId1"/>
            </p:custDataLst>
          </p:nvPr>
        </p:nvSpPr>
        <p:spPr>
          <a:xfrm>
            <a:off x="0" y="0"/>
            <a:ext cx="1058333" cy="423333"/>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167">
              <a:solidFill>
                <a:srgbClr val="FFFFFF"/>
              </a:solidFill>
            </a:endParaRPr>
          </a:p>
        </p:txBody>
      </p:sp>
      <p:sp>
        <p:nvSpPr>
          <p:cNvPr id="9" name="Slide Number Placeholder 5">
            <a:extLst>
              <a:ext uri="{FF2B5EF4-FFF2-40B4-BE49-F238E27FC236}">
                <a16:creationId xmlns:a16="http://schemas.microsoft.com/office/drawing/2014/main" id="{226D59C5-94A5-4B26-94BD-5C95552D5980}"/>
              </a:ext>
            </a:extLst>
          </p:cNvPr>
          <p:cNvSpPr>
            <a:spLocks noGrp="1"/>
          </p:cNvSpPr>
          <p:nvPr>
            <p:ph type="sldNum" sz="quarter" idx="4"/>
          </p:nvPr>
        </p:nvSpPr>
        <p:spPr>
          <a:xfrm>
            <a:off x="18525345" y="10737383"/>
            <a:ext cx="669223" cy="309600"/>
          </a:xfrm>
          <a:prstGeom prst="rect">
            <a:avLst/>
          </a:prstGeom>
        </p:spPr>
        <p:txBody>
          <a:bodyPr vert="horz" lIns="0" tIns="0" rIns="0" bIns="0" rtlCol="0" anchor="ctr" anchorCtr="0"/>
          <a:lstStyle>
            <a:lvl1pPr algn="ctr">
              <a:defRPr sz="2000">
                <a:solidFill>
                  <a:schemeClr val="tx2"/>
                </a:solidFill>
              </a:defRPr>
            </a:lvl1pPr>
          </a:lstStyle>
          <a:p>
            <a:fld id="{680BFA78-B125-4CEF-AAD8-1CC69F460C2E}" type="slidenum">
              <a:rPr lang="en-GB" smtClean="0"/>
              <a:pPr/>
              <a:t>‹#›</a:t>
            </a:fld>
            <a:endParaRPr lang="en-GB" sz="2000"/>
          </a:p>
        </p:txBody>
      </p:sp>
      <p:cxnSp>
        <p:nvCxnSpPr>
          <p:cNvPr id="10" name="Straight Connector 9">
            <a:extLst>
              <a:ext uri="{FF2B5EF4-FFF2-40B4-BE49-F238E27FC236}">
                <a16:creationId xmlns:a16="http://schemas.microsoft.com/office/drawing/2014/main" id="{191D2CF7-C994-4B5C-80E0-B4E29DE99A3E}"/>
              </a:ext>
            </a:extLst>
          </p:cNvPr>
          <p:cNvCxnSpPr>
            <a:cxnSpLocks/>
            <a:endCxn id="9" idx="1"/>
          </p:cNvCxnSpPr>
          <p:nvPr userDrawn="1"/>
        </p:nvCxnSpPr>
        <p:spPr>
          <a:xfrm>
            <a:off x="3735051" y="10892183"/>
            <a:ext cx="14790295"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11" name="Oval 10">
            <a:extLst>
              <a:ext uri="{FF2B5EF4-FFF2-40B4-BE49-F238E27FC236}">
                <a16:creationId xmlns:a16="http://schemas.microsoft.com/office/drawing/2014/main" id="{727B3C2D-6843-4D2C-8FC4-E8088A8BD3AD}"/>
              </a:ext>
            </a:extLst>
          </p:cNvPr>
          <p:cNvSpPr>
            <a:spLocks/>
          </p:cNvSpPr>
          <p:nvPr userDrawn="1"/>
        </p:nvSpPr>
        <p:spPr>
          <a:xfrm>
            <a:off x="18623283" y="10655510"/>
            <a:ext cx="473347" cy="47334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4500"/>
          </a:p>
        </p:txBody>
      </p:sp>
      <p:sp>
        <p:nvSpPr>
          <p:cNvPr id="6" name="Graphic 3">
            <a:extLst>
              <a:ext uri="{FF2B5EF4-FFF2-40B4-BE49-F238E27FC236}">
                <a16:creationId xmlns:a16="http://schemas.microsoft.com/office/drawing/2014/main" id="{3E5A0BAD-FAAF-4827-98B6-B0AB103B5115}"/>
              </a:ext>
            </a:extLst>
          </p:cNvPr>
          <p:cNvSpPr/>
          <p:nvPr/>
        </p:nvSpPr>
        <p:spPr>
          <a:xfrm>
            <a:off x="1190007" y="2629959"/>
            <a:ext cx="1145870" cy="862542"/>
          </a:xfrm>
          <a:custGeom>
            <a:avLst/>
            <a:gdLst>
              <a:gd name="connsiteX0" fmla="*/ 549223 w 1681441"/>
              <a:gd name="connsiteY0" fmla="*/ 695110 h 1265688"/>
              <a:gd name="connsiteX1" fmla="*/ 549223 w 1681441"/>
              <a:gd name="connsiteY1" fmla="*/ 1036379 h 1265688"/>
              <a:gd name="connsiteX2" fmla="*/ 534195 w 1681441"/>
              <a:gd name="connsiteY2" fmla="*/ 1156605 h 1265688"/>
              <a:gd name="connsiteX3" fmla="*/ 483475 w 1681441"/>
              <a:gd name="connsiteY3" fmla="*/ 1226111 h 1265688"/>
              <a:gd name="connsiteX4" fmla="*/ 396436 w 1681441"/>
              <a:gd name="connsiteY4" fmla="*/ 1258046 h 1265688"/>
              <a:gd name="connsiteX5" fmla="*/ 271199 w 1681441"/>
              <a:gd name="connsiteY5" fmla="*/ 1265560 h 1265688"/>
              <a:gd name="connsiteX6" fmla="*/ 145963 w 1681441"/>
              <a:gd name="connsiteY6" fmla="*/ 1258046 h 1265688"/>
              <a:gd name="connsiteX7" fmla="*/ 63308 w 1681441"/>
              <a:gd name="connsiteY7" fmla="*/ 1226111 h 1265688"/>
              <a:gd name="connsiteX8" fmla="*/ 15718 w 1681441"/>
              <a:gd name="connsiteY8" fmla="*/ 1156605 h 1265688"/>
              <a:gd name="connsiteX9" fmla="*/ 63 w 1681441"/>
              <a:gd name="connsiteY9" fmla="*/ 1036379 h 1265688"/>
              <a:gd name="connsiteX10" fmla="*/ 8203 w 1681441"/>
              <a:gd name="connsiteY10" fmla="*/ 882338 h 1265688"/>
              <a:gd name="connsiteX11" fmla="*/ 33251 w 1681441"/>
              <a:gd name="connsiteY11" fmla="*/ 748336 h 1265688"/>
              <a:gd name="connsiteX12" fmla="*/ 80841 w 1681441"/>
              <a:gd name="connsiteY12" fmla="*/ 623100 h 1265688"/>
              <a:gd name="connsiteX13" fmla="*/ 152225 w 1681441"/>
              <a:gd name="connsiteY13" fmla="*/ 502247 h 1265688"/>
              <a:gd name="connsiteX14" fmla="*/ 434006 w 1681441"/>
              <a:gd name="connsiteY14" fmla="*/ 81453 h 1265688"/>
              <a:gd name="connsiteX15" fmla="*/ 465942 w 1681441"/>
              <a:gd name="connsiteY15" fmla="*/ 43883 h 1265688"/>
              <a:gd name="connsiteX16" fmla="*/ 507896 w 1681441"/>
              <a:gd name="connsiteY16" fmla="*/ 18835 h 1265688"/>
              <a:gd name="connsiteX17" fmla="*/ 570514 w 1681441"/>
              <a:gd name="connsiteY17" fmla="*/ 4433 h 1265688"/>
              <a:gd name="connsiteX18" fmla="*/ 656301 w 1681441"/>
              <a:gd name="connsiteY18" fmla="*/ 50 h 1265688"/>
              <a:gd name="connsiteX19" fmla="*/ 748349 w 1681441"/>
              <a:gd name="connsiteY19" fmla="*/ 4433 h 1265688"/>
              <a:gd name="connsiteX20" fmla="*/ 801574 w 1681441"/>
              <a:gd name="connsiteY20" fmla="*/ 20714 h 1265688"/>
              <a:gd name="connsiteX21" fmla="*/ 819107 w 1681441"/>
              <a:gd name="connsiteY21" fmla="*/ 50770 h 1265688"/>
              <a:gd name="connsiteX22" fmla="*/ 810341 w 1681441"/>
              <a:gd name="connsiteY22" fmla="*/ 92724 h 1265688"/>
              <a:gd name="connsiteX23" fmla="*/ 1414605 w 1681441"/>
              <a:gd name="connsiteY23" fmla="*/ 695110 h 1265688"/>
              <a:gd name="connsiteX24" fmla="*/ 1414605 w 1681441"/>
              <a:gd name="connsiteY24" fmla="*/ 1036379 h 1265688"/>
              <a:gd name="connsiteX25" fmla="*/ 1397698 w 1681441"/>
              <a:gd name="connsiteY25" fmla="*/ 1156605 h 1265688"/>
              <a:gd name="connsiteX26" fmla="*/ 1346977 w 1681441"/>
              <a:gd name="connsiteY26" fmla="*/ 1226111 h 1265688"/>
              <a:gd name="connsiteX27" fmla="*/ 1259312 w 1681441"/>
              <a:gd name="connsiteY27" fmla="*/ 1258046 h 1265688"/>
              <a:gd name="connsiteX28" fmla="*/ 1134076 w 1681441"/>
              <a:gd name="connsiteY28" fmla="*/ 1265560 h 1265688"/>
              <a:gd name="connsiteX29" fmla="*/ 1008840 w 1681441"/>
              <a:gd name="connsiteY29" fmla="*/ 1258046 h 1265688"/>
              <a:gd name="connsiteX30" fmla="*/ 925558 w 1681441"/>
              <a:gd name="connsiteY30" fmla="*/ 1226111 h 1265688"/>
              <a:gd name="connsiteX31" fmla="*/ 877968 w 1681441"/>
              <a:gd name="connsiteY31" fmla="*/ 1156605 h 1265688"/>
              <a:gd name="connsiteX32" fmla="*/ 863566 w 1681441"/>
              <a:gd name="connsiteY32" fmla="*/ 1036379 h 1265688"/>
              <a:gd name="connsiteX33" fmla="*/ 871080 w 1681441"/>
              <a:gd name="connsiteY33" fmla="*/ 882338 h 1265688"/>
              <a:gd name="connsiteX34" fmla="*/ 896754 w 1681441"/>
              <a:gd name="connsiteY34" fmla="*/ 748336 h 1265688"/>
              <a:gd name="connsiteX35" fmla="*/ 943717 w 1681441"/>
              <a:gd name="connsiteY35" fmla="*/ 623100 h 1265688"/>
              <a:gd name="connsiteX36" fmla="*/ 1015728 w 1681441"/>
              <a:gd name="connsiteY36" fmla="*/ 502247 h 1265688"/>
              <a:gd name="connsiteX37" fmla="*/ 1295004 w 1681441"/>
              <a:gd name="connsiteY37" fmla="*/ 81453 h 1265688"/>
              <a:gd name="connsiteX38" fmla="*/ 1326940 w 1681441"/>
              <a:gd name="connsiteY38" fmla="*/ 43883 h 1265688"/>
              <a:gd name="connsiteX39" fmla="*/ 1368894 w 1681441"/>
              <a:gd name="connsiteY39" fmla="*/ 18835 h 1265688"/>
              <a:gd name="connsiteX40" fmla="*/ 1431512 w 1681441"/>
              <a:gd name="connsiteY40" fmla="*/ 4433 h 1265688"/>
              <a:gd name="connsiteX41" fmla="*/ 1519177 w 1681441"/>
              <a:gd name="connsiteY41" fmla="*/ 50 h 1265688"/>
              <a:gd name="connsiteX42" fmla="*/ 1611852 w 1681441"/>
              <a:gd name="connsiteY42" fmla="*/ 4433 h 1265688"/>
              <a:gd name="connsiteX43" fmla="*/ 1663825 w 1681441"/>
              <a:gd name="connsiteY43" fmla="*/ 20714 h 1265688"/>
              <a:gd name="connsiteX44" fmla="*/ 1681358 w 1681441"/>
              <a:gd name="connsiteY44" fmla="*/ 50770 h 1265688"/>
              <a:gd name="connsiteX45" fmla="*/ 1671339 w 1681441"/>
              <a:gd name="connsiteY45" fmla="*/ 92724 h 1265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Lst>
            <a:rect l="l" t="t" r="r" b="b"/>
            <a:pathLst>
              <a:path w="1681441" h="1265688">
                <a:moveTo>
                  <a:pt x="549223" y="695110"/>
                </a:moveTo>
                <a:lnTo>
                  <a:pt x="549223" y="1036379"/>
                </a:lnTo>
                <a:cubicBezTo>
                  <a:pt x="550887" y="1077009"/>
                  <a:pt x="545809" y="1117635"/>
                  <a:pt x="534195" y="1156605"/>
                </a:cubicBezTo>
                <a:cubicBezTo>
                  <a:pt x="524625" y="1184328"/>
                  <a:pt x="506956" y="1208541"/>
                  <a:pt x="483475" y="1226111"/>
                </a:cubicBezTo>
                <a:cubicBezTo>
                  <a:pt x="457275" y="1243251"/>
                  <a:pt x="427503" y="1254174"/>
                  <a:pt x="396436" y="1258046"/>
                </a:cubicBezTo>
                <a:cubicBezTo>
                  <a:pt x="354914" y="1263444"/>
                  <a:pt x="313068" y="1265954"/>
                  <a:pt x="271199" y="1265560"/>
                </a:cubicBezTo>
                <a:cubicBezTo>
                  <a:pt x="229326" y="1266159"/>
                  <a:pt x="187465" y="1263647"/>
                  <a:pt x="145963" y="1258046"/>
                </a:cubicBezTo>
                <a:cubicBezTo>
                  <a:pt x="116210" y="1254339"/>
                  <a:pt x="87824" y="1243372"/>
                  <a:pt x="63308" y="1226111"/>
                </a:cubicBezTo>
                <a:cubicBezTo>
                  <a:pt x="40757" y="1208310"/>
                  <a:pt x="24158" y="1184067"/>
                  <a:pt x="15718" y="1156605"/>
                </a:cubicBezTo>
                <a:cubicBezTo>
                  <a:pt x="4235" y="1117597"/>
                  <a:pt x="-1047" y="1077026"/>
                  <a:pt x="63" y="1036379"/>
                </a:cubicBezTo>
                <a:cubicBezTo>
                  <a:pt x="41" y="984924"/>
                  <a:pt x="2758" y="933504"/>
                  <a:pt x="8203" y="882338"/>
                </a:cubicBezTo>
                <a:cubicBezTo>
                  <a:pt x="12814" y="837052"/>
                  <a:pt x="21192" y="792229"/>
                  <a:pt x="33251" y="748336"/>
                </a:cubicBezTo>
                <a:cubicBezTo>
                  <a:pt x="44890" y="705105"/>
                  <a:pt x="60833" y="663150"/>
                  <a:pt x="80841" y="623100"/>
                </a:cubicBezTo>
                <a:cubicBezTo>
                  <a:pt x="101862" y="581240"/>
                  <a:pt x="125712" y="540862"/>
                  <a:pt x="152225" y="502247"/>
                </a:cubicBezTo>
                <a:lnTo>
                  <a:pt x="434006" y="81453"/>
                </a:lnTo>
                <a:cubicBezTo>
                  <a:pt x="443332" y="67866"/>
                  <a:pt x="454034" y="55276"/>
                  <a:pt x="465942" y="43883"/>
                </a:cubicBezTo>
                <a:cubicBezTo>
                  <a:pt x="478230" y="32974"/>
                  <a:pt x="492463" y="24477"/>
                  <a:pt x="507896" y="18835"/>
                </a:cubicBezTo>
                <a:cubicBezTo>
                  <a:pt x="528063" y="11366"/>
                  <a:pt x="549109" y="6526"/>
                  <a:pt x="570514" y="4433"/>
                </a:cubicBezTo>
                <a:cubicBezTo>
                  <a:pt x="598985" y="1125"/>
                  <a:pt x="627640" y="-339"/>
                  <a:pt x="656301" y="50"/>
                </a:cubicBezTo>
                <a:cubicBezTo>
                  <a:pt x="687045" y="-437"/>
                  <a:pt x="717790" y="1027"/>
                  <a:pt x="748349" y="4433"/>
                </a:cubicBezTo>
                <a:cubicBezTo>
                  <a:pt x="767038" y="6056"/>
                  <a:pt x="785175" y="11604"/>
                  <a:pt x="801574" y="20714"/>
                </a:cubicBezTo>
                <a:cubicBezTo>
                  <a:pt x="812066" y="27181"/>
                  <a:pt x="818642" y="38454"/>
                  <a:pt x="819107" y="50770"/>
                </a:cubicBezTo>
                <a:cubicBezTo>
                  <a:pt x="818488" y="65139"/>
                  <a:pt x="815527" y="79310"/>
                  <a:pt x="810341" y="92724"/>
                </a:cubicBezTo>
                <a:close/>
                <a:moveTo>
                  <a:pt x="1414605" y="695110"/>
                </a:moveTo>
                <a:lnTo>
                  <a:pt x="1414605" y="1036379"/>
                </a:lnTo>
                <a:cubicBezTo>
                  <a:pt x="1416002" y="1077132"/>
                  <a:pt x="1410281" y="1117818"/>
                  <a:pt x="1397698" y="1156605"/>
                </a:cubicBezTo>
                <a:cubicBezTo>
                  <a:pt x="1388607" y="1184575"/>
                  <a:pt x="1370840" y="1208921"/>
                  <a:pt x="1346977" y="1226111"/>
                </a:cubicBezTo>
                <a:cubicBezTo>
                  <a:pt x="1320655" y="1243464"/>
                  <a:pt x="1290629" y="1254402"/>
                  <a:pt x="1259312" y="1258046"/>
                </a:cubicBezTo>
                <a:cubicBezTo>
                  <a:pt x="1217787" y="1263402"/>
                  <a:pt x="1175944" y="1265913"/>
                  <a:pt x="1134076" y="1265560"/>
                </a:cubicBezTo>
                <a:cubicBezTo>
                  <a:pt x="1092203" y="1266105"/>
                  <a:pt x="1050347" y="1263593"/>
                  <a:pt x="1008840" y="1258046"/>
                </a:cubicBezTo>
                <a:cubicBezTo>
                  <a:pt x="978918" y="1254242"/>
                  <a:pt x="950352" y="1243288"/>
                  <a:pt x="925558" y="1226111"/>
                </a:cubicBezTo>
                <a:cubicBezTo>
                  <a:pt x="902433" y="1208854"/>
                  <a:pt x="885694" y="1184406"/>
                  <a:pt x="877968" y="1156605"/>
                </a:cubicBezTo>
                <a:cubicBezTo>
                  <a:pt x="867300" y="1117452"/>
                  <a:pt x="862447" y="1076943"/>
                  <a:pt x="863566" y="1036379"/>
                </a:cubicBezTo>
                <a:cubicBezTo>
                  <a:pt x="863352" y="984935"/>
                  <a:pt x="865860" y="933517"/>
                  <a:pt x="871080" y="882338"/>
                </a:cubicBezTo>
                <a:cubicBezTo>
                  <a:pt x="876198" y="837080"/>
                  <a:pt x="884781" y="792281"/>
                  <a:pt x="896754" y="748336"/>
                </a:cubicBezTo>
                <a:cubicBezTo>
                  <a:pt x="908461" y="705215"/>
                  <a:pt x="924184" y="663286"/>
                  <a:pt x="943717" y="623100"/>
                </a:cubicBezTo>
                <a:cubicBezTo>
                  <a:pt x="964962" y="581234"/>
                  <a:pt x="989021" y="540857"/>
                  <a:pt x="1015728" y="502247"/>
                </a:cubicBezTo>
                <a:lnTo>
                  <a:pt x="1295004" y="81453"/>
                </a:lnTo>
                <a:cubicBezTo>
                  <a:pt x="1304707" y="68158"/>
                  <a:pt x="1315381" y="55600"/>
                  <a:pt x="1326940" y="43883"/>
                </a:cubicBezTo>
                <a:cubicBezTo>
                  <a:pt x="1339228" y="32974"/>
                  <a:pt x="1353461" y="24477"/>
                  <a:pt x="1368894" y="18835"/>
                </a:cubicBezTo>
                <a:cubicBezTo>
                  <a:pt x="1389061" y="11366"/>
                  <a:pt x="1410107" y="6526"/>
                  <a:pt x="1431512" y="4433"/>
                </a:cubicBezTo>
                <a:cubicBezTo>
                  <a:pt x="1460609" y="1096"/>
                  <a:pt x="1489891" y="-368"/>
                  <a:pt x="1519177" y="50"/>
                </a:cubicBezTo>
                <a:cubicBezTo>
                  <a:pt x="1550130" y="-417"/>
                  <a:pt x="1581081" y="1047"/>
                  <a:pt x="1611852" y="4433"/>
                </a:cubicBezTo>
                <a:cubicBezTo>
                  <a:pt x="1630161" y="5982"/>
                  <a:pt x="1647905" y="11540"/>
                  <a:pt x="1663825" y="20714"/>
                </a:cubicBezTo>
                <a:cubicBezTo>
                  <a:pt x="1673745" y="27722"/>
                  <a:pt x="1680140" y="38686"/>
                  <a:pt x="1681358" y="50770"/>
                </a:cubicBezTo>
                <a:cubicBezTo>
                  <a:pt x="1681462" y="65360"/>
                  <a:pt x="1678024" y="79756"/>
                  <a:pt x="1671339" y="92724"/>
                </a:cubicBezTo>
                <a:close/>
              </a:path>
            </a:pathLst>
          </a:custGeom>
          <a:solidFill>
            <a:schemeClr val="accent1"/>
          </a:solidFill>
          <a:ln w="62442" cap="flat">
            <a:noFill/>
            <a:prstDash val="solid"/>
            <a:miter/>
          </a:ln>
        </p:spPr>
        <p:txBody>
          <a:bodyPr rtlCol="0" anchor="ctr"/>
          <a:lstStyle/>
          <a:p>
            <a:endParaRPr lang="en-GB" sz="4500"/>
          </a:p>
        </p:txBody>
      </p:sp>
      <p:sp>
        <p:nvSpPr>
          <p:cNvPr id="13" name="Text Placeholder 13">
            <a:extLst>
              <a:ext uri="{FF2B5EF4-FFF2-40B4-BE49-F238E27FC236}">
                <a16:creationId xmlns:a16="http://schemas.microsoft.com/office/drawing/2014/main" id="{71F9368B-3BC8-4270-9590-7C205182D201}"/>
              </a:ext>
            </a:extLst>
          </p:cNvPr>
          <p:cNvSpPr>
            <a:spLocks noGrp="1"/>
          </p:cNvSpPr>
          <p:nvPr>
            <p:ph type="body" sz="quarter" idx="15" hasCustomPrompt="1"/>
          </p:nvPr>
        </p:nvSpPr>
        <p:spPr>
          <a:xfrm>
            <a:off x="1190007" y="3860843"/>
            <a:ext cx="13327682" cy="5891700"/>
          </a:xfrm>
        </p:spPr>
        <p:txBody>
          <a:bodyPr/>
          <a:lstStyle>
            <a:lvl1pPr marL="0" indent="0">
              <a:buNone/>
              <a:defRPr sz="4667">
                <a:solidFill>
                  <a:schemeClr val="tx1"/>
                </a:solidFill>
              </a:defRPr>
            </a:lvl1pPr>
            <a:lvl2pPr marL="0" indent="0">
              <a:buNone/>
              <a:defRPr sz="3000">
                <a:solidFill>
                  <a:schemeClr val="tx1"/>
                </a:solidFill>
              </a:defRPr>
            </a:lvl2pPr>
            <a:lvl3pPr marL="0" indent="0">
              <a:buNone/>
              <a:defRPr sz="3000">
                <a:solidFill>
                  <a:schemeClr val="tx1"/>
                </a:solidFill>
              </a:defRPr>
            </a:lvl3pPr>
            <a:lvl4pPr marL="0" indent="0">
              <a:buNone/>
              <a:defRPr sz="3000">
                <a:solidFill>
                  <a:schemeClr val="tx1"/>
                </a:solidFill>
              </a:defRPr>
            </a:lvl4pPr>
            <a:lvl5pPr marL="0" indent="0">
              <a:buNone/>
              <a:defRPr sz="3000">
                <a:solidFill>
                  <a:schemeClr val="tx1"/>
                </a:solidFill>
              </a:defRPr>
            </a:lvl5pPr>
          </a:lstStyle>
          <a:p>
            <a:pPr lvl="0"/>
            <a:r>
              <a:rPr lang="en-US"/>
              <a:t>Click to add quote</a:t>
            </a:r>
          </a:p>
          <a:p>
            <a:pPr lvl="1"/>
            <a:r>
              <a:rPr lang="en-US"/>
              <a:t>Second level</a:t>
            </a:r>
          </a:p>
          <a:p>
            <a:pPr lvl="2"/>
            <a:r>
              <a:rPr lang="en-US"/>
              <a:t>Third level</a:t>
            </a:r>
          </a:p>
          <a:p>
            <a:pPr lvl="3"/>
            <a:r>
              <a:rPr lang="en-US"/>
              <a:t>Fourth level</a:t>
            </a:r>
          </a:p>
          <a:p>
            <a:pPr lvl="4"/>
            <a:r>
              <a:rPr lang="en-US"/>
              <a:t>Fifth level</a:t>
            </a:r>
            <a:endParaRPr lang="en-GB"/>
          </a:p>
        </p:txBody>
      </p:sp>
      <p:pic>
        <p:nvPicPr>
          <p:cNvPr id="1163110566" name="image" descr="{&quot;templafy&quot;:{&quot;id&quot;:&quot;b03677f0-04b4-4e03-a44c-866c343cc5be&quot;}}"/>
          <p:cNvPicPr>
            <a:picLocks noChangeAspect="1"/>
          </p:cNvPicPr>
          <p:nvPr/>
        </p:nvPicPr>
        <p:blipFill>
          <a:blip r:embed="rId3"/>
          <a:stretch>
            <a:fillRect/>
          </a:stretch>
        </p:blipFill>
        <p:spPr>
          <a:xfrm>
            <a:off x="15722790" y="647467"/>
            <a:ext cx="3396000" cy="994922"/>
          </a:xfrm>
          <a:prstGeom prst="rect">
            <a:avLst/>
          </a:prstGeom>
        </p:spPr>
      </p:pic>
      <p:sp>
        <p:nvSpPr>
          <p:cNvPr id="17" name="text" descr="{&quot;templafy&quot;:{&quot;id&quot;:&quot;b6d4e2e0-609f-4d55-85b2-ff672e2e0b26&quot;}}" title="Form.Division.Website">
            <a:extLst>
              <a:ext uri="{FF2B5EF4-FFF2-40B4-BE49-F238E27FC236}">
                <a16:creationId xmlns:a16="http://schemas.microsoft.com/office/drawing/2014/main" id="{808F75CB-8345-43CF-8891-B9CB901B18AA}"/>
              </a:ext>
            </a:extLst>
          </p:cNvPr>
          <p:cNvSpPr/>
          <p:nvPr userDrawn="1"/>
        </p:nvSpPr>
        <p:spPr>
          <a:xfrm>
            <a:off x="1149686" y="10721473"/>
            <a:ext cx="2760252" cy="2744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2000">
                <a:solidFill>
                  <a:schemeClr val="tx1"/>
                </a:solidFill>
              </a:rPr>
              <a:t>www.davies-group.com</a:t>
            </a:r>
          </a:p>
        </p:txBody>
      </p:sp>
    </p:spTree>
    <p:extLst>
      <p:ext uri="{BB962C8B-B14F-4D97-AF65-F5344CB8AC3E}">
        <p14:creationId xmlns:p14="http://schemas.microsoft.com/office/powerpoint/2010/main" val="1584491159"/>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4" orient="horz" pos="3866">
          <p15:clr>
            <a:srgbClr val="FF96FF"/>
          </p15:clr>
        </p15:guide>
        <p15:guide id="5" pos="453">
          <p15:clr>
            <a:srgbClr val="FF96FF"/>
          </p15:clr>
        </p15:guide>
        <p15:guide id="6" pos="3749">
          <p15:clr>
            <a:srgbClr val="FF96FF"/>
          </p15:clr>
        </p15:guide>
        <p15:guide id="7" pos="3930">
          <p15:clr>
            <a:srgbClr val="FF96FF"/>
          </p15:clr>
        </p15:guide>
        <p15:guide id="8" pos="7226">
          <p15:clr>
            <a:srgbClr val="FF96FF"/>
          </p15:clr>
        </p15:guide>
      </p15:sldGuideLst>
    </p:ext>
  </p:extLst>
</p:sldLayout>
</file>

<file path=ppt/slideLayouts/slideLayout47.xml><?xml version="1.0" encoding="utf-8"?>
<p:sldLayout xmlns:a="http://schemas.openxmlformats.org/drawingml/2006/main" xmlns:r="http://schemas.openxmlformats.org/officeDocument/2006/relationships" xmlns:p="http://schemas.openxmlformats.org/presentationml/2006/main" userDrawn="1">
  <p:cSld name="One Content_Dark">
    <p:bg>
      <p:bgRef idx="1001">
        <a:schemeClr val="bg2"/>
      </p:bgRef>
    </p:bg>
    <p:spTree>
      <p:nvGrpSpPr>
        <p:cNvPr id="1" name=""/>
        <p:cNvGrpSpPr/>
        <p:nvPr/>
      </p:nvGrpSpPr>
      <p:grpSpPr>
        <a:xfrm>
          <a:off x="0" y="0"/>
          <a:ext cx="0" cy="0"/>
          <a:chOff x="0" y="0"/>
          <a:chExt cx="0" cy="0"/>
        </a:xfrm>
      </p:grpSpPr>
      <p:sp>
        <p:nvSpPr>
          <p:cNvPr id="7" name="Guides" hidden="1">
            <a:extLst>
              <a:ext uri="{FF2B5EF4-FFF2-40B4-BE49-F238E27FC236}">
                <a16:creationId xmlns:a16="http://schemas.microsoft.com/office/drawing/2014/main" id="{6774158B-E5E6-4AF4-9DDA-2728F8BB31C5}"/>
              </a:ext>
            </a:extLst>
          </p:cNvPr>
          <p:cNvSpPr/>
          <p:nvPr userDrawn="1">
            <p:custDataLst>
              <p:tags r:id="rId1"/>
            </p:custDataLst>
          </p:nvPr>
        </p:nvSpPr>
        <p:spPr>
          <a:xfrm>
            <a:off x="0" y="0"/>
            <a:ext cx="1058333" cy="423333"/>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167">
              <a:solidFill>
                <a:srgbClr val="FFFFFF"/>
              </a:solidFill>
            </a:endParaRPr>
          </a:p>
        </p:txBody>
      </p:sp>
      <p:sp>
        <p:nvSpPr>
          <p:cNvPr id="9" name="Slide Number Placeholder 5">
            <a:extLst>
              <a:ext uri="{FF2B5EF4-FFF2-40B4-BE49-F238E27FC236}">
                <a16:creationId xmlns:a16="http://schemas.microsoft.com/office/drawing/2014/main" id="{65ECBBB4-392E-48D0-A7A1-B691C04DD1CE}"/>
              </a:ext>
            </a:extLst>
          </p:cNvPr>
          <p:cNvSpPr>
            <a:spLocks noGrp="1"/>
          </p:cNvSpPr>
          <p:nvPr>
            <p:ph type="sldNum" sz="quarter" idx="4"/>
          </p:nvPr>
        </p:nvSpPr>
        <p:spPr>
          <a:xfrm>
            <a:off x="18525345" y="10737383"/>
            <a:ext cx="669223" cy="309600"/>
          </a:xfrm>
          <a:prstGeom prst="rect">
            <a:avLst/>
          </a:prstGeom>
        </p:spPr>
        <p:txBody>
          <a:bodyPr vert="horz" lIns="0" tIns="0" rIns="0" bIns="0" rtlCol="0" anchor="ctr" anchorCtr="0"/>
          <a:lstStyle>
            <a:lvl1pPr algn="ctr">
              <a:defRPr sz="2000">
                <a:solidFill>
                  <a:schemeClr val="tx2"/>
                </a:solidFill>
              </a:defRPr>
            </a:lvl1pPr>
          </a:lstStyle>
          <a:p>
            <a:fld id="{680BFA78-B125-4CEF-AAD8-1CC69F460C2E}" type="slidenum">
              <a:rPr lang="en-GB" smtClean="0"/>
              <a:pPr/>
              <a:t>‹#›</a:t>
            </a:fld>
            <a:endParaRPr lang="en-GB" sz="2000"/>
          </a:p>
        </p:txBody>
      </p:sp>
      <p:cxnSp>
        <p:nvCxnSpPr>
          <p:cNvPr id="10" name="Straight Connector 9">
            <a:extLst>
              <a:ext uri="{FF2B5EF4-FFF2-40B4-BE49-F238E27FC236}">
                <a16:creationId xmlns:a16="http://schemas.microsoft.com/office/drawing/2014/main" id="{98336DED-2705-4DDF-89AC-CA629DA34758}"/>
              </a:ext>
            </a:extLst>
          </p:cNvPr>
          <p:cNvCxnSpPr>
            <a:cxnSpLocks/>
            <a:endCxn id="9" idx="1"/>
          </p:cNvCxnSpPr>
          <p:nvPr userDrawn="1"/>
        </p:nvCxnSpPr>
        <p:spPr>
          <a:xfrm>
            <a:off x="3735051" y="10892183"/>
            <a:ext cx="14790295"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11" name="Oval 10">
            <a:extLst>
              <a:ext uri="{FF2B5EF4-FFF2-40B4-BE49-F238E27FC236}">
                <a16:creationId xmlns:a16="http://schemas.microsoft.com/office/drawing/2014/main" id="{D298D4B8-C398-4186-BC66-F9D8E54A2CA8}"/>
              </a:ext>
            </a:extLst>
          </p:cNvPr>
          <p:cNvSpPr>
            <a:spLocks/>
          </p:cNvSpPr>
          <p:nvPr userDrawn="1"/>
        </p:nvSpPr>
        <p:spPr>
          <a:xfrm>
            <a:off x="18623283" y="10655510"/>
            <a:ext cx="473347" cy="47334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4500"/>
          </a:p>
        </p:txBody>
      </p:sp>
      <p:sp>
        <p:nvSpPr>
          <p:cNvPr id="15" name="text" descr="{&quot;templafy&quot;:{&quot;id&quot;:&quot;272392f2-769d-497a-a361-56a8a88fbb00&quot;}}" title="Form.Division.Website">
            <a:extLst>
              <a:ext uri="{FF2B5EF4-FFF2-40B4-BE49-F238E27FC236}">
                <a16:creationId xmlns:a16="http://schemas.microsoft.com/office/drawing/2014/main" id="{59303406-320D-4AE2-880C-AD0748C91A7F}"/>
              </a:ext>
            </a:extLst>
          </p:cNvPr>
          <p:cNvSpPr/>
          <p:nvPr userDrawn="1"/>
        </p:nvSpPr>
        <p:spPr>
          <a:xfrm>
            <a:off x="1149686" y="10721473"/>
            <a:ext cx="2760252" cy="2744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2000">
                <a:solidFill>
                  <a:schemeClr val="tx1"/>
                </a:solidFill>
              </a:rPr>
              <a:t>www.davies-group.com</a:t>
            </a:r>
          </a:p>
        </p:txBody>
      </p:sp>
      <p:cxnSp>
        <p:nvCxnSpPr>
          <p:cNvPr id="17" name="Straight Connector 16">
            <a:extLst>
              <a:ext uri="{FF2B5EF4-FFF2-40B4-BE49-F238E27FC236}">
                <a16:creationId xmlns:a16="http://schemas.microsoft.com/office/drawing/2014/main" id="{75B68356-DAAD-4E55-9F5D-73E0C3AD292C}"/>
              </a:ext>
            </a:extLst>
          </p:cNvPr>
          <p:cNvCxnSpPr>
            <a:cxnSpLocks/>
          </p:cNvCxnSpPr>
          <p:nvPr userDrawn="1"/>
        </p:nvCxnSpPr>
        <p:spPr>
          <a:xfrm>
            <a:off x="1198562" y="1800057"/>
            <a:ext cx="17920230"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12"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1198563" y="964354"/>
            <a:ext cx="13319127" cy="828373"/>
          </a:xfrm>
          <a:prstGeom prst="rect">
            <a:avLst/>
          </a:prstGeom>
        </p:spPr>
        <p:txBody>
          <a:bodyPr vert="horz" lIns="0" tIns="0" rIns="0" bIns="0" rtlCol="0" anchor="ctr">
            <a:noAutofit/>
          </a:bodyPr>
          <a:lstStyle/>
          <a:p>
            <a:r>
              <a:rPr lang="en-US"/>
              <a:t>Click to edit Master title style</a:t>
            </a:r>
            <a:endParaRPr lang="en-GB"/>
          </a:p>
        </p:txBody>
      </p:sp>
      <p:pic>
        <p:nvPicPr>
          <p:cNvPr id="105037826" name="image" descr="{&quot;templafy&quot;:{&quot;id&quot;:&quot;b3f6448b-0e91-458d-951a-765f028ee7ed&quot;}}"/>
          <p:cNvPicPr>
            <a:picLocks noChangeAspect="1"/>
          </p:cNvPicPr>
          <p:nvPr/>
        </p:nvPicPr>
        <p:blipFill>
          <a:blip r:embed="rId4"/>
          <a:stretch>
            <a:fillRect/>
          </a:stretch>
        </p:blipFill>
        <p:spPr>
          <a:xfrm>
            <a:off x="15722790" y="647467"/>
            <a:ext cx="3396000" cy="994922"/>
          </a:xfrm>
          <a:prstGeom prst="rect">
            <a:avLst/>
          </a:prstGeom>
        </p:spPr>
      </p:pic>
    </p:spTree>
    <p:extLst>
      <p:ext uri="{BB962C8B-B14F-4D97-AF65-F5344CB8AC3E}">
        <p14:creationId xmlns:p14="http://schemas.microsoft.com/office/powerpoint/2010/main" val="2136165435"/>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4" orient="horz" pos="3866">
          <p15:clr>
            <a:srgbClr val="FF96FF"/>
          </p15:clr>
        </p15:guide>
        <p15:guide id="5" pos="453">
          <p15:clr>
            <a:srgbClr val="FF96FF"/>
          </p15:clr>
        </p15:guide>
        <p15:guide id="6" pos="3749">
          <p15:clr>
            <a:srgbClr val="FF96FF"/>
          </p15:clr>
        </p15:guide>
        <p15:guide id="7" pos="3930">
          <p15:clr>
            <a:srgbClr val="FF96FF"/>
          </p15:clr>
        </p15:guide>
        <p15:guide id="8" pos="7226">
          <p15:clr>
            <a:srgbClr val="FF96FF"/>
          </p15:clr>
        </p15:guide>
      </p15:sldGuideLst>
    </p:ext>
  </p:extLst>
</p:sldLayout>
</file>

<file path=ppt/slideLayouts/slideLayout48.xml><?xml version="1.0" encoding="utf-8"?>
<p:sldLayout xmlns:a="http://schemas.openxmlformats.org/drawingml/2006/main" xmlns:r="http://schemas.openxmlformats.org/officeDocument/2006/relationships" xmlns:p="http://schemas.openxmlformats.org/presentationml/2006/main" userDrawn="1">
  <p:cSld name="5_Title Only_Dark">
    <p:spTree>
      <p:nvGrpSpPr>
        <p:cNvPr id="1" name=""/>
        <p:cNvGrpSpPr/>
        <p:nvPr/>
      </p:nvGrpSpPr>
      <p:grpSpPr>
        <a:xfrm>
          <a:off x="0" y="0"/>
          <a:ext cx="0" cy="0"/>
          <a:chOff x="0" y="0"/>
          <a:chExt cx="0" cy="0"/>
        </a:xfrm>
      </p:grpSpPr>
      <p:sp>
        <p:nvSpPr>
          <p:cNvPr id="8" name="Guides" hidden="1">
            <a:extLst>
              <a:ext uri="{FF2B5EF4-FFF2-40B4-BE49-F238E27FC236}">
                <a16:creationId xmlns:a16="http://schemas.microsoft.com/office/drawing/2014/main" id="{1CCC1DA6-3109-44AB-859A-3A8651415C8D}"/>
              </a:ext>
            </a:extLst>
          </p:cNvPr>
          <p:cNvSpPr/>
          <p:nvPr userDrawn="1">
            <p:custDataLst>
              <p:tags r:id="rId1"/>
            </p:custDataLst>
          </p:nvPr>
        </p:nvSpPr>
        <p:spPr>
          <a:xfrm>
            <a:off x="0" y="0"/>
            <a:ext cx="1058333" cy="423333"/>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167">
              <a:solidFill>
                <a:srgbClr val="FFFFFF"/>
              </a:solidFill>
            </a:endParaRPr>
          </a:p>
        </p:txBody>
      </p:sp>
      <p:pic>
        <p:nvPicPr>
          <p:cNvPr id="363079477" name="image" descr="{&quot;templafy&quot;:{&quot;id&quot;:&quot;472dd7c7-0e6d-49cb-8677-8871029c28dd&quot;}}"/>
          <p:cNvPicPr>
            <a:picLocks noChangeAspect="1"/>
          </p:cNvPicPr>
          <p:nvPr/>
        </p:nvPicPr>
        <p:blipFill>
          <a:blip r:embed="rId4"/>
          <a:stretch>
            <a:fillRect/>
          </a:stretch>
        </p:blipFill>
        <p:spPr>
          <a:xfrm>
            <a:off x="15722790" y="647467"/>
            <a:ext cx="3396000" cy="994922"/>
          </a:xfrm>
          <a:prstGeom prst="rect">
            <a:avLst/>
          </a:prstGeom>
        </p:spPr>
      </p:pic>
      <p:cxnSp>
        <p:nvCxnSpPr>
          <p:cNvPr id="13" name="Straight Connector 12">
            <a:extLst>
              <a:ext uri="{FF2B5EF4-FFF2-40B4-BE49-F238E27FC236}">
                <a16:creationId xmlns:a16="http://schemas.microsoft.com/office/drawing/2014/main" id="{75B68356-DAAD-4E55-9F5D-73E0C3AD292C}"/>
              </a:ext>
            </a:extLst>
          </p:cNvPr>
          <p:cNvCxnSpPr>
            <a:cxnSpLocks/>
          </p:cNvCxnSpPr>
          <p:nvPr userDrawn="1"/>
        </p:nvCxnSpPr>
        <p:spPr>
          <a:xfrm>
            <a:off x="1198562" y="1800057"/>
            <a:ext cx="17920230"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17"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1198563" y="964354"/>
            <a:ext cx="13319127" cy="828373"/>
          </a:xfrm>
          <a:prstGeom prst="rect">
            <a:avLst/>
          </a:prstGeom>
        </p:spPr>
        <p:txBody>
          <a:bodyPr vert="horz" lIns="0" tIns="0" rIns="0" bIns="0" rtlCol="0" anchor="ctr">
            <a:noAutofit/>
          </a:bodyPr>
          <a:lstStyle/>
          <a:p>
            <a:r>
              <a:rPr lang="en-US"/>
              <a:t>Click to edit Master title style</a:t>
            </a:r>
            <a:endParaRPr lang="en-GB"/>
          </a:p>
        </p:txBody>
      </p:sp>
      <p:pic>
        <p:nvPicPr>
          <p:cNvPr id="4" name="Picture 3">
            <a:extLst>
              <a:ext uri="{FF2B5EF4-FFF2-40B4-BE49-F238E27FC236}">
                <a16:creationId xmlns:a16="http://schemas.microsoft.com/office/drawing/2014/main" id="{0851C704-0121-7F2E-2C63-C6280BA86637}"/>
              </a:ext>
            </a:extLst>
          </p:cNvPr>
          <p:cNvPicPr>
            <a:picLocks noChangeAspect="1"/>
          </p:cNvPicPr>
          <p:nvPr userDrawn="1"/>
        </p:nvPicPr>
        <p:blipFill>
          <a:blip r:embed="rId5"/>
          <a:stretch>
            <a:fillRect/>
          </a:stretch>
        </p:blipFill>
        <p:spPr>
          <a:xfrm>
            <a:off x="0" y="0"/>
            <a:ext cx="20320000" cy="11430000"/>
          </a:xfrm>
          <a:prstGeom prst="rect">
            <a:avLst/>
          </a:prstGeom>
        </p:spPr>
      </p:pic>
      <p:sp>
        <p:nvSpPr>
          <p:cNvPr id="15" name="Slide Number Placeholder 5">
            <a:extLst>
              <a:ext uri="{FF2B5EF4-FFF2-40B4-BE49-F238E27FC236}">
                <a16:creationId xmlns:a16="http://schemas.microsoft.com/office/drawing/2014/main" id="{BBBC8A67-8AC1-6A2C-33E9-8CD6DC773D19}"/>
              </a:ext>
            </a:extLst>
          </p:cNvPr>
          <p:cNvSpPr>
            <a:spLocks noGrp="1"/>
          </p:cNvSpPr>
          <p:nvPr>
            <p:ph type="sldNum" sz="quarter" idx="4"/>
          </p:nvPr>
        </p:nvSpPr>
        <p:spPr>
          <a:xfrm>
            <a:off x="18525345" y="10737383"/>
            <a:ext cx="669223" cy="309600"/>
          </a:xfrm>
          <a:prstGeom prst="rect">
            <a:avLst/>
          </a:prstGeom>
        </p:spPr>
        <p:txBody>
          <a:bodyPr vert="horz" lIns="0" tIns="0" rIns="0" bIns="0" rtlCol="0" anchor="ctr" anchorCtr="0"/>
          <a:lstStyle>
            <a:lvl1pPr algn="ctr">
              <a:defRPr sz="2000">
                <a:solidFill>
                  <a:schemeClr val="tx2"/>
                </a:solidFill>
              </a:defRPr>
            </a:lvl1pPr>
          </a:lstStyle>
          <a:p>
            <a:fld id="{680BFA78-B125-4CEF-AAD8-1CC69F460C2E}" type="slidenum">
              <a:rPr lang="en-GB" smtClean="0"/>
              <a:pPr/>
              <a:t>‹#›</a:t>
            </a:fld>
            <a:endParaRPr lang="en-GB" sz="2000"/>
          </a:p>
        </p:txBody>
      </p:sp>
      <p:cxnSp>
        <p:nvCxnSpPr>
          <p:cNvPr id="18" name="Straight Connector 17">
            <a:extLst>
              <a:ext uri="{FF2B5EF4-FFF2-40B4-BE49-F238E27FC236}">
                <a16:creationId xmlns:a16="http://schemas.microsoft.com/office/drawing/2014/main" id="{35498DDA-EC31-5E2A-8A98-6F07A0C73C0B}"/>
              </a:ext>
            </a:extLst>
          </p:cNvPr>
          <p:cNvCxnSpPr>
            <a:cxnSpLocks/>
            <a:endCxn id="15" idx="1"/>
          </p:cNvCxnSpPr>
          <p:nvPr userDrawn="1"/>
        </p:nvCxnSpPr>
        <p:spPr>
          <a:xfrm>
            <a:off x="3735051" y="10892183"/>
            <a:ext cx="14790295"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19" name="Oval 18">
            <a:extLst>
              <a:ext uri="{FF2B5EF4-FFF2-40B4-BE49-F238E27FC236}">
                <a16:creationId xmlns:a16="http://schemas.microsoft.com/office/drawing/2014/main" id="{FEA8DA47-638D-AC3B-A58C-6766D61AE53C}"/>
              </a:ext>
            </a:extLst>
          </p:cNvPr>
          <p:cNvSpPr>
            <a:spLocks/>
          </p:cNvSpPr>
          <p:nvPr userDrawn="1"/>
        </p:nvSpPr>
        <p:spPr>
          <a:xfrm>
            <a:off x="18623283" y="10655510"/>
            <a:ext cx="473347" cy="47334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4500"/>
          </a:p>
        </p:txBody>
      </p:sp>
      <p:sp>
        <p:nvSpPr>
          <p:cNvPr id="20" name="text" descr="{&quot;templafy&quot;:{&quot;id&quot;:&quot;ed2b8bd5-7ef7-41da-97f1-7ab5934e7347&quot;}}" title="Form.Division.Website">
            <a:extLst>
              <a:ext uri="{FF2B5EF4-FFF2-40B4-BE49-F238E27FC236}">
                <a16:creationId xmlns:a16="http://schemas.microsoft.com/office/drawing/2014/main" id="{57DB9AFC-0175-037F-B649-4F2D75B3806F}"/>
              </a:ext>
            </a:extLst>
          </p:cNvPr>
          <p:cNvSpPr/>
          <p:nvPr userDrawn="1"/>
        </p:nvSpPr>
        <p:spPr>
          <a:xfrm>
            <a:off x="1149686" y="10721473"/>
            <a:ext cx="2760252" cy="27442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2000">
                <a:solidFill>
                  <a:schemeClr val="tx1"/>
                </a:solidFill>
              </a:rPr>
              <a:t>www.davies-group.com</a:t>
            </a:r>
          </a:p>
        </p:txBody>
      </p:sp>
    </p:spTree>
    <p:extLst>
      <p:ext uri="{BB962C8B-B14F-4D97-AF65-F5344CB8AC3E}">
        <p14:creationId xmlns:p14="http://schemas.microsoft.com/office/powerpoint/2010/main" val="1152678994"/>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4" orient="horz" pos="3866">
          <p15:clr>
            <a:srgbClr val="FF96FF"/>
          </p15:clr>
        </p15:guide>
        <p15:guide id="5" pos="453">
          <p15:clr>
            <a:srgbClr val="FF96FF"/>
          </p15:clr>
        </p15:guide>
        <p15:guide id="6" pos="3749">
          <p15:clr>
            <a:srgbClr val="FF96FF"/>
          </p15:clr>
        </p15:guide>
        <p15:guide id="7" pos="3930">
          <p15:clr>
            <a:srgbClr val="FF96FF"/>
          </p15:clr>
        </p15:guide>
        <p15:guide id="8" pos="7226">
          <p15:clr>
            <a:srgbClr val="FF96FF"/>
          </p15:clr>
        </p15:guide>
      </p15:sldGuideLst>
    </p:ext>
  </p:extLst>
</p:sldLayout>
</file>

<file path=ppt/slideLayouts/slideLayout49.xml><?xml version="1.0" encoding="utf-8"?>
<p:sldLayout xmlns:a="http://schemas.openxmlformats.org/drawingml/2006/main" xmlns:r="http://schemas.openxmlformats.org/officeDocument/2006/relationships" xmlns:p="http://schemas.openxmlformats.org/presentationml/2006/main" userDrawn="1">
  <p:cSld name="One Content and Subtitle_Dark">
    <p:bg>
      <p:bgRef idx="1001">
        <a:schemeClr val="bg2"/>
      </p:bgRef>
    </p:bg>
    <p:spTree>
      <p:nvGrpSpPr>
        <p:cNvPr id="1" name=""/>
        <p:cNvGrpSpPr/>
        <p:nvPr/>
      </p:nvGrpSpPr>
      <p:grpSpPr>
        <a:xfrm>
          <a:off x="0" y="0"/>
          <a:ext cx="0" cy="0"/>
          <a:chOff x="0" y="0"/>
          <a:chExt cx="0" cy="0"/>
        </a:xfrm>
      </p:grpSpPr>
      <p:sp>
        <p:nvSpPr>
          <p:cNvPr id="7" name="Guides" hidden="1">
            <a:extLst>
              <a:ext uri="{FF2B5EF4-FFF2-40B4-BE49-F238E27FC236}">
                <a16:creationId xmlns:a16="http://schemas.microsoft.com/office/drawing/2014/main" id="{6774158B-E5E6-4AF4-9DDA-2728F8BB31C5}"/>
              </a:ext>
            </a:extLst>
          </p:cNvPr>
          <p:cNvSpPr/>
          <p:nvPr userDrawn="1">
            <p:custDataLst>
              <p:tags r:id="rId1"/>
            </p:custDataLst>
          </p:nvPr>
        </p:nvSpPr>
        <p:spPr>
          <a:xfrm>
            <a:off x="0" y="0"/>
            <a:ext cx="1058333" cy="423333"/>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167">
              <a:solidFill>
                <a:srgbClr val="FFFFFF"/>
              </a:solidFill>
            </a:endParaRPr>
          </a:p>
        </p:txBody>
      </p:sp>
      <p:sp>
        <p:nvSpPr>
          <p:cNvPr id="9" name="Slide Number Placeholder 5">
            <a:extLst>
              <a:ext uri="{FF2B5EF4-FFF2-40B4-BE49-F238E27FC236}">
                <a16:creationId xmlns:a16="http://schemas.microsoft.com/office/drawing/2014/main" id="{65ECBBB4-392E-48D0-A7A1-B691C04DD1CE}"/>
              </a:ext>
            </a:extLst>
          </p:cNvPr>
          <p:cNvSpPr>
            <a:spLocks noGrp="1"/>
          </p:cNvSpPr>
          <p:nvPr>
            <p:ph type="sldNum" sz="quarter" idx="4"/>
          </p:nvPr>
        </p:nvSpPr>
        <p:spPr>
          <a:xfrm>
            <a:off x="18525345" y="10737383"/>
            <a:ext cx="669223" cy="309600"/>
          </a:xfrm>
          <a:prstGeom prst="rect">
            <a:avLst/>
          </a:prstGeom>
        </p:spPr>
        <p:txBody>
          <a:bodyPr vert="horz" lIns="0" tIns="0" rIns="0" bIns="0" rtlCol="0" anchor="ctr" anchorCtr="0"/>
          <a:lstStyle>
            <a:lvl1pPr algn="ctr">
              <a:defRPr sz="2000">
                <a:solidFill>
                  <a:schemeClr val="tx2"/>
                </a:solidFill>
              </a:defRPr>
            </a:lvl1pPr>
          </a:lstStyle>
          <a:p>
            <a:fld id="{680BFA78-B125-4CEF-AAD8-1CC69F460C2E}" type="slidenum">
              <a:rPr lang="en-GB" smtClean="0"/>
              <a:pPr/>
              <a:t>‹#›</a:t>
            </a:fld>
            <a:endParaRPr lang="en-GB" sz="2000"/>
          </a:p>
        </p:txBody>
      </p:sp>
      <p:cxnSp>
        <p:nvCxnSpPr>
          <p:cNvPr id="10" name="Straight Connector 9">
            <a:extLst>
              <a:ext uri="{FF2B5EF4-FFF2-40B4-BE49-F238E27FC236}">
                <a16:creationId xmlns:a16="http://schemas.microsoft.com/office/drawing/2014/main" id="{98336DED-2705-4DDF-89AC-CA629DA34758}"/>
              </a:ext>
            </a:extLst>
          </p:cNvPr>
          <p:cNvCxnSpPr>
            <a:cxnSpLocks/>
            <a:endCxn id="9" idx="1"/>
          </p:cNvCxnSpPr>
          <p:nvPr userDrawn="1"/>
        </p:nvCxnSpPr>
        <p:spPr>
          <a:xfrm>
            <a:off x="3735051" y="10892183"/>
            <a:ext cx="14790295"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11" name="Oval 10">
            <a:extLst>
              <a:ext uri="{FF2B5EF4-FFF2-40B4-BE49-F238E27FC236}">
                <a16:creationId xmlns:a16="http://schemas.microsoft.com/office/drawing/2014/main" id="{D298D4B8-C398-4186-BC66-F9D8E54A2CA8}"/>
              </a:ext>
            </a:extLst>
          </p:cNvPr>
          <p:cNvSpPr>
            <a:spLocks/>
          </p:cNvSpPr>
          <p:nvPr userDrawn="1"/>
        </p:nvSpPr>
        <p:spPr>
          <a:xfrm>
            <a:off x="18623283" y="10655510"/>
            <a:ext cx="473347" cy="47334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4500"/>
          </a:p>
        </p:txBody>
      </p:sp>
      <p:sp>
        <p:nvSpPr>
          <p:cNvPr id="4" name="Content Placeholder 3">
            <a:extLst>
              <a:ext uri="{FF2B5EF4-FFF2-40B4-BE49-F238E27FC236}">
                <a16:creationId xmlns:a16="http://schemas.microsoft.com/office/drawing/2014/main" id="{97858036-0EFA-488B-9F7E-A6619C37F68B}"/>
              </a:ext>
            </a:extLst>
          </p:cNvPr>
          <p:cNvSpPr>
            <a:spLocks noGrp="1"/>
          </p:cNvSpPr>
          <p:nvPr>
            <p:ph sz="quarter" idx="12"/>
          </p:nvPr>
        </p:nvSpPr>
        <p:spPr>
          <a:xfrm>
            <a:off x="1198564" y="3246001"/>
            <a:ext cx="17899062" cy="6982792"/>
          </a:xfr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pic>
        <p:nvPicPr>
          <p:cNvPr id="511028367" name="image" descr="{&quot;templafy&quot;:{&quot;id&quot;:&quot;d05e61cb-6666-4ce3-a4c6-8b5b609be74b&quot;}}"/>
          <p:cNvPicPr>
            <a:picLocks noChangeAspect="1"/>
          </p:cNvPicPr>
          <p:nvPr/>
        </p:nvPicPr>
        <p:blipFill>
          <a:blip r:embed="rId4"/>
          <a:stretch>
            <a:fillRect/>
          </a:stretch>
        </p:blipFill>
        <p:spPr>
          <a:xfrm>
            <a:off x="15722790" y="647467"/>
            <a:ext cx="3396000" cy="994922"/>
          </a:xfrm>
          <a:prstGeom prst="rect">
            <a:avLst/>
          </a:prstGeom>
        </p:spPr>
      </p:pic>
      <p:sp>
        <p:nvSpPr>
          <p:cNvPr id="16" name="text" descr="{&quot;templafy&quot;:{&quot;id&quot;:&quot;22014e9d-38d9-4c00-a8a8-586903645e06&quot;}}" title="Form.Division.Website">
            <a:extLst>
              <a:ext uri="{FF2B5EF4-FFF2-40B4-BE49-F238E27FC236}">
                <a16:creationId xmlns:a16="http://schemas.microsoft.com/office/drawing/2014/main" id="{758CE02C-7E06-4A77-B5D1-44EA9A3E9E71}"/>
              </a:ext>
            </a:extLst>
          </p:cNvPr>
          <p:cNvSpPr/>
          <p:nvPr userDrawn="1"/>
        </p:nvSpPr>
        <p:spPr>
          <a:xfrm>
            <a:off x="1149686" y="10721473"/>
            <a:ext cx="2760252" cy="2744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2000">
                <a:solidFill>
                  <a:schemeClr val="tx1"/>
                </a:solidFill>
              </a:rPr>
              <a:t>www.davies-group.com</a:t>
            </a:r>
          </a:p>
        </p:txBody>
      </p:sp>
      <p:cxnSp>
        <p:nvCxnSpPr>
          <p:cNvPr id="13" name="Straight Connector 12">
            <a:extLst>
              <a:ext uri="{FF2B5EF4-FFF2-40B4-BE49-F238E27FC236}">
                <a16:creationId xmlns:a16="http://schemas.microsoft.com/office/drawing/2014/main" id="{75B68356-DAAD-4E55-9F5D-73E0C3AD292C}"/>
              </a:ext>
            </a:extLst>
          </p:cNvPr>
          <p:cNvCxnSpPr>
            <a:cxnSpLocks/>
          </p:cNvCxnSpPr>
          <p:nvPr userDrawn="1"/>
        </p:nvCxnSpPr>
        <p:spPr>
          <a:xfrm>
            <a:off x="1198562" y="1800057"/>
            <a:ext cx="17920230"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18" name="Text Placeholder 3">
            <a:extLst>
              <a:ext uri="{FF2B5EF4-FFF2-40B4-BE49-F238E27FC236}">
                <a16:creationId xmlns:a16="http://schemas.microsoft.com/office/drawing/2014/main" id="{D1C970CA-7D66-46B1-B461-B08A2FE2C8E2}"/>
              </a:ext>
            </a:extLst>
          </p:cNvPr>
          <p:cNvSpPr>
            <a:spLocks noGrp="1"/>
          </p:cNvSpPr>
          <p:nvPr>
            <p:ph type="body" sz="quarter" idx="13" hasCustomPrompt="1"/>
          </p:nvPr>
        </p:nvSpPr>
        <p:spPr>
          <a:xfrm>
            <a:off x="1198565" y="1232199"/>
            <a:ext cx="13319123" cy="542802"/>
          </a:xfrm>
        </p:spPr>
        <p:txBody>
          <a:bodyPr/>
          <a:lstStyle>
            <a:lvl1pPr marL="0" indent="0">
              <a:buNone/>
              <a:defRPr sz="3333">
                <a:solidFill>
                  <a:schemeClr val="accent1"/>
                </a:solidFill>
              </a:defRPr>
            </a:lvl1pPr>
            <a:lvl2pPr marL="0" indent="0">
              <a:buNone/>
              <a:defRPr sz="3333">
                <a:solidFill>
                  <a:schemeClr val="accent1"/>
                </a:solidFill>
              </a:defRPr>
            </a:lvl2pPr>
            <a:lvl3pPr marL="0" indent="0">
              <a:buNone/>
              <a:defRPr sz="3333">
                <a:solidFill>
                  <a:schemeClr val="accent1"/>
                </a:solidFill>
              </a:defRPr>
            </a:lvl3pPr>
            <a:lvl4pPr marL="0" indent="0">
              <a:buNone/>
              <a:defRPr sz="3333">
                <a:solidFill>
                  <a:schemeClr val="accent1"/>
                </a:solidFill>
              </a:defRPr>
            </a:lvl4pPr>
            <a:lvl5pPr marL="0" indent="0">
              <a:buNone/>
              <a:defRPr sz="3333">
                <a:solidFill>
                  <a:schemeClr val="accent1"/>
                </a:solidFill>
              </a:defRPr>
            </a:lvl5pPr>
          </a:lstStyle>
          <a:p>
            <a:pPr lvl="0"/>
            <a:r>
              <a:rPr lang="en-US"/>
              <a:t>Click to add subtitle</a:t>
            </a:r>
          </a:p>
        </p:txBody>
      </p:sp>
      <p:sp>
        <p:nvSpPr>
          <p:cNvPr id="14"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1198563" y="379530"/>
            <a:ext cx="13319127" cy="828373"/>
          </a:xfrm>
          <a:prstGeom prst="rect">
            <a:avLst/>
          </a:prstGeom>
        </p:spPr>
        <p:txBody>
          <a:bodyPr vert="horz" lIns="0" tIns="0" rIns="0" bIns="0" rtlCol="0" anchor="ctr">
            <a:noAutofit/>
          </a:bodyPr>
          <a:lstStyle/>
          <a:p>
            <a:r>
              <a:rPr lang="en-US"/>
              <a:t>Click to edit Master title style</a:t>
            </a:r>
            <a:endParaRPr lang="en-GB"/>
          </a:p>
        </p:txBody>
      </p:sp>
    </p:spTree>
    <p:extLst>
      <p:ext uri="{BB962C8B-B14F-4D97-AF65-F5344CB8AC3E}">
        <p14:creationId xmlns:p14="http://schemas.microsoft.com/office/powerpoint/2010/main" val="1097183472"/>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4" orient="horz" pos="3866">
          <p15:clr>
            <a:srgbClr val="FF96FF"/>
          </p15:clr>
        </p15:guide>
        <p15:guide id="5" pos="453">
          <p15:clr>
            <a:srgbClr val="FF96FF"/>
          </p15:clr>
        </p15:guide>
        <p15:guide id="6" pos="3749">
          <p15:clr>
            <a:srgbClr val="FF96FF"/>
          </p15:clr>
        </p15:guide>
        <p15:guide id="7" pos="3930">
          <p15:clr>
            <a:srgbClr val="FF96FF"/>
          </p15:clr>
        </p15:guide>
        <p15:guide id="8" pos="7226">
          <p15:clr>
            <a:srgbClr val="FF96FF"/>
          </p15:clr>
        </p15:guide>
      </p15:sldGuideLst>
    </p:ext>
  </p:extLs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p:cSld name="Simple-layout-2">
    <p:spTree>
      <p:nvGrpSpPr>
        <p:cNvPr id="1" name=""/>
        <p:cNvGrpSpPr/>
        <p:nvPr/>
      </p:nvGrpSpPr>
      <p:grpSpPr>
        <a:xfrm>
          <a:off x="0" y="0"/>
          <a:ext cx="0" cy="0"/>
          <a:chOff x="0" y="0"/>
          <a:chExt cx="0" cy="0"/>
        </a:xfrm>
      </p:grpSpPr>
      <p:cxnSp>
        <p:nvCxnSpPr>
          <p:cNvPr id="4" name="Straight Connector 3"/>
          <p:cNvCxnSpPr/>
          <p:nvPr/>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sp>
        <p:nvSpPr>
          <p:cNvPr id="9" name="Title 4"/>
          <p:cNvSpPr>
            <a:spLocks noGrp="1"/>
          </p:cNvSpPr>
          <p:nvPr>
            <p:ph type="title"/>
          </p:nvPr>
        </p:nvSpPr>
        <p:spPr>
          <a:xfrm>
            <a:off x="842674" y="794960"/>
            <a:ext cx="17793001" cy="984304"/>
          </a:xfrm>
          <a:prstGeom prst="rect">
            <a:avLst/>
          </a:prstGeom>
        </p:spPr>
        <p:txBody>
          <a:bodyPr anchor="t" anchorCtr="0"/>
          <a:lstStyle>
            <a:lvl1pPr>
              <a:defRPr sz="4800">
                <a:solidFill>
                  <a:srgbClr val="114B5F"/>
                </a:solidFill>
              </a:defRPr>
            </a:lvl1pPr>
          </a:lstStyle>
          <a:p>
            <a:r>
              <a:rPr lang="en-US" dirty="0"/>
              <a:t>Click to edit Master title style</a:t>
            </a:r>
            <a:endParaRPr lang="en-GB" dirty="0"/>
          </a:p>
        </p:txBody>
      </p:sp>
      <p:sp>
        <p:nvSpPr>
          <p:cNvPr id="10" name="Text Placeholder 6"/>
          <p:cNvSpPr>
            <a:spLocks noGrp="1"/>
          </p:cNvSpPr>
          <p:nvPr>
            <p:ph type="body" sz="quarter" idx="10"/>
          </p:nvPr>
        </p:nvSpPr>
        <p:spPr>
          <a:xfrm>
            <a:off x="842682" y="2206595"/>
            <a:ext cx="18718305" cy="6700776"/>
          </a:xfrm>
          <a:prstGeom prst="rect">
            <a:avLst/>
          </a:prstGeom>
        </p:spPr>
        <p:txBody>
          <a:bodyPr>
            <a:noAutofit/>
          </a:bodyPr>
          <a:lstStyle>
            <a:lvl1pPr marL="342900" indent="-342900">
              <a:buFont typeface="Wingdings" panose="05000000000000000000" pitchFamily="2" charset="2"/>
              <a:buChar char="§"/>
              <a:defRPr sz="4400">
                <a:solidFill>
                  <a:srgbClr val="54565A"/>
                </a:solidFill>
              </a:defRPr>
            </a:lvl1pPr>
            <a:lvl2pPr marL="1028693" indent="-342900">
              <a:buFont typeface="Wingdings" panose="05000000000000000000" pitchFamily="2" charset="2"/>
              <a:buChar char="§"/>
              <a:defRPr sz="4000"/>
            </a:lvl2pPr>
            <a:lvl3pPr marL="1714487" indent="-342900">
              <a:buFont typeface="Wingdings" panose="05000000000000000000" pitchFamily="2" charset="2"/>
              <a:buChar char="§"/>
              <a:defRPr sz="3200"/>
            </a:lvl3pPr>
            <a:lvl4pPr marL="2400279" indent="-342900">
              <a:buFont typeface="Wingdings" panose="05000000000000000000" pitchFamily="2" charset="2"/>
              <a:buChar char="§"/>
              <a:defRPr sz="3200"/>
            </a:lvl4pPr>
            <a:lvl5pPr marL="3086073" indent="-342900">
              <a:buFont typeface="Wingdings" panose="05000000000000000000" pitchFamily="2" charset="2"/>
              <a:buChar char="§"/>
              <a:defRPr sz="3200"/>
            </a:lvl5pPr>
          </a:lstStyle>
          <a:p>
            <a:pPr lvl="0"/>
            <a:r>
              <a:rPr lang="en-US" noProof="0" dirty="0"/>
              <a:t>Edit Master text styles</a:t>
            </a:r>
          </a:p>
          <a:p>
            <a:pPr lvl="1"/>
            <a:r>
              <a:rPr lang="en-US" noProof="0" dirty="0"/>
              <a:t>Second level</a:t>
            </a:r>
          </a:p>
          <a:p>
            <a:pPr lvl="2"/>
            <a:r>
              <a:rPr lang="en-US" noProof="0" dirty="0"/>
              <a:t>Third level</a:t>
            </a:r>
          </a:p>
        </p:txBody>
      </p:sp>
    </p:spTree>
    <p:extLst>
      <p:ext uri="{BB962C8B-B14F-4D97-AF65-F5344CB8AC3E}">
        <p14:creationId xmlns:p14="http://schemas.microsoft.com/office/powerpoint/2010/main" val="2735437236"/>
      </p:ext>
    </p:extLst>
  </p:cSld>
  <p:clrMapOvr>
    <a:masterClrMapping/>
  </p:clrMapOvr>
  <p:hf hdr="0" ftr="0" dt="0"/>
</p:sldLayout>
</file>

<file path=ppt/slideLayouts/slideLayout50.xml><?xml version="1.0" encoding="utf-8"?>
<p:sldLayout xmlns:a="http://schemas.openxmlformats.org/drawingml/2006/main" xmlns:r="http://schemas.openxmlformats.org/officeDocument/2006/relationships" xmlns:p="http://schemas.openxmlformats.org/presentationml/2006/main" userDrawn="1">
  <p:cSld name="Team x8_Dark">
    <p:bg>
      <p:bgRef idx="1001">
        <a:schemeClr val="bg2"/>
      </p:bgRef>
    </p:bg>
    <p:spTree>
      <p:nvGrpSpPr>
        <p:cNvPr id="1" name=""/>
        <p:cNvGrpSpPr/>
        <p:nvPr/>
      </p:nvGrpSpPr>
      <p:grpSpPr>
        <a:xfrm>
          <a:off x="0" y="0"/>
          <a:ext cx="0" cy="0"/>
          <a:chOff x="0" y="0"/>
          <a:chExt cx="0" cy="0"/>
        </a:xfrm>
      </p:grpSpPr>
      <p:sp>
        <p:nvSpPr>
          <p:cNvPr id="7" name="Guides" hidden="1">
            <a:extLst>
              <a:ext uri="{FF2B5EF4-FFF2-40B4-BE49-F238E27FC236}">
                <a16:creationId xmlns:a16="http://schemas.microsoft.com/office/drawing/2014/main" id="{6774158B-E5E6-4AF4-9DDA-2728F8BB31C5}"/>
              </a:ext>
            </a:extLst>
          </p:cNvPr>
          <p:cNvSpPr/>
          <p:nvPr userDrawn="1">
            <p:custDataLst>
              <p:tags r:id="rId1"/>
            </p:custDataLst>
          </p:nvPr>
        </p:nvSpPr>
        <p:spPr>
          <a:xfrm>
            <a:off x="0" y="0"/>
            <a:ext cx="1058333" cy="423333"/>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167">
              <a:solidFill>
                <a:srgbClr val="FFFFFF"/>
              </a:solidFill>
            </a:endParaRPr>
          </a:p>
        </p:txBody>
      </p:sp>
      <p:sp>
        <p:nvSpPr>
          <p:cNvPr id="9" name="Slide Number Placeholder 5">
            <a:extLst>
              <a:ext uri="{FF2B5EF4-FFF2-40B4-BE49-F238E27FC236}">
                <a16:creationId xmlns:a16="http://schemas.microsoft.com/office/drawing/2014/main" id="{65ECBBB4-392E-48D0-A7A1-B691C04DD1CE}"/>
              </a:ext>
            </a:extLst>
          </p:cNvPr>
          <p:cNvSpPr>
            <a:spLocks noGrp="1"/>
          </p:cNvSpPr>
          <p:nvPr>
            <p:ph type="sldNum" sz="quarter" idx="4"/>
          </p:nvPr>
        </p:nvSpPr>
        <p:spPr>
          <a:xfrm>
            <a:off x="18525345" y="10737383"/>
            <a:ext cx="669223" cy="309600"/>
          </a:xfrm>
          <a:prstGeom prst="rect">
            <a:avLst/>
          </a:prstGeom>
        </p:spPr>
        <p:txBody>
          <a:bodyPr vert="horz" lIns="0" tIns="0" rIns="0" bIns="0" rtlCol="0" anchor="ctr" anchorCtr="0"/>
          <a:lstStyle>
            <a:lvl1pPr algn="ctr">
              <a:defRPr sz="2000">
                <a:solidFill>
                  <a:schemeClr val="tx2"/>
                </a:solidFill>
              </a:defRPr>
            </a:lvl1pPr>
          </a:lstStyle>
          <a:p>
            <a:fld id="{680BFA78-B125-4CEF-AAD8-1CC69F460C2E}" type="slidenum">
              <a:rPr lang="en-GB" smtClean="0"/>
              <a:pPr/>
              <a:t>‹#›</a:t>
            </a:fld>
            <a:endParaRPr lang="en-GB" sz="2000"/>
          </a:p>
        </p:txBody>
      </p:sp>
      <p:cxnSp>
        <p:nvCxnSpPr>
          <p:cNvPr id="10" name="Straight Connector 9">
            <a:extLst>
              <a:ext uri="{FF2B5EF4-FFF2-40B4-BE49-F238E27FC236}">
                <a16:creationId xmlns:a16="http://schemas.microsoft.com/office/drawing/2014/main" id="{98336DED-2705-4DDF-89AC-CA629DA34758}"/>
              </a:ext>
            </a:extLst>
          </p:cNvPr>
          <p:cNvCxnSpPr>
            <a:cxnSpLocks/>
            <a:endCxn id="9" idx="1"/>
          </p:cNvCxnSpPr>
          <p:nvPr userDrawn="1"/>
        </p:nvCxnSpPr>
        <p:spPr>
          <a:xfrm>
            <a:off x="3735051" y="10892183"/>
            <a:ext cx="14790295"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
        <p:nvSpPr>
          <p:cNvPr id="11" name="Oval 10">
            <a:extLst>
              <a:ext uri="{FF2B5EF4-FFF2-40B4-BE49-F238E27FC236}">
                <a16:creationId xmlns:a16="http://schemas.microsoft.com/office/drawing/2014/main" id="{D298D4B8-C398-4186-BC66-F9D8E54A2CA8}"/>
              </a:ext>
            </a:extLst>
          </p:cNvPr>
          <p:cNvSpPr>
            <a:spLocks/>
          </p:cNvSpPr>
          <p:nvPr userDrawn="1"/>
        </p:nvSpPr>
        <p:spPr>
          <a:xfrm>
            <a:off x="18623283" y="10655510"/>
            <a:ext cx="473347" cy="47334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4500"/>
          </a:p>
        </p:txBody>
      </p:sp>
      <p:sp>
        <p:nvSpPr>
          <p:cNvPr id="3" name="Picture Placeholder 2">
            <a:extLst>
              <a:ext uri="{FF2B5EF4-FFF2-40B4-BE49-F238E27FC236}">
                <a16:creationId xmlns:a16="http://schemas.microsoft.com/office/drawing/2014/main" id="{F5F5EA5A-F8B7-4775-B6CE-68F6D66A7F05}"/>
              </a:ext>
            </a:extLst>
          </p:cNvPr>
          <p:cNvSpPr>
            <a:spLocks noGrp="1" noChangeAspect="1"/>
          </p:cNvSpPr>
          <p:nvPr>
            <p:ph type="pic" sz="quarter" idx="11" hasCustomPrompt="1"/>
          </p:nvPr>
        </p:nvSpPr>
        <p:spPr>
          <a:xfrm>
            <a:off x="1198565" y="2629958"/>
            <a:ext cx="1800000" cy="1800000"/>
          </a:xfrm>
          <a:prstGeom prst="ellipse">
            <a:avLst/>
          </a:prstGeom>
        </p:spPr>
        <p:txBody>
          <a:bodyPr/>
          <a:lstStyle>
            <a:lvl1pPr marL="0" indent="0" algn="ctr">
              <a:buNone/>
              <a:defRPr sz="2000"/>
            </a:lvl1pPr>
          </a:lstStyle>
          <a:p>
            <a:r>
              <a:rPr lang="en-US"/>
              <a:t>Picture</a:t>
            </a:r>
            <a:endParaRPr lang="en-GB"/>
          </a:p>
        </p:txBody>
      </p:sp>
      <p:sp>
        <p:nvSpPr>
          <p:cNvPr id="34" name="Picture Placeholder 2">
            <a:extLst>
              <a:ext uri="{FF2B5EF4-FFF2-40B4-BE49-F238E27FC236}">
                <a16:creationId xmlns:a16="http://schemas.microsoft.com/office/drawing/2014/main" id="{6846C2C0-9280-42B2-9030-5A4344AA4A06}"/>
              </a:ext>
            </a:extLst>
          </p:cNvPr>
          <p:cNvSpPr>
            <a:spLocks noGrp="1" noChangeAspect="1"/>
          </p:cNvSpPr>
          <p:nvPr>
            <p:ph type="pic" sz="quarter" idx="15" hasCustomPrompt="1"/>
          </p:nvPr>
        </p:nvSpPr>
        <p:spPr>
          <a:xfrm>
            <a:off x="5799668" y="2629958"/>
            <a:ext cx="1800000" cy="1800000"/>
          </a:xfrm>
          <a:prstGeom prst="ellipse">
            <a:avLst/>
          </a:prstGeom>
        </p:spPr>
        <p:txBody>
          <a:bodyPr/>
          <a:lstStyle>
            <a:lvl1pPr algn="ctr">
              <a:buNone/>
              <a:defRPr sz="2000"/>
            </a:lvl1pPr>
          </a:lstStyle>
          <a:p>
            <a:r>
              <a:rPr lang="en-US"/>
              <a:t>Picture</a:t>
            </a:r>
            <a:endParaRPr lang="en-GB"/>
          </a:p>
        </p:txBody>
      </p:sp>
      <p:sp>
        <p:nvSpPr>
          <p:cNvPr id="38" name="Picture Placeholder 2">
            <a:extLst>
              <a:ext uri="{FF2B5EF4-FFF2-40B4-BE49-F238E27FC236}">
                <a16:creationId xmlns:a16="http://schemas.microsoft.com/office/drawing/2014/main" id="{6197E8B4-D12C-41EE-8EA4-0E487A907A08}"/>
              </a:ext>
            </a:extLst>
          </p:cNvPr>
          <p:cNvSpPr>
            <a:spLocks noGrp="1" noChangeAspect="1"/>
          </p:cNvSpPr>
          <p:nvPr>
            <p:ph type="pic" sz="quarter" idx="19" hasCustomPrompt="1"/>
          </p:nvPr>
        </p:nvSpPr>
        <p:spPr>
          <a:xfrm>
            <a:off x="10375967" y="2629958"/>
            <a:ext cx="1800000" cy="1800000"/>
          </a:xfrm>
          <a:prstGeom prst="ellipse">
            <a:avLst/>
          </a:prstGeom>
        </p:spPr>
        <p:txBody>
          <a:bodyPr/>
          <a:lstStyle>
            <a:lvl1pPr algn="ctr">
              <a:buNone/>
              <a:defRPr sz="2000"/>
            </a:lvl1pPr>
          </a:lstStyle>
          <a:p>
            <a:r>
              <a:rPr lang="en-US"/>
              <a:t>Picture</a:t>
            </a:r>
            <a:endParaRPr lang="en-GB"/>
          </a:p>
        </p:txBody>
      </p:sp>
      <p:sp>
        <p:nvSpPr>
          <p:cNvPr id="42" name="Picture Placeholder 2">
            <a:extLst>
              <a:ext uri="{FF2B5EF4-FFF2-40B4-BE49-F238E27FC236}">
                <a16:creationId xmlns:a16="http://schemas.microsoft.com/office/drawing/2014/main" id="{8BCFC408-A0C3-4F92-BB5A-86FFC672DB42}"/>
              </a:ext>
            </a:extLst>
          </p:cNvPr>
          <p:cNvSpPr>
            <a:spLocks noGrp="1" noChangeAspect="1"/>
          </p:cNvSpPr>
          <p:nvPr>
            <p:ph type="pic" sz="quarter" idx="23" hasCustomPrompt="1"/>
          </p:nvPr>
        </p:nvSpPr>
        <p:spPr>
          <a:xfrm>
            <a:off x="14977070" y="2629958"/>
            <a:ext cx="1800000" cy="1800000"/>
          </a:xfrm>
          <a:prstGeom prst="ellipse">
            <a:avLst/>
          </a:prstGeom>
        </p:spPr>
        <p:txBody>
          <a:bodyPr/>
          <a:lstStyle>
            <a:lvl1pPr algn="ctr">
              <a:buNone/>
              <a:defRPr sz="2000"/>
            </a:lvl1pPr>
          </a:lstStyle>
          <a:p>
            <a:r>
              <a:rPr lang="en-US"/>
              <a:t>Picture</a:t>
            </a:r>
            <a:endParaRPr lang="en-GB"/>
          </a:p>
        </p:txBody>
      </p:sp>
      <p:sp>
        <p:nvSpPr>
          <p:cNvPr id="46" name="Picture Placeholder 2">
            <a:extLst>
              <a:ext uri="{FF2B5EF4-FFF2-40B4-BE49-F238E27FC236}">
                <a16:creationId xmlns:a16="http://schemas.microsoft.com/office/drawing/2014/main" id="{344C2272-9F8F-4998-AF48-5D673D651184}"/>
              </a:ext>
            </a:extLst>
          </p:cNvPr>
          <p:cNvSpPr>
            <a:spLocks noGrp="1" noChangeAspect="1"/>
          </p:cNvSpPr>
          <p:nvPr>
            <p:ph type="pic" sz="quarter" idx="27" hasCustomPrompt="1"/>
          </p:nvPr>
        </p:nvSpPr>
        <p:spPr>
          <a:xfrm>
            <a:off x="1198565" y="6672792"/>
            <a:ext cx="1800000" cy="1800000"/>
          </a:xfrm>
          <a:prstGeom prst="ellipse">
            <a:avLst/>
          </a:prstGeom>
        </p:spPr>
        <p:txBody>
          <a:bodyPr/>
          <a:lstStyle>
            <a:lvl1pPr algn="ctr">
              <a:buNone/>
              <a:defRPr sz="2000"/>
            </a:lvl1pPr>
          </a:lstStyle>
          <a:p>
            <a:r>
              <a:rPr lang="en-US"/>
              <a:t>Picture</a:t>
            </a:r>
            <a:endParaRPr lang="en-GB"/>
          </a:p>
        </p:txBody>
      </p:sp>
      <p:sp>
        <p:nvSpPr>
          <p:cNvPr id="50" name="Picture Placeholder 2">
            <a:extLst>
              <a:ext uri="{FF2B5EF4-FFF2-40B4-BE49-F238E27FC236}">
                <a16:creationId xmlns:a16="http://schemas.microsoft.com/office/drawing/2014/main" id="{B2D4D4FC-505C-4139-9290-3F22DD04C602}"/>
              </a:ext>
            </a:extLst>
          </p:cNvPr>
          <p:cNvSpPr>
            <a:spLocks noGrp="1" noChangeAspect="1"/>
          </p:cNvSpPr>
          <p:nvPr>
            <p:ph type="pic" sz="quarter" idx="31" hasCustomPrompt="1"/>
          </p:nvPr>
        </p:nvSpPr>
        <p:spPr>
          <a:xfrm>
            <a:off x="5799668" y="6672792"/>
            <a:ext cx="1800000" cy="1800000"/>
          </a:xfrm>
          <a:prstGeom prst="ellipse">
            <a:avLst/>
          </a:prstGeom>
        </p:spPr>
        <p:txBody>
          <a:bodyPr/>
          <a:lstStyle>
            <a:lvl1pPr algn="ctr">
              <a:buNone/>
              <a:defRPr sz="2000"/>
            </a:lvl1pPr>
          </a:lstStyle>
          <a:p>
            <a:r>
              <a:rPr lang="en-US"/>
              <a:t>Picture</a:t>
            </a:r>
            <a:endParaRPr lang="en-GB"/>
          </a:p>
        </p:txBody>
      </p:sp>
      <p:sp>
        <p:nvSpPr>
          <p:cNvPr id="54" name="Picture Placeholder 2">
            <a:extLst>
              <a:ext uri="{FF2B5EF4-FFF2-40B4-BE49-F238E27FC236}">
                <a16:creationId xmlns:a16="http://schemas.microsoft.com/office/drawing/2014/main" id="{75DEA7A5-6863-4483-82EC-F40D4ED50BBA}"/>
              </a:ext>
            </a:extLst>
          </p:cNvPr>
          <p:cNvSpPr>
            <a:spLocks noGrp="1" noChangeAspect="1"/>
          </p:cNvSpPr>
          <p:nvPr>
            <p:ph type="pic" sz="quarter" idx="35" hasCustomPrompt="1"/>
          </p:nvPr>
        </p:nvSpPr>
        <p:spPr>
          <a:xfrm>
            <a:off x="10375967" y="6672792"/>
            <a:ext cx="1800000" cy="1800000"/>
          </a:xfrm>
          <a:prstGeom prst="ellipse">
            <a:avLst/>
          </a:prstGeom>
        </p:spPr>
        <p:txBody>
          <a:bodyPr/>
          <a:lstStyle>
            <a:lvl1pPr algn="ctr">
              <a:buNone/>
              <a:defRPr sz="2000"/>
            </a:lvl1pPr>
          </a:lstStyle>
          <a:p>
            <a:r>
              <a:rPr lang="en-US"/>
              <a:t>Picture</a:t>
            </a:r>
            <a:endParaRPr lang="en-GB"/>
          </a:p>
        </p:txBody>
      </p:sp>
      <p:sp>
        <p:nvSpPr>
          <p:cNvPr id="58" name="Picture Placeholder 2">
            <a:extLst>
              <a:ext uri="{FF2B5EF4-FFF2-40B4-BE49-F238E27FC236}">
                <a16:creationId xmlns:a16="http://schemas.microsoft.com/office/drawing/2014/main" id="{FBE6D08D-0BB5-4568-A054-6C568A022870}"/>
              </a:ext>
            </a:extLst>
          </p:cNvPr>
          <p:cNvSpPr>
            <a:spLocks noGrp="1" noChangeAspect="1"/>
          </p:cNvSpPr>
          <p:nvPr>
            <p:ph type="pic" sz="quarter" idx="39" hasCustomPrompt="1"/>
          </p:nvPr>
        </p:nvSpPr>
        <p:spPr>
          <a:xfrm>
            <a:off x="14977070" y="6672792"/>
            <a:ext cx="1800000" cy="1800000"/>
          </a:xfrm>
          <a:prstGeom prst="ellipse">
            <a:avLst/>
          </a:prstGeom>
        </p:spPr>
        <p:txBody>
          <a:bodyPr/>
          <a:lstStyle>
            <a:lvl1pPr algn="ctr">
              <a:buNone/>
              <a:defRPr sz="2000"/>
            </a:lvl1pPr>
          </a:lstStyle>
          <a:p>
            <a:r>
              <a:rPr lang="en-US"/>
              <a:t>Picture</a:t>
            </a:r>
            <a:endParaRPr lang="en-GB"/>
          </a:p>
        </p:txBody>
      </p:sp>
      <p:sp>
        <p:nvSpPr>
          <p:cNvPr id="62" name="Text Placeholder 20">
            <a:extLst>
              <a:ext uri="{FF2B5EF4-FFF2-40B4-BE49-F238E27FC236}">
                <a16:creationId xmlns:a16="http://schemas.microsoft.com/office/drawing/2014/main" id="{1284AE8B-A4F3-4262-B6F4-298273C3C55C}"/>
              </a:ext>
            </a:extLst>
          </p:cNvPr>
          <p:cNvSpPr>
            <a:spLocks noGrp="1"/>
          </p:cNvSpPr>
          <p:nvPr>
            <p:ph type="body" sz="quarter" idx="49" hasCustomPrompt="1"/>
          </p:nvPr>
        </p:nvSpPr>
        <p:spPr>
          <a:xfrm>
            <a:off x="1198562" y="4718382"/>
            <a:ext cx="4119563" cy="373037"/>
          </a:xfrm>
        </p:spPr>
        <p:txBody>
          <a:bodyPr/>
          <a:lstStyle>
            <a:lvl1pPr>
              <a:buNone/>
              <a:defRPr sz="2333">
                <a:solidFill>
                  <a:schemeClr val="accent1"/>
                </a:solidFill>
              </a:defRPr>
            </a:lvl1pPr>
          </a:lstStyle>
          <a:p>
            <a:pPr lvl="0"/>
            <a:r>
              <a:rPr lang="en-US"/>
              <a:t>Click to add name</a:t>
            </a:r>
          </a:p>
        </p:txBody>
      </p:sp>
      <p:sp>
        <p:nvSpPr>
          <p:cNvPr id="63" name="Text Placeholder 20">
            <a:extLst>
              <a:ext uri="{FF2B5EF4-FFF2-40B4-BE49-F238E27FC236}">
                <a16:creationId xmlns:a16="http://schemas.microsoft.com/office/drawing/2014/main" id="{A7EC23AE-4108-46F4-979E-AF7B7353C2A6}"/>
              </a:ext>
            </a:extLst>
          </p:cNvPr>
          <p:cNvSpPr>
            <a:spLocks noGrp="1"/>
          </p:cNvSpPr>
          <p:nvPr>
            <p:ph type="body" sz="quarter" idx="50" hasCustomPrompt="1"/>
          </p:nvPr>
        </p:nvSpPr>
        <p:spPr>
          <a:xfrm>
            <a:off x="1198562" y="5088038"/>
            <a:ext cx="4119563" cy="373037"/>
          </a:xfrm>
        </p:spPr>
        <p:txBody>
          <a:bodyPr/>
          <a:lstStyle>
            <a:lvl1pPr>
              <a:buNone/>
              <a:defRPr sz="2000">
                <a:solidFill>
                  <a:schemeClr val="tx2"/>
                </a:solidFill>
              </a:defRPr>
            </a:lvl1pPr>
          </a:lstStyle>
          <a:p>
            <a:pPr lvl="0"/>
            <a:r>
              <a:rPr lang="en-US"/>
              <a:t>Click to add position</a:t>
            </a:r>
          </a:p>
        </p:txBody>
      </p:sp>
      <p:sp>
        <p:nvSpPr>
          <p:cNvPr id="64" name="Text Placeholder 20">
            <a:extLst>
              <a:ext uri="{FF2B5EF4-FFF2-40B4-BE49-F238E27FC236}">
                <a16:creationId xmlns:a16="http://schemas.microsoft.com/office/drawing/2014/main" id="{3059DF00-F15E-4038-A895-40B4095D1E08}"/>
              </a:ext>
            </a:extLst>
          </p:cNvPr>
          <p:cNvSpPr>
            <a:spLocks noGrp="1"/>
          </p:cNvSpPr>
          <p:nvPr>
            <p:ph type="body" sz="quarter" idx="51" hasCustomPrompt="1"/>
          </p:nvPr>
        </p:nvSpPr>
        <p:spPr>
          <a:xfrm>
            <a:off x="1198562" y="5461738"/>
            <a:ext cx="4119563" cy="373037"/>
          </a:xfrm>
        </p:spPr>
        <p:txBody>
          <a:bodyPr/>
          <a:lstStyle>
            <a:lvl1pPr>
              <a:buNone/>
              <a:defRPr sz="2000">
                <a:solidFill>
                  <a:schemeClr val="tx2"/>
                </a:solidFill>
              </a:defRPr>
            </a:lvl1pPr>
          </a:lstStyle>
          <a:p>
            <a:pPr lvl="0"/>
            <a:r>
              <a:rPr lang="en-US"/>
              <a:t>Click to add email</a:t>
            </a:r>
          </a:p>
        </p:txBody>
      </p:sp>
      <p:sp>
        <p:nvSpPr>
          <p:cNvPr id="65" name="Text Placeholder 20">
            <a:extLst>
              <a:ext uri="{FF2B5EF4-FFF2-40B4-BE49-F238E27FC236}">
                <a16:creationId xmlns:a16="http://schemas.microsoft.com/office/drawing/2014/main" id="{1ABDD104-6DB0-45E8-9B7A-98EA42FFE1B7}"/>
              </a:ext>
            </a:extLst>
          </p:cNvPr>
          <p:cNvSpPr>
            <a:spLocks noGrp="1"/>
          </p:cNvSpPr>
          <p:nvPr>
            <p:ph type="body" sz="quarter" idx="52" hasCustomPrompt="1"/>
          </p:nvPr>
        </p:nvSpPr>
        <p:spPr>
          <a:xfrm>
            <a:off x="5799669" y="4718382"/>
            <a:ext cx="4119563" cy="373037"/>
          </a:xfrm>
        </p:spPr>
        <p:txBody>
          <a:bodyPr/>
          <a:lstStyle>
            <a:lvl1pPr>
              <a:buNone/>
              <a:defRPr sz="2333">
                <a:solidFill>
                  <a:schemeClr val="accent1"/>
                </a:solidFill>
              </a:defRPr>
            </a:lvl1pPr>
          </a:lstStyle>
          <a:p>
            <a:pPr lvl="0"/>
            <a:r>
              <a:rPr lang="en-US"/>
              <a:t>Click to add name</a:t>
            </a:r>
          </a:p>
        </p:txBody>
      </p:sp>
      <p:sp>
        <p:nvSpPr>
          <p:cNvPr id="66" name="Text Placeholder 20">
            <a:extLst>
              <a:ext uri="{FF2B5EF4-FFF2-40B4-BE49-F238E27FC236}">
                <a16:creationId xmlns:a16="http://schemas.microsoft.com/office/drawing/2014/main" id="{573D15D1-B2FE-4994-BA19-3B3A7A4CBD50}"/>
              </a:ext>
            </a:extLst>
          </p:cNvPr>
          <p:cNvSpPr>
            <a:spLocks noGrp="1"/>
          </p:cNvSpPr>
          <p:nvPr>
            <p:ph type="body" sz="quarter" idx="53" hasCustomPrompt="1"/>
          </p:nvPr>
        </p:nvSpPr>
        <p:spPr>
          <a:xfrm>
            <a:off x="5799669" y="5088038"/>
            <a:ext cx="4119563" cy="373037"/>
          </a:xfrm>
        </p:spPr>
        <p:txBody>
          <a:bodyPr/>
          <a:lstStyle>
            <a:lvl1pPr>
              <a:buNone/>
              <a:defRPr sz="2000">
                <a:solidFill>
                  <a:schemeClr val="tx2"/>
                </a:solidFill>
              </a:defRPr>
            </a:lvl1pPr>
          </a:lstStyle>
          <a:p>
            <a:pPr lvl="0"/>
            <a:r>
              <a:rPr lang="en-US"/>
              <a:t>Click to add position</a:t>
            </a:r>
          </a:p>
        </p:txBody>
      </p:sp>
      <p:sp>
        <p:nvSpPr>
          <p:cNvPr id="67" name="Text Placeholder 20">
            <a:extLst>
              <a:ext uri="{FF2B5EF4-FFF2-40B4-BE49-F238E27FC236}">
                <a16:creationId xmlns:a16="http://schemas.microsoft.com/office/drawing/2014/main" id="{67D461D1-AD50-46A4-A3B5-94C4B3D0CF27}"/>
              </a:ext>
            </a:extLst>
          </p:cNvPr>
          <p:cNvSpPr>
            <a:spLocks noGrp="1"/>
          </p:cNvSpPr>
          <p:nvPr>
            <p:ph type="body" sz="quarter" idx="54" hasCustomPrompt="1"/>
          </p:nvPr>
        </p:nvSpPr>
        <p:spPr>
          <a:xfrm>
            <a:off x="5799669" y="5461738"/>
            <a:ext cx="4119563" cy="373037"/>
          </a:xfrm>
        </p:spPr>
        <p:txBody>
          <a:bodyPr/>
          <a:lstStyle>
            <a:lvl1pPr>
              <a:buNone/>
              <a:defRPr sz="2000">
                <a:solidFill>
                  <a:schemeClr val="tx2"/>
                </a:solidFill>
              </a:defRPr>
            </a:lvl1pPr>
          </a:lstStyle>
          <a:p>
            <a:pPr lvl="0"/>
            <a:r>
              <a:rPr lang="en-US"/>
              <a:t>Click to add email</a:t>
            </a:r>
          </a:p>
        </p:txBody>
      </p:sp>
      <p:sp>
        <p:nvSpPr>
          <p:cNvPr id="68" name="Text Placeholder 20">
            <a:extLst>
              <a:ext uri="{FF2B5EF4-FFF2-40B4-BE49-F238E27FC236}">
                <a16:creationId xmlns:a16="http://schemas.microsoft.com/office/drawing/2014/main" id="{993A409B-4569-4CBF-94EA-890FD6504DEE}"/>
              </a:ext>
            </a:extLst>
          </p:cNvPr>
          <p:cNvSpPr>
            <a:spLocks noGrp="1"/>
          </p:cNvSpPr>
          <p:nvPr>
            <p:ph type="body" sz="quarter" idx="55" hasCustomPrompt="1"/>
          </p:nvPr>
        </p:nvSpPr>
        <p:spPr>
          <a:xfrm>
            <a:off x="10375960" y="4718382"/>
            <a:ext cx="4119563" cy="373037"/>
          </a:xfrm>
        </p:spPr>
        <p:txBody>
          <a:bodyPr/>
          <a:lstStyle>
            <a:lvl1pPr>
              <a:buNone/>
              <a:defRPr sz="2333">
                <a:solidFill>
                  <a:schemeClr val="accent1"/>
                </a:solidFill>
              </a:defRPr>
            </a:lvl1pPr>
          </a:lstStyle>
          <a:p>
            <a:pPr lvl="0"/>
            <a:r>
              <a:rPr lang="en-US"/>
              <a:t>Click to add name</a:t>
            </a:r>
          </a:p>
        </p:txBody>
      </p:sp>
      <p:sp>
        <p:nvSpPr>
          <p:cNvPr id="69" name="Text Placeholder 20">
            <a:extLst>
              <a:ext uri="{FF2B5EF4-FFF2-40B4-BE49-F238E27FC236}">
                <a16:creationId xmlns:a16="http://schemas.microsoft.com/office/drawing/2014/main" id="{A56E5162-E23F-43A7-8A8F-33C876C1E66B}"/>
              </a:ext>
            </a:extLst>
          </p:cNvPr>
          <p:cNvSpPr>
            <a:spLocks noGrp="1"/>
          </p:cNvSpPr>
          <p:nvPr>
            <p:ph type="body" sz="quarter" idx="56" hasCustomPrompt="1"/>
          </p:nvPr>
        </p:nvSpPr>
        <p:spPr>
          <a:xfrm>
            <a:off x="10375960" y="5088038"/>
            <a:ext cx="4119563" cy="373037"/>
          </a:xfrm>
        </p:spPr>
        <p:txBody>
          <a:bodyPr/>
          <a:lstStyle>
            <a:lvl1pPr>
              <a:buNone/>
              <a:defRPr sz="2000">
                <a:solidFill>
                  <a:schemeClr val="tx2"/>
                </a:solidFill>
              </a:defRPr>
            </a:lvl1pPr>
          </a:lstStyle>
          <a:p>
            <a:pPr lvl="0"/>
            <a:r>
              <a:rPr lang="en-US"/>
              <a:t>Click to add position</a:t>
            </a:r>
          </a:p>
        </p:txBody>
      </p:sp>
      <p:sp>
        <p:nvSpPr>
          <p:cNvPr id="70" name="Text Placeholder 20">
            <a:extLst>
              <a:ext uri="{FF2B5EF4-FFF2-40B4-BE49-F238E27FC236}">
                <a16:creationId xmlns:a16="http://schemas.microsoft.com/office/drawing/2014/main" id="{C747F8A7-6579-4BF1-83DF-556BEC28D752}"/>
              </a:ext>
            </a:extLst>
          </p:cNvPr>
          <p:cNvSpPr>
            <a:spLocks noGrp="1"/>
          </p:cNvSpPr>
          <p:nvPr>
            <p:ph type="body" sz="quarter" idx="57" hasCustomPrompt="1"/>
          </p:nvPr>
        </p:nvSpPr>
        <p:spPr>
          <a:xfrm>
            <a:off x="10375960" y="5461738"/>
            <a:ext cx="4119563" cy="373037"/>
          </a:xfrm>
        </p:spPr>
        <p:txBody>
          <a:bodyPr/>
          <a:lstStyle>
            <a:lvl1pPr>
              <a:buNone/>
              <a:defRPr sz="2000">
                <a:solidFill>
                  <a:schemeClr val="tx2"/>
                </a:solidFill>
              </a:defRPr>
            </a:lvl1pPr>
          </a:lstStyle>
          <a:p>
            <a:pPr lvl="0"/>
            <a:r>
              <a:rPr lang="en-US"/>
              <a:t>Click to add email</a:t>
            </a:r>
          </a:p>
        </p:txBody>
      </p:sp>
      <p:sp>
        <p:nvSpPr>
          <p:cNvPr id="71" name="Text Placeholder 20">
            <a:extLst>
              <a:ext uri="{FF2B5EF4-FFF2-40B4-BE49-F238E27FC236}">
                <a16:creationId xmlns:a16="http://schemas.microsoft.com/office/drawing/2014/main" id="{1DB0D370-8FD3-4D5E-BC60-B63DC0B8777E}"/>
              </a:ext>
            </a:extLst>
          </p:cNvPr>
          <p:cNvSpPr>
            <a:spLocks noGrp="1"/>
          </p:cNvSpPr>
          <p:nvPr>
            <p:ph type="body" sz="quarter" idx="58" hasCustomPrompt="1"/>
          </p:nvPr>
        </p:nvSpPr>
        <p:spPr>
          <a:xfrm>
            <a:off x="14977067" y="4718382"/>
            <a:ext cx="4119563" cy="373037"/>
          </a:xfrm>
        </p:spPr>
        <p:txBody>
          <a:bodyPr/>
          <a:lstStyle>
            <a:lvl1pPr>
              <a:buNone/>
              <a:defRPr sz="2333">
                <a:solidFill>
                  <a:schemeClr val="accent1"/>
                </a:solidFill>
              </a:defRPr>
            </a:lvl1pPr>
          </a:lstStyle>
          <a:p>
            <a:pPr lvl="0"/>
            <a:r>
              <a:rPr lang="en-US"/>
              <a:t>Click to add name</a:t>
            </a:r>
          </a:p>
        </p:txBody>
      </p:sp>
      <p:sp>
        <p:nvSpPr>
          <p:cNvPr id="72" name="Text Placeholder 20">
            <a:extLst>
              <a:ext uri="{FF2B5EF4-FFF2-40B4-BE49-F238E27FC236}">
                <a16:creationId xmlns:a16="http://schemas.microsoft.com/office/drawing/2014/main" id="{3A49AB51-A305-4CB5-883C-CC4822AF9E28}"/>
              </a:ext>
            </a:extLst>
          </p:cNvPr>
          <p:cNvSpPr>
            <a:spLocks noGrp="1"/>
          </p:cNvSpPr>
          <p:nvPr>
            <p:ph type="body" sz="quarter" idx="59" hasCustomPrompt="1"/>
          </p:nvPr>
        </p:nvSpPr>
        <p:spPr>
          <a:xfrm>
            <a:off x="14977067" y="5088038"/>
            <a:ext cx="4119563" cy="373037"/>
          </a:xfrm>
        </p:spPr>
        <p:txBody>
          <a:bodyPr/>
          <a:lstStyle>
            <a:lvl1pPr>
              <a:buNone/>
              <a:defRPr sz="2000">
                <a:solidFill>
                  <a:schemeClr val="tx2"/>
                </a:solidFill>
              </a:defRPr>
            </a:lvl1pPr>
          </a:lstStyle>
          <a:p>
            <a:pPr lvl="0"/>
            <a:r>
              <a:rPr lang="en-US"/>
              <a:t>Click to add position</a:t>
            </a:r>
          </a:p>
        </p:txBody>
      </p:sp>
      <p:sp>
        <p:nvSpPr>
          <p:cNvPr id="73" name="Text Placeholder 20">
            <a:extLst>
              <a:ext uri="{FF2B5EF4-FFF2-40B4-BE49-F238E27FC236}">
                <a16:creationId xmlns:a16="http://schemas.microsoft.com/office/drawing/2014/main" id="{5478363C-5AA3-4A46-B06F-55A192C20A9C}"/>
              </a:ext>
            </a:extLst>
          </p:cNvPr>
          <p:cNvSpPr>
            <a:spLocks noGrp="1"/>
          </p:cNvSpPr>
          <p:nvPr>
            <p:ph type="body" sz="quarter" idx="60" hasCustomPrompt="1"/>
          </p:nvPr>
        </p:nvSpPr>
        <p:spPr>
          <a:xfrm>
            <a:off x="14977067" y="5461738"/>
            <a:ext cx="4119563" cy="373037"/>
          </a:xfrm>
        </p:spPr>
        <p:txBody>
          <a:bodyPr/>
          <a:lstStyle>
            <a:lvl1pPr>
              <a:buNone/>
              <a:defRPr sz="2000">
                <a:solidFill>
                  <a:schemeClr val="tx2"/>
                </a:solidFill>
              </a:defRPr>
            </a:lvl1pPr>
          </a:lstStyle>
          <a:p>
            <a:pPr lvl="0"/>
            <a:r>
              <a:rPr lang="en-US"/>
              <a:t>Click to add email</a:t>
            </a:r>
          </a:p>
        </p:txBody>
      </p:sp>
      <p:sp>
        <p:nvSpPr>
          <p:cNvPr id="74" name="Text Placeholder 20">
            <a:extLst>
              <a:ext uri="{FF2B5EF4-FFF2-40B4-BE49-F238E27FC236}">
                <a16:creationId xmlns:a16="http://schemas.microsoft.com/office/drawing/2014/main" id="{F00C6907-7BB1-40A9-930D-FEC81600478C}"/>
              </a:ext>
            </a:extLst>
          </p:cNvPr>
          <p:cNvSpPr>
            <a:spLocks noGrp="1"/>
          </p:cNvSpPr>
          <p:nvPr>
            <p:ph type="body" sz="quarter" idx="61" hasCustomPrompt="1"/>
          </p:nvPr>
        </p:nvSpPr>
        <p:spPr>
          <a:xfrm>
            <a:off x="1198562" y="8740920"/>
            <a:ext cx="4119563" cy="373037"/>
          </a:xfrm>
        </p:spPr>
        <p:txBody>
          <a:bodyPr/>
          <a:lstStyle>
            <a:lvl1pPr>
              <a:buNone/>
              <a:defRPr sz="2333">
                <a:solidFill>
                  <a:schemeClr val="accent1"/>
                </a:solidFill>
              </a:defRPr>
            </a:lvl1pPr>
          </a:lstStyle>
          <a:p>
            <a:pPr lvl="0"/>
            <a:r>
              <a:rPr lang="en-US"/>
              <a:t>Click to add name</a:t>
            </a:r>
          </a:p>
        </p:txBody>
      </p:sp>
      <p:sp>
        <p:nvSpPr>
          <p:cNvPr id="75" name="Text Placeholder 20">
            <a:extLst>
              <a:ext uri="{FF2B5EF4-FFF2-40B4-BE49-F238E27FC236}">
                <a16:creationId xmlns:a16="http://schemas.microsoft.com/office/drawing/2014/main" id="{CB2CB557-D6F8-43F7-A8FD-7CD2363F2528}"/>
              </a:ext>
            </a:extLst>
          </p:cNvPr>
          <p:cNvSpPr>
            <a:spLocks noGrp="1"/>
          </p:cNvSpPr>
          <p:nvPr>
            <p:ph type="body" sz="quarter" idx="62" hasCustomPrompt="1"/>
          </p:nvPr>
        </p:nvSpPr>
        <p:spPr>
          <a:xfrm>
            <a:off x="1198562" y="9110577"/>
            <a:ext cx="4119563" cy="373037"/>
          </a:xfrm>
        </p:spPr>
        <p:txBody>
          <a:bodyPr/>
          <a:lstStyle>
            <a:lvl1pPr>
              <a:buNone/>
              <a:defRPr sz="2000">
                <a:solidFill>
                  <a:schemeClr val="tx2"/>
                </a:solidFill>
              </a:defRPr>
            </a:lvl1pPr>
          </a:lstStyle>
          <a:p>
            <a:pPr lvl="0"/>
            <a:r>
              <a:rPr lang="en-US"/>
              <a:t>Click to add position</a:t>
            </a:r>
          </a:p>
        </p:txBody>
      </p:sp>
      <p:sp>
        <p:nvSpPr>
          <p:cNvPr id="76" name="Text Placeholder 20">
            <a:extLst>
              <a:ext uri="{FF2B5EF4-FFF2-40B4-BE49-F238E27FC236}">
                <a16:creationId xmlns:a16="http://schemas.microsoft.com/office/drawing/2014/main" id="{4C4C13C8-3B84-42A2-8C43-CEF33D8A7DB0}"/>
              </a:ext>
            </a:extLst>
          </p:cNvPr>
          <p:cNvSpPr>
            <a:spLocks noGrp="1"/>
          </p:cNvSpPr>
          <p:nvPr>
            <p:ph type="body" sz="quarter" idx="63" hasCustomPrompt="1"/>
          </p:nvPr>
        </p:nvSpPr>
        <p:spPr>
          <a:xfrm>
            <a:off x="1198562" y="9484277"/>
            <a:ext cx="4119563" cy="373037"/>
          </a:xfrm>
        </p:spPr>
        <p:txBody>
          <a:bodyPr/>
          <a:lstStyle>
            <a:lvl1pPr>
              <a:buNone/>
              <a:defRPr sz="2000">
                <a:solidFill>
                  <a:schemeClr val="tx2"/>
                </a:solidFill>
              </a:defRPr>
            </a:lvl1pPr>
          </a:lstStyle>
          <a:p>
            <a:pPr lvl="0"/>
            <a:r>
              <a:rPr lang="en-US"/>
              <a:t>Click to add email</a:t>
            </a:r>
          </a:p>
        </p:txBody>
      </p:sp>
      <p:sp>
        <p:nvSpPr>
          <p:cNvPr id="77" name="Text Placeholder 20">
            <a:extLst>
              <a:ext uri="{FF2B5EF4-FFF2-40B4-BE49-F238E27FC236}">
                <a16:creationId xmlns:a16="http://schemas.microsoft.com/office/drawing/2014/main" id="{C5049BEE-7F62-4B23-B709-C4F3599B9818}"/>
              </a:ext>
            </a:extLst>
          </p:cNvPr>
          <p:cNvSpPr>
            <a:spLocks noGrp="1"/>
          </p:cNvSpPr>
          <p:nvPr>
            <p:ph type="body" sz="quarter" idx="64" hasCustomPrompt="1"/>
          </p:nvPr>
        </p:nvSpPr>
        <p:spPr>
          <a:xfrm>
            <a:off x="5799669" y="8740920"/>
            <a:ext cx="4119563" cy="373037"/>
          </a:xfrm>
        </p:spPr>
        <p:txBody>
          <a:bodyPr/>
          <a:lstStyle>
            <a:lvl1pPr>
              <a:buNone/>
              <a:defRPr sz="2333">
                <a:solidFill>
                  <a:schemeClr val="accent1"/>
                </a:solidFill>
              </a:defRPr>
            </a:lvl1pPr>
          </a:lstStyle>
          <a:p>
            <a:pPr lvl="0"/>
            <a:r>
              <a:rPr lang="en-US"/>
              <a:t>Click to add name</a:t>
            </a:r>
          </a:p>
        </p:txBody>
      </p:sp>
      <p:sp>
        <p:nvSpPr>
          <p:cNvPr id="78" name="Text Placeholder 20">
            <a:extLst>
              <a:ext uri="{FF2B5EF4-FFF2-40B4-BE49-F238E27FC236}">
                <a16:creationId xmlns:a16="http://schemas.microsoft.com/office/drawing/2014/main" id="{CAEF1CE2-51A9-4755-93BE-6E0CB42B0DFE}"/>
              </a:ext>
            </a:extLst>
          </p:cNvPr>
          <p:cNvSpPr>
            <a:spLocks noGrp="1"/>
          </p:cNvSpPr>
          <p:nvPr>
            <p:ph type="body" sz="quarter" idx="65" hasCustomPrompt="1"/>
          </p:nvPr>
        </p:nvSpPr>
        <p:spPr>
          <a:xfrm>
            <a:off x="5799669" y="9110577"/>
            <a:ext cx="4119563" cy="373037"/>
          </a:xfrm>
        </p:spPr>
        <p:txBody>
          <a:bodyPr/>
          <a:lstStyle>
            <a:lvl1pPr>
              <a:buNone/>
              <a:defRPr sz="2000">
                <a:solidFill>
                  <a:schemeClr val="tx2"/>
                </a:solidFill>
              </a:defRPr>
            </a:lvl1pPr>
          </a:lstStyle>
          <a:p>
            <a:pPr lvl="0"/>
            <a:r>
              <a:rPr lang="en-US"/>
              <a:t>Click to add position</a:t>
            </a:r>
          </a:p>
        </p:txBody>
      </p:sp>
      <p:sp>
        <p:nvSpPr>
          <p:cNvPr id="79" name="Text Placeholder 20">
            <a:extLst>
              <a:ext uri="{FF2B5EF4-FFF2-40B4-BE49-F238E27FC236}">
                <a16:creationId xmlns:a16="http://schemas.microsoft.com/office/drawing/2014/main" id="{CE32B9F6-F7EE-442A-8C36-E3FCD9088A79}"/>
              </a:ext>
            </a:extLst>
          </p:cNvPr>
          <p:cNvSpPr>
            <a:spLocks noGrp="1"/>
          </p:cNvSpPr>
          <p:nvPr>
            <p:ph type="body" sz="quarter" idx="66" hasCustomPrompt="1"/>
          </p:nvPr>
        </p:nvSpPr>
        <p:spPr>
          <a:xfrm>
            <a:off x="5799669" y="9484277"/>
            <a:ext cx="4119563" cy="373037"/>
          </a:xfrm>
        </p:spPr>
        <p:txBody>
          <a:bodyPr/>
          <a:lstStyle>
            <a:lvl1pPr>
              <a:buNone/>
              <a:defRPr sz="2000">
                <a:solidFill>
                  <a:schemeClr val="tx2"/>
                </a:solidFill>
              </a:defRPr>
            </a:lvl1pPr>
          </a:lstStyle>
          <a:p>
            <a:pPr lvl="0"/>
            <a:r>
              <a:rPr lang="en-US"/>
              <a:t>Click to add email</a:t>
            </a:r>
          </a:p>
        </p:txBody>
      </p:sp>
      <p:sp>
        <p:nvSpPr>
          <p:cNvPr id="80" name="Text Placeholder 20">
            <a:extLst>
              <a:ext uri="{FF2B5EF4-FFF2-40B4-BE49-F238E27FC236}">
                <a16:creationId xmlns:a16="http://schemas.microsoft.com/office/drawing/2014/main" id="{49CAAFF5-F814-4E97-819E-192A0AD06B71}"/>
              </a:ext>
            </a:extLst>
          </p:cNvPr>
          <p:cNvSpPr>
            <a:spLocks noGrp="1"/>
          </p:cNvSpPr>
          <p:nvPr>
            <p:ph type="body" sz="quarter" idx="67" hasCustomPrompt="1"/>
          </p:nvPr>
        </p:nvSpPr>
        <p:spPr>
          <a:xfrm>
            <a:off x="10375960" y="8740920"/>
            <a:ext cx="4119563" cy="373037"/>
          </a:xfrm>
        </p:spPr>
        <p:txBody>
          <a:bodyPr/>
          <a:lstStyle>
            <a:lvl1pPr>
              <a:buNone/>
              <a:defRPr sz="2333">
                <a:solidFill>
                  <a:schemeClr val="accent1"/>
                </a:solidFill>
              </a:defRPr>
            </a:lvl1pPr>
          </a:lstStyle>
          <a:p>
            <a:pPr lvl="0"/>
            <a:r>
              <a:rPr lang="en-US"/>
              <a:t>Click to add name</a:t>
            </a:r>
          </a:p>
        </p:txBody>
      </p:sp>
      <p:sp>
        <p:nvSpPr>
          <p:cNvPr id="81" name="Text Placeholder 20">
            <a:extLst>
              <a:ext uri="{FF2B5EF4-FFF2-40B4-BE49-F238E27FC236}">
                <a16:creationId xmlns:a16="http://schemas.microsoft.com/office/drawing/2014/main" id="{266A1CC5-85A6-4A44-AD62-24D563C7BFDF}"/>
              </a:ext>
            </a:extLst>
          </p:cNvPr>
          <p:cNvSpPr>
            <a:spLocks noGrp="1"/>
          </p:cNvSpPr>
          <p:nvPr>
            <p:ph type="body" sz="quarter" idx="68" hasCustomPrompt="1"/>
          </p:nvPr>
        </p:nvSpPr>
        <p:spPr>
          <a:xfrm>
            <a:off x="10375960" y="9110577"/>
            <a:ext cx="4119563" cy="373037"/>
          </a:xfrm>
        </p:spPr>
        <p:txBody>
          <a:bodyPr/>
          <a:lstStyle>
            <a:lvl1pPr>
              <a:buNone/>
              <a:defRPr sz="2000">
                <a:solidFill>
                  <a:schemeClr val="tx2"/>
                </a:solidFill>
              </a:defRPr>
            </a:lvl1pPr>
          </a:lstStyle>
          <a:p>
            <a:pPr lvl="0"/>
            <a:r>
              <a:rPr lang="en-US"/>
              <a:t>Click to add position</a:t>
            </a:r>
          </a:p>
        </p:txBody>
      </p:sp>
      <p:sp>
        <p:nvSpPr>
          <p:cNvPr id="82" name="Text Placeholder 20">
            <a:extLst>
              <a:ext uri="{FF2B5EF4-FFF2-40B4-BE49-F238E27FC236}">
                <a16:creationId xmlns:a16="http://schemas.microsoft.com/office/drawing/2014/main" id="{4C0ACD20-47A6-45DC-8030-C5C4725A442E}"/>
              </a:ext>
            </a:extLst>
          </p:cNvPr>
          <p:cNvSpPr>
            <a:spLocks noGrp="1"/>
          </p:cNvSpPr>
          <p:nvPr>
            <p:ph type="body" sz="quarter" idx="69" hasCustomPrompt="1"/>
          </p:nvPr>
        </p:nvSpPr>
        <p:spPr>
          <a:xfrm>
            <a:off x="10375960" y="9484277"/>
            <a:ext cx="4119563" cy="373037"/>
          </a:xfrm>
        </p:spPr>
        <p:txBody>
          <a:bodyPr/>
          <a:lstStyle>
            <a:lvl1pPr>
              <a:buNone/>
              <a:defRPr sz="2000">
                <a:solidFill>
                  <a:schemeClr val="tx2"/>
                </a:solidFill>
              </a:defRPr>
            </a:lvl1pPr>
          </a:lstStyle>
          <a:p>
            <a:pPr lvl="0"/>
            <a:r>
              <a:rPr lang="en-US"/>
              <a:t>Click to add email</a:t>
            </a:r>
          </a:p>
        </p:txBody>
      </p:sp>
      <p:sp>
        <p:nvSpPr>
          <p:cNvPr id="83" name="Text Placeholder 20">
            <a:extLst>
              <a:ext uri="{FF2B5EF4-FFF2-40B4-BE49-F238E27FC236}">
                <a16:creationId xmlns:a16="http://schemas.microsoft.com/office/drawing/2014/main" id="{8D710309-D596-40E9-AD0E-461DA6B85FE9}"/>
              </a:ext>
            </a:extLst>
          </p:cNvPr>
          <p:cNvSpPr>
            <a:spLocks noGrp="1"/>
          </p:cNvSpPr>
          <p:nvPr>
            <p:ph type="body" sz="quarter" idx="70" hasCustomPrompt="1"/>
          </p:nvPr>
        </p:nvSpPr>
        <p:spPr>
          <a:xfrm>
            <a:off x="14977067" y="8740920"/>
            <a:ext cx="4119563" cy="373037"/>
          </a:xfrm>
        </p:spPr>
        <p:txBody>
          <a:bodyPr/>
          <a:lstStyle>
            <a:lvl1pPr>
              <a:buNone/>
              <a:defRPr sz="2333">
                <a:solidFill>
                  <a:schemeClr val="accent1"/>
                </a:solidFill>
              </a:defRPr>
            </a:lvl1pPr>
          </a:lstStyle>
          <a:p>
            <a:pPr lvl="0"/>
            <a:r>
              <a:rPr lang="en-US"/>
              <a:t>Click to add name</a:t>
            </a:r>
          </a:p>
        </p:txBody>
      </p:sp>
      <p:sp>
        <p:nvSpPr>
          <p:cNvPr id="84" name="Text Placeholder 20">
            <a:extLst>
              <a:ext uri="{FF2B5EF4-FFF2-40B4-BE49-F238E27FC236}">
                <a16:creationId xmlns:a16="http://schemas.microsoft.com/office/drawing/2014/main" id="{28AE5A72-DD57-4288-BE80-02A41A02B295}"/>
              </a:ext>
            </a:extLst>
          </p:cNvPr>
          <p:cNvSpPr>
            <a:spLocks noGrp="1"/>
          </p:cNvSpPr>
          <p:nvPr>
            <p:ph type="body" sz="quarter" idx="71" hasCustomPrompt="1"/>
          </p:nvPr>
        </p:nvSpPr>
        <p:spPr>
          <a:xfrm>
            <a:off x="14977067" y="9110577"/>
            <a:ext cx="4119563" cy="373037"/>
          </a:xfrm>
        </p:spPr>
        <p:txBody>
          <a:bodyPr/>
          <a:lstStyle>
            <a:lvl1pPr>
              <a:buNone/>
              <a:defRPr sz="2000">
                <a:solidFill>
                  <a:schemeClr val="tx2"/>
                </a:solidFill>
              </a:defRPr>
            </a:lvl1pPr>
          </a:lstStyle>
          <a:p>
            <a:pPr lvl="0"/>
            <a:r>
              <a:rPr lang="en-US"/>
              <a:t>Click to add position</a:t>
            </a:r>
          </a:p>
        </p:txBody>
      </p:sp>
      <p:sp>
        <p:nvSpPr>
          <p:cNvPr id="85" name="Text Placeholder 20">
            <a:extLst>
              <a:ext uri="{FF2B5EF4-FFF2-40B4-BE49-F238E27FC236}">
                <a16:creationId xmlns:a16="http://schemas.microsoft.com/office/drawing/2014/main" id="{C6F74F65-D23B-46F0-9EAD-680695107F39}"/>
              </a:ext>
            </a:extLst>
          </p:cNvPr>
          <p:cNvSpPr>
            <a:spLocks noGrp="1"/>
          </p:cNvSpPr>
          <p:nvPr>
            <p:ph type="body" sz="quarter" idx="72" hasCustomPrompt="1"/>
          </p:nvPr>
        </p:nvSpPr>
        <p:spPr>
          <a:xfrm>
            <a:off x="14977067" y="9484277"/>
            <a:ext cx="4119563" cy="373037"/>
          </a:xfrm>
        </p:spPr>
        <p:txBody>
          <a:bodyPr/>
          <a:lstStyle>
            <a:lvl1pPr>
              <a:buNone/>
              <a:defRPr sz="2000">
                <a:solidFill>
                  <a:schemeClr val="tx2"/>
                </a:solidFill>
              </a:defRPr>
            </a:lvl1pPr>
          </a:lstStyle>
          <a:p>
            <a:pPr lvl="0"/>
            <a:r>
              <a:rPr lang="en-US"/>
              <a:t>Click to add email</a:t>
            </a:r>
          </a:p>
        </p:txBody>
      </p:sp>
      <p:pic>
        <p:nvPicPr>
          <p:cNvPr id="602781256" name="image" descr="{&quot;templafy&quot;:{&quot;id&quot;:&quot;2a859cc5-ef7a-4d00-b7ad-d3f4b9626828&quot;}}"/>
          <p:cNvPicPr>
            <a:picLocks noChangeAspect="1"/>
          </p:cNvPicPr>
          <p:nvPr/>
        </p:nvPicPr>
        <p:blipFill>
          <a:blip r:embed="rId4"/>
          <a:stretch>
            <a:fillRect/>
          </a:stretch>
        </p:blipFill>
        <p:spPr>
          <a:xfrm>
            <a:off x="15722790" y="647467"/>
            <a:ext cx="3396000" cy="994922"/>
          </a:xfrm>
          <a:prstGeom prst="rect">
            <a:avLst/>
          </a:prstGeom>
        </p:spPr>
      </p:pic>
      <p:sp>
        <p:nvSpPr>
          <p:cNvPr id="47" name="text" descr="{&quot;templafy&quot;:{&quot;id&quot;:&quot;c6ae404f-7554-4e80-b0ac-1def99d11e13&quot;}}" title="Form.Division.Website">
            <a:extLst>
              <a:ext uri="{FF2B5EF4-FFF2-40B4-BE49-F238E27FC236}">
                <a16:creationId xmlns:a16="http://schemas.microsoft.com/office/drawing/2014/main" id="{EA6BDA9A-641F-4A6E-8775-59A7674E5F40}"/>
              </a:ext>
            </a:extLst>
          </p:cNvPr>
          <p:cNvSpPr/>
          <p:nvPr userDrawn="1"/>
        </p:nvSpPr>
        <p:spPr>
          <a:xfrm>
            <a:off x="1149686" y="10721473"/>
            <a:ext cx="2760252" cy="274420"/>
          </a:xfrm>
          <a:prstGeom prst="rect">
            <a:avLst/>
          </a:prstGeom>
          <a:solidFill>
            <a:schemeClr val="bg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2000">
                <a:solidFill>
                  <a:schemeClr val="tx1"/>
                </a:solidFill>
              </a:rPr>
              <a:t>www.davies-group.com</a:t>
            </a:r>
          </a:p>
        </p:txBody>
      </p:sp>
      <p:cxnSp>
        <p:nvCxnSpPr>
          <p:cNvPr id="44" name="Straight Connector 43">
            <a:extLst>
              <a:ext uri="{FF2B5EF4-FFF2-40B4-BE49-F238E27FC236}">
                <a16:creationId xmlns:a16="http://schemas.microsoft.com/office/drawing/2014/main" id="{75B68356-DAAD-4E55-9F5D-73E0C3AD292C}"/>
              </a:ext>
            </a:extLst>
          </p:cNvPr>
          <p:cNvCxnSpPr>
            <a:cxnSpLocks/>
          </p:cNvCxnSpPr>
          <p:nvPr userDrawn="1"/>
        </p:nvCxnSpPr>
        <p:spPr>
          <a:xfrm>
            <a:off x="1198562" y="1800057"/>
            <a:ext cx="17920230"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49"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1198563" y="964354"/>
            <a:ext cx="13319127" cy="828373"/>
          </a:xfrm>
          <a:prstGeom prst="rect">
            <a:avLst/>
          </a:prstGeom>
        </p:spPr>
        <p:txBody>
          <a:bodyPr vert="horz" lIns="0" tIns="0" rIns="0" bIns="0" rtlCol="0" anchor="ctr">
            <a:noAutofit/>
          </a:bodyPr>
          <a:lstStyle/>
          <a:p>
            <a:r>
              <a:rPr lang="en-US"/>
              <a:t>Click to edit Master title style</a:t>
            </a:r>
            <a:endParaRPr lang="en-GB"/>
          </a:p>
        </p:txBody>
      </p:sp>
    </p:spTree>
    <p:extLst>
      <p:ext uri="{BB962C8B-B14F-4D97-AF65-F5344CB8AC3E}">
        <p14:creationId xmlns:p14="http://schemas.microsoft.com/office/powerpoint/2010/main" val="463158958"/>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6" orient="horz" pos="3866">
          <p15:clr>
            <a:srgbClr val="FF96FF"/>
          </p15:clr>
        </p15:guide>
        <p15:guide id="7" pos="453">
          <p15:clr>
            <a:srgbClr val="FF96FF"/>
          </p15:clr>
        </p15:guide>
        <p15:guide id="8" pos="2010">
          <p15:clr>
            <a:srgbClr val="FF96FF"/>
          </p15:clr>
        </p15:guide>
        <p15:guide id="9" pos="2192">
          <p15:clr>
            <a:srgbClr val="FF96FF"/>
          </p15:clr>
        </p15:guide>
        <p15:guide id="10" pos="3749">
          <p15:clr>
            <a:srgbClr val="FF96FF"/>
          </p15:clr>
        </p15:guide>
        <p15:guide id="11" pos="3930">
          <p15:clr>
            <a:srgbClr val="FF96FF"/>
          </p15:clr>
        </p15:guide>
        <p15:guide id="12" pos="5487">
          <p15:clr>
            <a:srgbClr val="FF96FF"/>
          </p15:clr>
        </p15:guide>
        <p15:guide id="13" pos="5669">
          <p15:clr>
            <a:srgbClr val="FF96FF"/>
          </p15:clr>
        </p15:guide>
        <p15:guide id="14" pos="7226">
          <p15:clr>
            <a:srgbClr val="FF96FF"/>
          </p15:clr>
        </p15:guide>
      </p15:sldGuideLst>
    </p:ext>
  </p:extLst>
</p:sldLayout>
</file>

<file path=ppt/slideLayouts/slideLayout51.xml><?xml version="1.0" encoding="utf-8"?>
<p:sldLayout xmlns:a="http://schemas.openxmlformats.org/drawingml/2006/main" xmlns:r="http://schemas.openxmlformats.org/officeDocument/2006/relationships" xmlns:p="http://schemas.openxmlformats.org/presentationml/2006/main" userDrawn="1">
  <p:cSld name="4_Title Only_Dark">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76E4663E-53F8-42EF-A591-7B2FC6D02CDB}"/>
              </a:ext>
            </a:extLst>
          </p:cNvPr>
          <p:cNvPicPr>
            <a:picLocks noChangeAspect="1"/>
          </p:cNvPicPr>
          <p:nvPr userDrawn="1"/>
        </p:nvPicPr>
        <p:blipFill>
          <a:blip r:embed="rId4"/>
          <a:stretch>
            <a:fillRect/>
          </a:stretch>
        </p:blipFill>
        <p:spPr>
          <a:xfrm>
            <a:off x="0" y="0"/>
            <a:ext cx="20320000" cy="11430000"/>
          </a:xfrm>
          <a:prstGeom prst="rect">
            <a:avLst/>
          </a:prstGeom>
        </p:spPr>
      </p:pic>
      <p:sp>
        <p:nvSpPr>
          <p:cNvPr id="8" name="Guides" hidden="1">
            <a:extLst>
              <a:ext uri="{FF2B5EF4-FFF2-40B4-BE49-F238E27FC236}">
                <a16:creationId xmlns:a16="http://schemas.microsoft.com/office/drawing/2014/main" id="{1CCC1DA6-3109-44AB-859A-3A8651415C8D}"/>
              </a:ext>
            </a:extLst>
          </p:cNvPr>
          <p:cNvSpPr/>
          <p:nvPr userDrawn="1">
            <p:custDataLst>
              <p:tags r:id="rId1"/>
            </p:custDataLst>
          </p:nvPr>
        </p:nvSpPr>
        <p:spPr>
          <a:xfrm>
            <a:off x="0" y="0"/>
            <a:ext cx="1058333" cy="423333"/>
          </a:xfrm>
          <a:prstGeom prst="rect">
            <a:avLst/>
          </a:prstGeom>
          <a:solidFill>
            <a:srgbClr val="FFFFFF"/>
          </a:solidFill>
          <a:ln>
            <a:solidFill>
              <a:srgbClr val="FFFFFF"/>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167">
              <a:solidFill>
                <a:srgbClr val="FFFFFF"/>
              </a:solidFill>
            </a:endParaRPr>
          </a:p>
        </p:txBody>
      </p:sp>
      <p:cxnSp>
        <p:nvCxnSpPr>
          <p:cNvPr id="13" name="Straight Connector 12">
            <a:extLst>
              <a:ext uri="{FF2B5EF4-FFF2-40B4-BE49-F238E27FC236}">
                <a16:creationId xmlns:a16="http://schemas.microsoft.com/office/drawing/2014/main" id="{75B68356-DAAD-4E55-9F5D-73E0C3AD292C}"/>
              </a:ext>
            </a:extLst>
          </p:cNvPr>
          <p:cNvCxnSpPr>
            <a:cxnSpLocks/>
          </p:cNvCxnSpPr>
          <p:nvPr userDrawn="1"/>
        </p:nvCxnSpPr>
        <p:spPr>
          <a:xfrm>
            <a:off x="1198562" y="1800057"/>
            <a:ext cx="17920230" cy="0"/>
          </a:xfrm>
          <a:prstGeom prst="line">
            <a:avLst/>
          </a:prstGeom>
          <a:ln>
            <a:solidFill>
              <a:schemeClr val="tx1"/>
            </a:solidFill>
          </a:ln>
        </p:spPr>
        <p:style>
          <a:lnRef idx="1">
            <a:schemeClr val="accent1"/>
          </a:lnRef>
          <a:fillRef idx="0">
            <a:schemeClr val="accent1"/>
          </a:fillRef>
          <a:effectRef idx="0">
            <a:schemeClr val="accent1"/>
          </a:effectRef>
          <a:fontRef idx="minor">
            <a:schemeClr val="tx1"/>
          </a:fontRef>
        </p:style>
      </p:cxnSp>
      <p:sp>
        <p:nvSpPr>
          <p:cNvPr id="17" name="Title Placeholder 1">
            <a:extLst>
              <a:ext uri="{FF2B5EF4-FFF2-40B4-BE49-F238E27FC236}">
                <a16:creationId xmlns:a16="http://schemas.microsoft.com/office/drawing/2014/main" id="{660B51ED-E16A-4A72-99BE-C4837C456F53}"/>
              </a:ext>
            </a:extLst>
          </p:cNvPr>
          <p:cNvSpPr>
            <a:spLocks noGrp="1"/>
          </p:cNvSpPr>
          <p:nvPr>
            <p:ph type="title"/>
            <p:custDataLst>
              <p:tags r:id="rId2"/>
            </p:custDataLst>
          </p:nvPr>
        </p:nvSpPr>
        <p:spPr>
          <a:xfrm>
            <a:off x="1198563" y="964354"/>
            <a:ext cx="13319127" cy="828373"/>
          </a:xfrm>
          <a:prstGeom prst="rect">
            <a:avLst/>
          </a:prstGeom>
        </p:spPr>
        <p:txBody>
          <a:bodyPr vert="horz" lIns="0" tIns="0" rIns="0" bIns="0" rtlCol="0" anchor="ctr">
            <a:noAutofit/>
          </a:bodyPr>
          <a:lstStyle/>
          <a:p>
            <a:r>
              <a:rPr lang="en-US"/>
              <a:t>Click to edit Master title style</a:t>
            </a:r>
            <a:endParaRPr lang="en-GB"/>
          </a:p>
        </p:txBody>
      </p:sp>
      <p:pic>
        <p:nvPicPr>
          <p:cNvPr id="2" name="image" descr="{&quot;templafy&quot;:{&quot;id&quot;:&quot;99e91253-6702-4147-8f16-f3a250485df0&quot;}}">
            <a:extLst>
              <a:ext uri="{FF2B5EF4-FFF2-40B4-BE49-F238E27FC236}">
                <a16:creationId xmlns:a16="http://schemas.microsoft.com/office/drawing/2014/main" id="{8B342B94-E68F-F36C-5B85-1F06BBA405EC}"/>
              </a:ext>
            </a:extLst>
          </p:cNvPr>
          <p:cNvPicPr>
            <a:picLocks noChangeAspect="1"/>
          </p:cNvPicPr>
          <p:nvPr userDrawn="1"/>
        </p:nvPicPr>
        <p:blipFill>
          <a:blip r:embed="rId5"/>
          <a:stretch>
            <a:fillRect/>
          </a:stretch>
        </p:blipFill>
        <p:spPr>
          <a:xfrm>
            <a:off x="15722790" y="647467"/>
            <a:ext cx="3396000" cy="994922"/>
          </a:xfrm>
          <a:prstGeom prst="rect">
            <a:avLst/>
          </a:prstGeom>
        </p:spPr>
      </p:pic>
      <p:sp>
        <p:nvSpPr>
          <p:cNvPr id="3" name="Slide Number Placeholder 5">
            <a:extLst>
              <a:ext uri="{FF2B5EF4-FFF2-40B4-BE49-F238E27FC236}">
                <a16:creationId xmlns:a16="http://schemas.microsoft.com/office/drawing/2014/main" id="{3A42CED4-0E3A-C009-D1DE-5F988DDB4D19}"/>
              </a:ext>
            </a:extLst>
          </p:cNvPr>
          <p:cNvSpPr>
            <a:spLocks noGrp="1"/>
          </p:cNvSpPr>
          <p:nvPr>
            <p:ph type="sldNum" sz="quarter" idx="4"/>
          </p:nvPr>
        </p:nvSpPr>
        <p:spPr>
          <a:xfrm>
            <a:off x="18525345" y="10737383"/>
            <a:ext cx="669223" cy="309600"/>
          </a:xfrm>
          <a:prstGeom prst="rect">
            <a:avLst/>
          </a:prstGeom>
        </p:spPr>
        <p:txBody>
          <a:bodyPr vert="horz" lIns="0" tIns="0" rIns="0" bIns="0" rtlCol="0" anchor="ctr" anchorCtr="0"/>
          <a:lstStyle>
            <a:lvl1pPr algn="ctr">
              <a:defRPr sz="2000">
                <a:solidFill>
                  <a:schemeClr val="tx2"/>
                </a:solidFill>
              </a:defRPr>
            </a:lvl1pPr>
          </a:lstStyle>
          <a:p>
            <a:fld id="{680BFA78-B125-4CEF-AAD8-1CC69F460C2E}" type="slidenum">
              <a:rPr lang="en-GB" smtClean="0"/>
              <a:pPr/>
              <a:t>‹#›</a:t>
            </a:fld>
            <a:endParaRPr lang="en-GB" sz="2000"/>
          </a:p>
        </p:txBody>
      </p:sp>
      <p:sp>
        <p:nvSpPr>
          <p:cNvPr id="5" name="Oval 4">
            <a:extLst>
              <a:ext uri="{FF2B5EF4-FFF2-40B4-BE49-F238E27FC236}">
                <a16:creationId xmlns:a16="http://schemas.microsoft.com/office/drawing/2014/main" id="{2A0FB609-4902-CC02-46C2-265005BDAC5A}"/>
              </a:ext>
            </a:extLst>
          </p:cNvPr>
          <p:cNvSpPr>
            <a:spLocks/>
          </p:cNvSpPr>
          <p:nvPr userDrawn="1"/>
        </p:nvSpPr>
        <p:spPr>
          <a:xfrm>
            <a:off x="18623283" y="10655510"/>
            <a:ext cx="473347" cy="473347"/>
          </a:xfrm>
          <a:prstGeom prst="ellipse">
            <a:avLst/>
          </a:prstGeom>
          <a:noFill/>
          <a:ln>
            <a:solidFill>
              <a:schemeClr val="tx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4500"/>
          </a:p>
        </p:txBody>
      </p:sp>
      <p:sp>
        <p:nvSpPr>
          <p:cNvPr id="6" name="text" descr="{&quot;templafy&quot;:{&quot;id&quot;:&quot;272392f2-769d-497a-a361-56a8a88fbb00&quot;}}" title="Form.Division.Website">
            <a:extLst>
              <a:ext uri="{FF2B5EF4-FFF2-40B4-BE49-F238E27FC236}">
                <a16:creationId xmlns:a16="http://schemas.microsoft.com/office/drawing/2014/main" id="{355C4944-CFD0-A875-7B94-2835D1FD336E}"/>
              </a:ext>
            </a:extLst>
          </p:cNvPr>
          <p:cNvSpPr/>
          <p:nvPr userDrawn="1"/>
        </p:nvSpPr>
        <p:spPr>
          <a:xfrm>
            <a:off x="1149686" y="10721473"/>
            <a:ext cx="2760252" cy="27442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l"/>
            <a:r>
              <a:rPr lang="en-GB" sz="2000">
                <a:solidFill>
                  <a:schemeClr val="tx1"/>
                </a:solidFill>
              </a:rPr>
              <a:t>www.davies-group.com</a:t>
            </a:r>
          </a:p>
        </p:txBody>
      </p:sp>
      <p:cxnSp>
        <p:nvCxnSpPr>
          <p:cNvPr id="7" name="Straight Connector 6">
            <a:extLst>
              <a:ext uri="{FF2B5EF4-FFF2-40B4-BE49-F238E27FC236}">
                <a16:creationId xmlns:a16="http://schemas.microsoft.com/office/drawing/2014/main" id="{DE488F65-992F-3AFC-54F0-329633C80C86}"/>
              </a:ext>
            </a:extLst>
          </p:cNvPr>
          <p:cNvCxnSpPr>
            <a:cxnSpLocks/>
          </p:cNvCxnSpPr>
          <p:nvPr userDrawn="1"/>
        </p:nvCxnSpPr>
        <p:spPr>
          <a:xfrm>
            <a:off x="3735051" y="10892183"/>
            <a:ext cx="14790295" cy="0"/>
          </a:xfrm>
          <a:prstGeom prst="line">
            <a:avLst/>
          </a:prstGeom>
          <a:ln>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694297171"/>
      </p:ext>
    </p:extLst>
  </p:cSld>
  <p:clrMapOvr>
    <a:overrideClrMapping bg1="dk1" tx1="lt1" bg2="dk2" tx2="lt2" accent1="accent1" accent2="accent2" accent3="accent3" accent4="accent4" accent5="accent5" accent6="accent6" hlink="hlink" folHlink="folHlink"/>
  </p:clrMapOvr>
  <p:extLst>
    <p:ext uri="{DCECCB84-F9BA-43D5-87BE-67443E8EF086}">
      <p15:sldGuideLst xmlns:p15="http://schemas.microsoft.com/office/powerpoint/2012/main">
        <p15:guide id="4" orient="horz" pos="3866">
          <p15:clr>
            <a:srgbClr val="FF96FF"/>
          </p15:clr>
        </p15:guide>
        <p15:guide id="5" pos="453">
          <p15:clr>
            <a:srgbClr val="FF96FF"/>
          </p15:clr>
        </p15:guide>
        <p15:guide id="6" pos="3749">
          <p15:clr>
            <a:srgbClr val="FF96FF"/>
          </p15:clr>
        </p15:guide>
        <p15:guide id="7" pos="3930">
          <p15:clr>
            <a:srgbClr val="FF96FF"/>
          </p15:clr>
        </p15:guide>
        <p15:guide id="8" pos="7226">
          <p15:clr>
            <a:srgbClr val="FF96FF"/>
          </p15:clr>
        </p15:guide>
      </p15:sldGuideLst>
    </p:ext>
  </p:extLst>
</p:sldLayout>
</file>

<file path=ppt/slideLayouts/slideLayout52.xml><?xml version="1.0" encoding="utf-8"?>
<p:sldLayout xmlns:a="http://schemas.openxmlformats.org/drawingml/2006/main" xmlns:r="http://schemas.openxmlformats.org/officeDocument/2006/relationships" xmlns:p="http://schemas.openxmlformats.org/presentationml/2006/main" showMasterSp="0" userDrawn="1">
  <p:cSld name="3_Title Slide">
    <p:bg>
      <p:bgPr>
        <a:solidFill>
          <a:schemeClr val="accent5"/>
        </a:solidFill>
        <a:effectLst/>
      </p:bgPr>
    </p:bg>
    <p:spTree>
      <p:nvGrpSpPr>
        <p:cNvPr id="1" name=""/>
        <p:cNvGrpSpPr/>
        <p:nvPr/>
      </p:nvGrpSpPr>
      <p:grpSpPr>
        <a:xfrm>
          <a:off x="0" y="0"/>
          <a:ext cx="0" cy="0"/>
          <a:chOff x="0" y="0"/>
          <a:chExt cx="0" cy="0"/>
        </a:xfrm>
      </p:grpSpPr>
      <p:cxnSp>
        <p:nvCxnSpPr>
          <p:cNvPr id="21" name="Straight Connector 20"/>
          <p:cNvCxnSpPr/>
          <p:nvPr userDrawn="1"/>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sp>
        <p:nvSpPr>
          <p:cNvPr id="6" name="Text Placeholder 8"/>
          <p:cNvSpPr>
            <a:spLocks noGrp="1"/>
          </p:cNvSpPr>
          <p:nvPr>
            <p:ph type="body" sz="quarter" idx="10"/>
          </p:nvPr>
        </p:nvSpPr>
        <p:spPr>
          <a:xfrm>
            <a:off x="842674" y="3271875"/>
            <a:ext cx="18718314" cy="5502275"/>
          </a:xfrm>
          <a:prstGeom prst="rect">
            <a:avLst/>
          </a:prstGeom>
        </p:spPr>
        <p:txBody>
          <a:bodyPr>
            <a:noAutofit/>
          </a:bodyPr>
          <a:lstStyle>
            <a:lvl1pPr marL="342896" indent="-342896">
              <a:buClr>
                <a:srgbClr val="F76C6C"/>
              </a:buClr>
              <a:buFont typeface="Wingdings" panose="05000000000000000000" pitchFamily="2" charset="2"/>
              <a:buChar char="§"/>
              <a:defRPr sz="3200">
                <a:solidFill>
                  <a:schemeClr val="bg1"/>
                </a:solidFill>
              </a:defRPr>
            </a:lvl1pPr>
          </a:lstStyle>
          <a:p>
            <a:pPr lvl="0"/>
            <a:r>
              <a:rPr lang="en-US" dirty="0"/>
              <a:t>Edit Master text styles</a:t>
            </a:r>
          </a:p>
        </p:txBody>
      </p:sp>
      <p:sp>
        <p:nvSpPr>
          <p:cNvPr id="7" name="Text Placeholder 10"/>
          <p:cNvSpPr>
            <a:spLocks noGrp="1"/>
          </p:cNvSpPr>
          <p:nvPr>
            <p:ph type="body" sz="quarter" idx="11"/>
          </p:nvPr>
        </p:nvSpPr>
        <p:spPr>
          <a:xfrm>
            <a:off x="842671" y="2230015"/>
            <a:ext cx="18718317" cy="1044575"/>
          </a:xfrm>
          <a:prstGeom prst="rect">
            <a:avLst/>
          </a:prstGeom>
        </p:spPr>
        <p:txBody>
          <a:bodyPr>
            <a:noAutofit/>
          </a:bodyPr>
          <a:lstStyle>
            <a:lvl1pPr marL="0" indent="0">
              <a:buFontTx/>
              <a:buNone/>
              <a:defRPr sz="2300" b="0">
                <a:solidFill>
                  <a:srgbClr val="F76C6C"/>
                </a:solidFill>
              </a:defRPr>
            </a:lvl1pPr>
            <a:lvl2pPr marL="685793" indent="0">
              <a:buFontTx/>
              <a:buNone/>
              <a:defRPr sz="2800" b="1">
                <a:solidFill>
                  <a:srgbClr val="F76C6C"/>
                </a:solidFill>
              </a:defRPr>
            </a:lvl2pPr>
            <a:lvl3pPr marL="1371587" indent="0">
              <a:buFontTx/>
              <a:buNone/>
              <a:defRPr sz="2800" b="1">
                <a:solidFill>
                  <a:srgbClr val="F76C6C"/>
                </a:solidFill>
              </a:defRPr>
            </a:lvl3pPr>
            <a:lvl4pPr marL="2057379" indent="0">
              <a:buFontTx/>
              <a:buNone/>
              <a:defRPr sz="2800" b="1">
                <a:solidFill>
                  <a:srgbClr val="F76C6C"/>
                </a:solidFill>
              </a:defRPr>
            </a:lvl4pPr>
            <a:lvl5pPr marL="2743173" indent="0">
              <a:buFontTx/>
              <a:buNone/>
              <a:defRPr sz="2800" b="1">
                <a:solidFill>
                  <a:srgbClr val="F76C6C"/>
                </a:solidFill>
              </a:defRPr>
            </a:lvl5pPr>
          </a:lstStyle>
          <a:p>
            <a:pPr lvl="0"/>
            <a:r>
              <a:rPr lang="en-US" dirty="0"/>
              <a:t>Edit Master text styles</a:t>
            </a:r>
          </a:p>
        </p:txBody>
      </p:sp>
      <p:sp>
        <p:nvSpPr>
          <p:cNvPr id="8" name="Title 6">
            <a:extLst>
              <a:ext uri="{FF2B5EF4-FFF2-40B4-BE49-F238E27FC236}">
                <a16:creationId xmlns:a16="http://schemas.microsoft.com/office/drawing/2014/main" id="{BD5D2FA8-644D-41FB-9B16-63190CD1A73C}"/>
              </a:ext>
            </a:extLst>
          </p:cNvPr>
          <p:cNvSpPr>
            <a:spLocks noGrp="1"/>
          </p:cNvSpPr>
          <p:nvPr>
            <p:ph type="title" hasCustomPrompt="1"/>
          </p:nvPr>
        </p:nvSpPr>
        <p:spPr>
          <a:xfrm>
            <a:off x="842674" y="769560"/>
            <a:ext cx="10961399" cy="984304"/>
          </a:xfrm>
        </p:spPr>
        <p:txBody>
          <a:bodyPr/>
          <a:lstStyle>
            <a:lvl1pPr>
              <a:defRPr/>
            </a:lvl1pPr>
          </a:lstStyle>
          <a:p>
            <a:r>
              <a:rPr lang="en-GB" i="0" u="none" strike="noStrike" baseline="0" dirty="0">
                <a:solidFill>
                  <a:srgbClr val="FFFFFF"/>
                </a:solidFill>
              </a:rPr>
              <a:t>xxx</a:t>
            </a:r>
            <a:endParaRPr lang="en-GB" dirty="0">
              <a:solidFill>
                <a:schemeClr val="bg1"/>
              </a:solidFill>
            </a:endParaRPr>
          </a:p>
        </p:txBody>
      </p:sp>
      <p:grpSp>
        <p:nvGrpSpPr>
          <p:cNvPr id="3" name="Group 2">
            <a:extLst>
              <a:ext uri="{FF2B5EF4-FFF2-40B4-BE49-F238E27FC236}">
                <a16:creationId xmlns:a16="http://schemas.microsoft.com/office/drawing/2014/main" id="{C29766DF-998A-B52F-789B-F53AD56CFC75}"/>
              </a:ext>
            </a:extLst>
          </p:cNvPr>
          <p:cNvGrpSpPr/>
          <p:nvPr userDrawn="1"/>
        </p:nvGrpSpPr>
        <p:grpSpPr>
          <a:xfrm>
            <a:off x="12721547" y="1010076"/>
            <a:ext cx="6890919" cy="581263"/>
            <a:chOff x="2297838" y="4180115"/>
            <a:chExt cx="11743612" cy="990598"/>
          </a:xfrm>
        </p:grpSpPr>
        <p:grpSp>
          <p:nvGrpSpPr>
            <p:cNvPr id="4" name="Group 3">
              <a:extLst>
                <a:ext uri="{FF2B5EF4-FFF2-40B4-BE49-F238E27FC236}">
                  <a16:creationId xmlns:a16="http://schemas.microsoft.com/office/drawing/2014/main" id="{8B795A6B-D4E7-F479-9C93-583799417169}"/>
                </a:ext>
              </a:extLst>
            </p:cNvPr>
            <p:cNvGrpSpPr/>
            <p:nvPr/>
          </p:nvGrpSpPr>
          <p:grpSpPr>
            <a:xfrm>
              <a:off x="9457706" y="4180115"/>
              <a:ext cx="4583744" cy="990598"/>
              <a:chOff x="9269397" y="4180115"/>
              <a:chExt cx="4583744" cy="990598"/>
            </a:xfrm>
          </p:grpSpPr>
          <p:grpSp>
            <p:nvGrpSpPr>
              <p:cNvPr id="9" name="Group 8">
                <a:extLst>
                  <a:ext uri="{FF2B5EF4-FFF2-40B4-BE49-F238E27FC236}">
                    <a16:creationId xmlns:a16="http://schemas.microsoft.com/office/drawing/2014/main" id="{210D17CB-87BD-0AB5-927B-AECCF6966591}"/>
                  </a:ext>
                </a:extLst>
              </p:cNvPr>
              <p:cNvGrpSpPr/>
              <p:nvPr/>
            </p:nvGrpSpPr>
            <p:grpSpPr>
              <a:xfrm>
                <a:off x="9269397" y="4488864"/>
                <a:ext cx="376276" cy="376276"/>
                <a:chOff x="9514381" y="4521981"/>
                <a:chExt cx="376276" cy="376276"/>
              </a:xfrm>
            </p:grpSpPr>
            <p:cxnSp>
              <p:nvCxnSpPr>
                <p:cNvPr id="11" name="Straight Connector 10">
                  <a:extLst>
                    <a:ext uri="{FF2B5EF4-FFF2-40B4-BE49-F238E27FC236}">
                      <a16:creationId xmlns:a16="http://schemas.microsoft.com/office/drawing/2014/main" id="{7EE5EDC4-40C9-6373-148B-DDA7FC1F1DF0}"/>
                    </a:ext>
                  </a:extLst>
                </p:cNvPr>
                <p:cNvCxnSpPr>
                  <a:cxnSpLocks/>
                </p:cNvCxnSpPr>
                <p:nvPr/>
              </p:nvCxnSpPr>
              <p:spPr>
                <a:xfrm>
                  <a:off x="9702519" y="4521981"/>
                  <a:ext cx="0" cy="376276"/>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cxnSp>
              <p:nvCxnSpPr>
                <p:cNvPr id="12" name="Straight Connector 11">
                  <a:extLst>
                    <a:ext uri="{FF2B5EF4-FFF2-40B4-BE49-F238E27FC236}">
                      <a16:creationId xmlns:a16="http://schemas.microsoft.com/office/drawing/2014/main" id="{2CE7F753-C51B-4AD1-5D0E-20509C23F7EF}"/>
                    </a:ext>
                  </a:extLst>
                </p:cNvPr>
                <p:cNvCxnSpPr>
                  <a:cxnSpLocks/>
                </p:cNvCxnSpPr>
                <p:nvPr/>
              </p:nvCxnSpPr>
              <p:spPr>
                <a:xfrm rot="5400000">
                  <a:off x="9702519" y="4521981"/>
                  <a:ext cx="0" cy="376276"/>
                </a:xfrm>
                <a:prstGeom prst="line">
                  <a:avLst/>
                </a:prstGeom>
                <a:ln w="19050">
                  <a:solidFill>
                    <a:schemeClr val="accent1"/>
                  </a:solidFill>
                </a:ln>
              </p:spPr>
              <p:style>
                <a:lnRef idx="1">
                  <a:schemeClr val="accent1"/>
                </a:lnRef>
                <a:fillRef idx="0">
                  <a:schemeClr val="accent1"/>
                </a:fillRef>
                <a:effectRef idx="0">
                  <a:schemeClr val="accent1"/>
                </a:effectRef>
                <a:fontRef idx="minor">
                  <a:schemeClr val="tx1"/>
                </a:fontRef>
              </p:style>
            </p:cxnSp>
          </p:grpSp>
          <p:pic>
            <p:nvPicPr>
              <p:cNvPr id="10" name="Picture 9">
                <a:extLst>
                  <a:ext uri="{FF2B5EF4-FFF2-40B4-BE49-F238E27FC236}">
                    <a16:creationId xmlns:a16="http://schemas.microsoft.com/office/drawing/2014/main" id="{ADA1A8E3-3E56-1702-9601-94424F178E99}"/>
                  </a:ext>
                </a:extLst>
              </p:cNvPr>
              <p:cNvPicPr>
                <a:picLocks noChangeAspect="1"/>
              </p:cNvPicPr>
              <p:nvPr/>
            </p:nvPicPr>
            <p:blipFill rotWithShape="1">
              <a:blip r:embed="rId2" cstate="email">
                <a:extLst>
                  <a:ext uri="{28A0092B-C50C-407E-A947-70E740481C1C}">
                    <a14:useLocalDpi xmlns:a14="http://schemas.microsoft.com/office/drawing/2010/main" val="0"/>
                  </a:ext>
                </a:extLst>
              </a:blip>
              <a:srcRect t="14298" b="13012"/>
              <a:stretch/>
            </p:blipFill>
            <p:spPr>
              <a:xfrm>
                <a:off x="9664388" y="4180115"/>
                <a:ext cx="4188753" cy="990598"/>
              </a:xfrm>
              <a:prstGeom prst="rect">
                <a:avLst/>
              </a:prstGeom>
            </p:spPr>
          </p:pic>
        </p:grpSp>
        <p:pic>
          <p:nvPicPr>
            <p:cNvPr id="5" name="Picture 4">
              <a:extLst>
                <a:ext uri="{FF2B5EF4-FFF2-40B4-BE49-F238E27FC236}">
                  <a16:creationId xmlns:a16="http://schemas.microsoft.com/office/drawing/2014/main" id="{93A66CAD-6BAB-1AAF-B2A6-9B8815BE872C}"/>
                </a:ext>
              </a:extLst>
            </p:cNvPr>
            <p:cNvPicPr>
              <a:picLocks noChangeAspect="1"/>
            </p:cNvPicPr>
            <p:nvPr/>
          </p:nvPicPr>
          <p:blipFill>
            <a:blip r:embed="rId3" cstate="email">
              <a:extLst>
                <a:ext uri="{28A0092B-C50C-407E-A947-70E740481C1C}">
                  <a14:useLocalDpi xmlns:a14="http://schemas.microsoft.com/office/drawing/2010/main" val="0"/>
                </a:ext>
              </a:extLst>
            </a:blip>
            <a:stretch>
              <a:fillRect/>
            </a:stretch>
          </p:blipFill>
          <p:spPr>
            <a:xfrm>
              <a:off x="2297838" y="4312418"/>
              <a:ext cx="7014822" cy="725992"/>
            </a:xfrm>
            <a:prstGeom prst="rect">
              <a:avLst/>
            </a:prstGeom>
          </p:spPr>
        </p:pic>
      </p:grpSp>
    </p:spTree>
    <p:extLst>
      <p:ext uri="{BB962C8B-B14F-4D97-AF65-F5344CB8AC3E}">
        <p14:creationId xmlns:p14="http://schemas.microsoft.com/office/powerpoint/2010/main" val="3928040151"/>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2540000" y="1870075"/>
            <a:ext cx="15240000" cy="3979863"/>
          </a:xfrm>
          <a:prstGeom prst="rect">
            <a:avLst/>
          </a:prstGeom>
        </p:spPr>
        <p:txBody>
          <a:bodyPr anchor="b"/>
          <a:lstStyle>
            <a:lvl1pPr algn="ctr">
              <a:defRPr sz="6000"/>
            </a:lvl1pPr>
          </a:lstStyle>
          <a:p>
            <a:r>
              <a:rPr lang="en-US"/>
              <a:t>Click to edit Master title style</a:t>
            </a:r>
            <a:endParaRPr lang="en-GB"/>
          </a:p>
        </p:txBody>
      </p:sp>
      <p:sp>
        <p:nvSpPr>
          <p:cNvPr id="3" name="Subtitle 2"/>
          <p:cNvSpPr>
            <a:spLocks noGrp="1"/>
          </p:cNvSpPr>
          <p:nvPr>
            <p:ph type="subTitle" idx="1"/>
          </p:nvPr>
        </p:nvSpPr>
        <p:spPr>
          <a:xfrm>
            <a:off x="2540000" y="6003925"/>
            <a:ext cx="15240000" cy="2759075"/>
          </a:xfrm>
          <a:prstGeom prst="rect">
            <a:avLst/>
          </a:prstGeo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GB"/>
          </a:p>
        </p:txBody>
      </p:sp>
      <p:sp>
        <p:nvSpPr>
          <p:cNvPr id="4" name="Date Placeholder 3"/>
          <p:cNvSpPr>
            <a:spLocks noGrp="1"/>
          </p:cNvSpPr>
          <p:nvPr>
            <p:ph type="dt" sz="half" idx="10"/>
          </p:nvPr>
        </p:nvSpPr>
        <p:spPr>
          <a:xfrm>
            <a:off x="1397000" y="10593388"/>
            <a:ext cx="4572000" cy="609600"/>
          </a:xfrm>
          <a:prstGeom prst="rect">
            <a:avLst/>
          </a:prstGeom>
        </p:spPr>
        <p:txBody>
          <a:bodyPr/>
          <a:lstStyle/>
          <a:p>
            <a:fld id="{F12925A5-5F5D-4D8C-985D-B7D37A003E15}" type="datetimeFigureOut">
              <a:rPr lang="en-GB" smtClean="0"/>
              <a:t>17/07/2024</a:t>
            </a:fld>
            <a:endParaRPr lang="en-GB"/>
          </a:p>
        </p:txBody>
      </p:sp>
      <p:sp>
        <p:nvSpPr>
          <p:cNvPr id="5" name="Footer Placeholder 4"/>
          <p:cNvSpPr>
            <a:spLocks noGrp="1"/>
          </p:cNvSpPr>
          <p:nvPr>
            <p:ph type="ftr" sz="quarter" idx="11"/>
          </p:nvPr>
        </p:nvSpPr>
        <p:spPr>
          <a:xfrm>
            <a:off x="6731000" y="10593388"/>
            <a:ext cx="6858000" cy="609600"/>
          </a:xfrm>
          <a:prstGeom prst="rect">
            <a:avLst/>
          </a:prstGeom>
        </p:spPr>
        <p:txBody>
          <a:bodyPr/>
          <a:lstStyle/>
          <a:p>
            <a:endParaRPr lang="en-GB"/>
          </a:p>
        </p:txBody>
      </p:sp>
      <p:sp>
        <p:nvSpPr>
          <p:cNvPr id="6" name="Slide Number Placeholder 5"/>
          <p:cNvSpPr>
            <a:spLocks noGrp="1"/>
          </p:cNvSpPr>
          <p:nvPr>
            <p:ph type="sldNum" sz="quarter" idx="12"/>
          </p:nvPr>
        </p:nvSpPr>
        <p:spPr>
          <a:xfrm>
            <a:off x="14351000" y="10593388"/>
            <a:ext cx="4572000" cy="609600"/>
          </a:xfrm>
          <a:prstGeom prst="rect">
            <a:avLst/>
          </a:prstGeom>
        </p:spPr>
        <p:txBody>
          <a:bodyPr/>
          <a:lstStyle/>
          <a:p>
            <a:fld id="{5AD9F61E-C741-481A-904E-7DD44B6702E3}" type="slidenum">
              <a:rPr lang="en-GB" smtClean="0"/>
              <a:t>‹#›</a:t>
            </a:fld>
            <a:endParaRPr lang="en-GB"/>
          </a:p>
        </p:txBody>
      </p:sp>
    </p:spTree>
    <p:extLst>
      <p:ext uri="{BB962C8B-B14F-4D97-AF65-F5344CB8AC3E}">
        <p14:creationId xmlns:p14="http://schemas.microsoft.com/office/powerpoint/2010/main" val="3026297653"/>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1397000" y="608013"/>
            <a:ext cx="17526000" cy="2209800"/>
          </a:xfrm>
          <a:prstGeom prst="rect">
            <a:avLst/>
          </a:prstGeom>
        </p:spPr>
        <p:txBody>
          <a:bodyPr/>
          <a:lstStyle/>
          <a:p>
            <a:r>
              <a:rPr lang="en-US"/>
              <a:t>Click to edit Master title style</a:t>
            </a:r>
            <a:endParaRPr lang="en-GB"/>
          </a:p>
        </p:txBody>
      </p:sp>
      <p:sp>
        <p:nvSpPr>
          <p:cNvPr id="3" name="Content Placeholder 2"/>
          <p:cNvSpPr>
            <a:spLocks noGrp="1"/>
          </p:cNvSpPr>
          <p:nvPr>
            <p:ph idx="1"/>
          </p:nvPr>
        </p:nvSpPr>
        <p:spPr>
          <a:xfrm>
            <a:off x="1397000" y="3043238"/>
            <a:ext cx="17526000" cy="7251700"/>
          </a:xfrm>
          <a:prstGeom prst="rect">
            <a:avLst/>
          </a:prstGeo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p:cNvSpPr>
            <a:spLocks noGrp="1"/>
          </p:cNvSpPr>
          <p:nvPr>
            <p:ph type="dt" sz="half" idx="10"/>
          </p:nvPr>
        </p:nvSpPr>
        <p:spPr>
          <a:xfrm>
            <a:off x="1397000" y="10593388"/>
            <a:ext cx="4572000" cy="609600"/>
          </a:xfrm>
          <a:prstGeom prst="rect">
            <a:avLst/>
          </a:prstGeom>
        </p:spPr>
        <p:txBody>
          <a:bodyPr/>
          <a:lstStyle/>
          <a:p>
            <a:fld id="{F12925A5-5F5D-4D8C-985D-B7D37A003E15}" type="datetimeFigureOut">
              <a:rPr lang="en-GB" smtClean="0"/>
              <a:t>17/07/2024</a:t>
            </a:fld>
            <a:endParaRPr lang="en-GB"/>
          </a:p>
        </p:txBody>
      </p:sp>
      <p:sp>
        <p:nvSpPr>
          <p:cNvPr id="5" name="Footer Placeholder 4"/>
          <p:cNvSpPr>
            <a:spLocks noGrp="1"/>
          </p:cNvSpPr>
          <p:nvPr>
            <p:ph type="ftr" sz="quarter" idx="11"/>
          </p:nvPr>
        </p:nvSpPr>
        <p:spPr>
          <a:xfrm>
            <a:off x="6731000" y="10593388"/>
            <a:ext cx="6858000" cy="609600"/>
          </a:xfrm>
          <a:prstGeom prst="rect">
            <a:avLst/>
          </a:prstGeom>
        </p:spPr>
        <p:txBody>
          <a:bodyPr/>
          <a:lstStyle/>
          <a:p>
            <a:endParaRPr lang="en-GB"/>
          </a:p>
        </p:txBody>
      </p:sp>
      <p:sp>
        <p:nvSpPr>
          <p:cNvPr id="6" name="Slide Number Placeholder 5"/>
          <p:cNvSpPr>
            <a:spLocks noGrp="1"/>
          </p:cNvSpPr>
          <p:nvPr>
            <p:ph type="sldNum" sz="quarter" idx="12"/>
          </p:nvPr>
        </p:nvSpPr>
        <p:spPr>
          <a:xfrm>
            <a:off x="14351000" y="10593388"/>
            <a:ext cx="4572000" cy="609600"/>
          </a:xfrm>
          <a:prstGeom prst="rect">
            <a:avLst/>
          </a:prstGeom>
        </p:spPr>
        <p:txBody>
          <a:bodyPr/>
          <a:lstStyle/>
          <a:p>
            <a:fld id="{5AD9F61E-C741-481A-904E-7DD44B6702E3}" type="slidenum">
              <a:rPr lang="en-GB" smtClean="0"/>
              <a:t>‹#›</a:t>
            </a:fld>
            <a:endParaRPr lang="en-GB"/>
          </a:p>
        </p:txBody>
      </p:sp>
    </p:spTree>
    <p:extLst>
      <p:ext uri="{BB962C8B-B14F-4D97-AF65-F5344CB8AC3E}">
        <p14:creationId xmlns:p14="http://schemas.microsoft.com/office/powerpoint/2010/main" val="487196515"/>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1385888" y="2849563"/>
            <a:ext cx="17526000" cy="4754562"/>
          </a:xfrm>
          <a:prstGeom prst="rect">
            <a:avLst/>
          </a:prstGeom>
        </p:spPr>
        <p:txBody>
          <a:bodyPr anchor="b"/>
          <a:lstStyle>
            <a:lvl1pPr>
              <a:defRPr sz="6000"/>
            </a:lvl1pPr>
          </a:lstStyle>
          <a:p>
            <a:r>
              <a:rPr lang="en-US"/>
              <a:t>Click to edit Master title style</a:t>
            </a:r>
            <a:endParaRPr lang="en-GB"/>
          </a:p>
        </p:txBody>
      </p:sp>
      <p:sp>
        <p:nvSpPr>
          <p:cNvPr id="3" name="Text Placeholder 2"/>
          <p:cNvSpPr>
            <a:spLocks noGrp="1"/>
          </p:cNvSpPr>
          <p:nvPr>
            <p:ph type="body" idx="1"/>
          </p:nvPr>
        </p:nvSpPr>
        <p:spPr>
          <a:xfrm>
            <a:off x="1385888" y="7648575"/>
            <a:ext cx="17526000" cy="2500313"/>
          </a:xfrm>
          <a:prstGeom prst="rect">
            <a:avLst/>
          </a:prstGeo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a:xfrm>
            <a:off x="1397000" y="10593388"/>
            <a:ext cx="4572000" cy="609600"/>
          </a:xfrm>
          <a:prstGeom prst="rect">
            <a:avLst/>
          </a:prstGeom>
        </p:spPr>
        <p:txBody>
          <a:bodyPr/>
          <a:lstStyle/>
          <a:p>
            <a:fld id="{F12925A5-5F5D-4D8C-985D-B7D37A003E15}" type="datetimeFigureOut">
              <a:rPr lang="en-GB" smtClean="0"/>
              <a:t>17/07/2024</a:t>
            </a:fld>
            <a:endParaRPr lang="en-GB"/>
          </a:p>
        </p:txBody>
      </p:sp>
      <p:sp>
        <p:nvSpPr>
          <p:cNvPr id="5" name="Footer Placeholder 4"/>
          <p:cNvSpPr>
            <a:spLocks noGrp="1"/>
          </p:cNvSpPr>
          <p:nvPr>
            <p:ph type="ftr" sz="quarter" idx="11"/>
          </p:nvPr>
        </p:nvSpPr>
        <p:spPr>
          <a:xfrm>
            <a:off x="6731000" y="10593388"/>
            <a:ext cx="6858000" cy="609600"/>
          </a:xfrm>
          <a:prstGeom prst="rect">
            <a:avLst/>
          </a:prstGeom>
        </p:spPr>
        <p:txBody>
          <a:bodyPr/>
          <a:lstStyle/>
          <a:p>
            <a:endParaRPr lang="en-GB"/>
          </a:p>
        </p:txBody>
      </p:sp>
      <p:sp>
        <p:nvSpPr>
          <p:cNvPr id="6" name="Slide Number Placeholder 5"/>
          <p:cNvSpPr>
            <a:spLocks noGrp="1"/>
          </p:cNvSpPr>
          <p:nvPr>
            <p:ph type="sldNum" sz="quarter" idx="12"/>
          </p:nvPr>
        </p:nvSpPr>
        <p:spPr>
          <a:xfrm>
            <a:off x="14351000" y="10593388"/>
            <a:ext cx="4572000" cy="609600"/>
          </a:xfrm>
          <a:prstGeom prst="rect">
            <a:avLst/>
          </a:prstGeom>
        </p:spPr>
        <p:txBody>
          <a:bodyPr/>
          <a:lstStyle/>
          <a:p>
            <a:fld id="{5AD9F61E-C741-481A-904E-7DD44B6702E3}" type="slidenum">
              <a:rPr lang="en-GB" smtClean="0"/>
              <a:t>‹#›</a:t>
            </a:fld>
            <a:endParaRPr lang="en-GB"/>
          </a:p>
        </p:txBody>
      </p:sp>
    </p:spTree>
    <p:extLst>
      <p:ext uri="{BB962C8B-B14F-4D97-AF65-F5344CB8AC3E}">
        <p14:creationId xmlns:p14="http://schemas.microsoft.com/office/powerpoint/2010/main" val="3376817923"/>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1397000" y="608013"/>
            <a:ext cx="17526000" cy="2209800"/>
          </a:xfrm>
          <a:prstGeom prst="rect">
            <a:avLst/>
          </a:prstGeom>
        </p:spPr>
        <p:txBody>
          <a:bodyPr/>
          <a:lstStyle/>
          <a:p>
            <a:r>
              <a:rPr lang="en-US"/>
              <a:t>Click to edit Master title style</a:t>
            </a:r>
            <a:endParaRPr lang="en-GB"/>
          </a:p>
        </p:txBody>
      </p:sp>
      <p:sp>
        <p:nvSpPr>
          <p:cNvPr id="3" name="Content Placeholder 2"/>
          <p:cNvSpPr>
            <a:spLocks noGrp="1"/>
          </p:cNvSpPr>
          <p:nvPr>
            <p:ph sz="half" idx="1"/>
          </p:nvPr>
        </p:nvSpPr>
        <p:spPr>
          <a:xfrm>
            <a:off x="1397000" y="3043238"/>
            <a:ext cx="8686800" cy="7251700"/>
          </a:xfrm>
          <a:prstGeom prst="rect">
            <a:avLst/>
          </a:prstGeo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Content Placeholder 3"/>
          <p:cNvSpPr>
            <a:spLocks noGrp="1"/>
          </p:cNvSpPr>
          <p:nvPr>
            <p:ph sz="half" idx="2"/>
          </p:nvPr>
        </p:nvSpPr>
        <p:spPr>
          <a:xfrm>
            <a:off x="10236200" y="3043238"/>
            <a:ext cx="8686800" cy="7251700"/>
          </a:xfrm>
          <a:prstGeom prst="rect">
            <a:avLst/>
          </a:prstGeo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Date Placeholder 4"/>
          <p:cNvSpPr>
            <a:spLocks noGrp="1"/>
          </p:cNvSpPr>
          <p:nvPr>
            <p:ph type="dt" sz="half" idx="10"/>
          </p:nvPr>
        </p:nvSpPr>
        <p:spPr>
          <a:xfrm>
            <a:off x="1397000" y="10593388"/>
            <a:ext cx="4572000" cy="609600"/>
          </a:xfrm>
          <a:prstGeom prst="rect">
            <a:avLst/>
          </a:prstGeom>
        </p:spPr>
        <p:txBody>
          <a:bodyPr/>
          <a:lstStyle/>
          <a:p>
            <a:fld id="{F12925A5-5F5D-4D8C-985D-B7D37A003E15}" type="datetimeFigureOut">
              <a:rPr lang="en-GB" smtClean="0"/>
              <a:t>17/07/2024</a:t>
            </a:fld>
            <a:endParaRPr lang="en-GB"/>
          </a:p>
        </p:txBody>
      </p:sp>
      <p:sp>
        <p:nvSpPr>
          <p:cNvPr id="6" name="Footer Placeholder 5"/>
          <p:cNvSpPr>
            <a:spLocks noGrp="1"/>
          </p:cNvSpPr>
          <p:nvPr>
            <p:ph type="ftr" sz="quarter" idx="11"/>
          </p:nvPr>
        </p:nvSpPr>
        <p:spPr>
          <a:xfrm>
            <a:off x="6731000" y="10593388"/>
            <a:ext cx="6858000" cy="609600"/>
          </a:xfrm>
          <a:prstGeom prst="rect">
            <a:avLst/>
          </a:prstGeom>
        </p:spPr>
        <p:txBody>
          <a:bodyPr/>
          <a:lstStyle/>
          <a:p>
            <a:endParaRPr lang="en-GB"/>
          </a:p>
        </p:txBody>
      </p:sp>
      <p:sp>
        <p:nvSpPr>
          <p:cNvPr id="7" name="Slide Number Placeholder 6"/>
          <p:cNvSpPr>
            <a:spLocks noGrp="1"/>
          </p:cNvSpPr>
          <p:nvPr>
            <p:ph type="sldNum" sz="quarter" idx="12"/>
          </p:nvPr>
        </p:nvSpPr>
        <p:spPr>
          <a:xfrm>
            <a:off x="14351000" y="10593388"/>
            <a:ext cx="4572000" cy="609600"/>
          </a:xfrm>
          <a:prstGeom prst="rect">
            <a:avLst/>
          </a:prstGeom>
        </p:spPr>
        <p:txBody>
          <a:bodyPr/>
          <a:lstStyle/>
          <a:p>
            <a:fld id="{5AD9F61E-C741-481A-904E-7DD44B6702E3}" type="slidenum">
              <a:rPr lang="en-GB" smtClean="0"/>
              <a:t>‹#›</a:t>
            </a:fld>
            <a:endParaRPr lang="en-GB"/>
          </a:p>
        </p:txBody>
      </p:sp>
    </p:spTree>
    <p:extLst>
      <p:ext uri="{BB962C8B-B14F-4D97-AF65-F5344CB8AC3E}">
        <p14:creationId xmlns:p14="http://schemas.microsoft.com/office/powerpoint/2010/main" val="3363119370"/>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1400175" y="608013"/>
            <a:ext cx="17526000" cy="2209800"/>
          </a:xfrm>
          <a:prstGeom prst="rect">
            <a:avLst/>
          </a:prstGeom>
        </p:spPr>
        <p:txBody>
          <a:bodyPr/>
          <a:lstStyle/>
          <a:p>
            <a:r>
              <a:rPr lang="en-US"/>
              <a:t>Click to edit Master title style</a:t>
            </a:r>
            <a:endParaRPr lang="en-GB"/>
          </a:p>
        </p:txBody>
      </p:sp>
      <p:sp>
        <p:nvSpPr>
          <p:cNvPr id="3" name="Text Placeholder 2"/>
          <p:cNvSpPr>
            <a:spLocks noGrp="1"/>
          </p:cNvSpPr>
          <p:nvPr>
            <p:ph type="body" idx="1"/>
          </p:nvPr>
        </p:nvSpPr>
        <p:spPr>
          <a:xfrm>
            <a:off x="1400175" y="2801938"/>
            <a:ext cx="8596313" cy="1373187"/>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1400175" y="4175125"/>
            <a:ext cx="8596313" cy="6140450"/>
          </a:xfrm>
          <a:prstGeom prst="rect">
            <a:avLst/>
          </a:prstGeo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5" name="Text Placeholder 4"/>
          <p:cNvSpPr>
            <a:spLocks noGrp="1"/>
          </p:cNvSpPr>
          <p:nvPr>
            <p:ph type="body" sz="quarter" idx="3"/>
          </p:nvPr>
        </p:nvSpPr>
        <p:spPr>
          <a:xfrm>
            <a:off x="10287000" y="2801938"/>
            <a:ext cx="8639175" cy="1373187"/>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10287000" y="4175125"/>
            <a:ext cx="8639175" cy="6140450"/>
          </a:xfrm>
          <a:prstGeom prst="rect">
            <a:avLst/>
          </a:prstGeo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7" name="Date Placeholder 6"/>
          <p:cNvSpPr>
            <a:spLocks noGrp="1"/>
          </p:cNvSpPr>
          <p:nvPr>
            <p:ph type="dt" sz="half" idx="10"/>
          </p:nvPr>
        </p:nvSpPr>
        <p:spPr>
          <a:xfrm>
            <a:off x="1397000" y="10593388"/>
            <a:ext cx="4572000" cy="609600"/>
          </a:xfrm>
          <a:prstGeom prst="rect">
            <a:avLst/>
          </a:prstGeom>
        </p:spPr>
        <p:txBody>
          <a:bodyPr/>
          <a:lstStyle/>
          <a:p>
            <a:fld id="{F12925A5-5F5D-4D8C-985D-B7D37A003E15}" type="datetimeFigureOut">
              <a:rPr lang="en-GB" smtClean="0"/>
              <a:t>17/07/2024</a:t>
            </a:fld>
            <a:endParaRPr lang="en-GB"/>
          </a:p>
        </p:txBody>
      </p:sp>
      <p:sp>
        <p:nvSpPr>
          <p:cNvPr id="8" name="Footer Placeholder 7"/>
          <p:cNvSpPr>
            <a:spLocks noGrp="1"/>
          </p:cNvSpPr>
          <p:nvPr>
            <p:ph type="ftr" sz="quarter" idx="11"/>
          </p:nvPr>
        </p:nvSpPr>
        <p:spPr>
          <a:xfrm>
            <a:off x="6731000" y="10593388"/>
            <a:ext cx="6858000" cy="609600"/>
          </a:xfrm>
          <a:prstGeom prst="rect">
            <a:avLst/>
          </a:prstGeom>
        </p:spPr>
        <p:txBody>
          <a:bodyPr/>
          <a:lstStyle/>
          <a:p>
            <a:endParaRPr lang="en-GB"/>
          </a:p>
        </p:txBody>
      </p:sp>
      <p:sp>
        <p:nvSpPr>
          <p:cNvPr id="9" name="Slide Number Placeholder 8"/>
          <p:cNvSpPr>
            <a:spLocks noGrp="1"/>
          </p:cNvSpPr>
          <p:nvPr>
            <p:ph type="sldNum" sz="quarter" idx="12"/>
          </p:nvPr>
        </p:nvSpPr>
        <p:spPr>
          <a:xfrm>
            <a:off x="14351000" y="10593388"/>
            <a:ext cx="4572000" cy="609600"/>
          </a:xfrm>
          <a:prstGeom prst="rect">
            <a:avLst/>
          </a:prstGeom>
        </p:spPr>
        <p:txBody>
          <a:bodyPr/>
          <a:lstStyle/>
          <a:p>
            <a:fld id="{5AD9F61E-C741-481A-904E-7DD44B6702E3}" type="slidenum">
              <a:rPr lang="en-GB" smtClean="0"/>
              <a:t>‹#›</a:t>
            </a:fld>
            <a:endParaRPr lang="en-GB"/>
          </a:p>
        </p:txBody>
      </p:sp>
    </p:spTree>
    <p:extLst>
      <p:ext uri="{BB962C8B-B14F-4D97-AF65-F5344CB8AC3E}">
        <p14:creationId xmlns:p14="http://schemas.microsoft.com/office/powerpoint/2010/main" val="1104716482"/>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1397000" y="608013"/>
            <a:ext cx="17526000" cy="2209800"/>
          </a:xfrm>
          <a:prstGeom prst="rect">
            <a:avLst/>
          </a:prstGeom>
        </p:spPr>
        <p:txBody>
          <a:bodyPr/>
          <a:lstStyle/>
          <a:p>
            <a:r>
              <a:rPr lang="en-US"/>
              <a:t>Click to edit Master title style</a:t>
            </a:r>
            <a:endParaRPr lang="en-GB"/>
          </a:p>
        </p:txBody>
      </p:sp>
      <p:sp>
        <p:nvSpPr>
          <p:cNvPr id="3" name="Date Placeholder 2"/>
          <p:cNvSpPr>
            <a:spLocks noGrp="1"/>
          </p:cNvSpPr>
          <p:nvPr>
            <p:ph type="dt" sz="half" idx="10"/>
          </p:nvPr>
        </p:nvSpPr>
        <p:spPr>
          <a:xfrm>
            <a:off x="1397000" y="10593388"/>
            <a:ext cx="4572000" cy="609600"/>
          </a:xfrm>
          <a:prstGeom prst="rect">
            <a:avLst/>
          </a:prstGeom>
        </p:spPr>
        <p:txBody>
          <a:bodyPr/>
          <a:lstStyle/>
          <a:p>
            <a:fld id="{F12925A5-5F5D-4D8C-985D-B7D37A003E15}" type="datetimeFigureOut">
              <a:rPr lang="en-GB" smtClean="0"/>
              <a:t>17/07/2024</a:t>
            </a:fld>
            <a:endParaRPr lang="en-GB"/>
          </a:p>
        </p:txBody>
      </p:sp>
      <p:sp>
        <p:nvSpPr>
          <p:cNvPr id="4" name="Footer Placeholder 3"/>
          <p:cNvSpPr>
            <a:spLocks noGrp="1"/>
          </p:cNvSpPr>
          <p:nvPr>
            <p:ph type="ftr" sz="quarter" idx="11"/>
          </p:nvPr>
        </p:nvSpPr>
        <p:spPr>
          <a:xfrm>
            <a:off x="6731000" y="10593388"/>
            <a:ext cx="6858000" cy="609600"/>
          </a:xfrm>
          <a:prstGeom prst="rect">
            <a:avLst/>
          </a:prstGeom>
        </p:spPr>
        <p:txBody>
          <a:bodyPr/>
          <a:lstStyle/>
          <a:p>
            <a:endParaRPr lang="en-GB"/>
          </a:p>
        </p:txBody>
      </p:sp>
      <p:sp>
        <p:nvSpPr>
          <p:cNvPr id="5" name="Slide Number Placeholder 4"/>
          <p:cNvSpPr>
            <a:spLocks noGrp="1"/>
          </p:cNvSpPr>
          <p:nvPr>
            <p:ph type="sldNum" sz="quarter" idx="12"/>
          </p:nvPr>
        </p:nvSpPr>
        <p:spPr>
          <a:xfrm>
            <a:off x="14351000" y="10593388"/>
            <a:ext cx="4572000" cy="609600"/>
          </a:xfrm>
          <a:prstGeom prst="rect">
            <a:avLst/>
          </a:prstGeom>
        </p:spPr>
        <p:txBody>
          <a:bodyPr/>
          <a:lstStyle/>
          <a:p>
            <a:fld id="{5AD9F61E-C741-481A-904E-7DD44B6702E3}" type="slidenum">
              <a:rPr lang="en-GB" smtClean="0"/>
              <a:t>‹#›</a:t>
            </a:fld>
            <a:endParaRPr lang="en-GB"/>
          </a:p>
        </p:txBody>
      </p:sp>
    </p:spTree>
    <p:extLst>
      <p:ext uri="{BB962C8B-B14F-4D97-AF65-F5344CB8AC3E}">
        <p14:creationId xmlns:p14="http://schemas.microsoft.com/office/powerpoint/2010/main" val="2309819778"/>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a:xfrm>
            <a:off x="1397000" y="10593388"/>
            <a:ext cx="4572000" cy="609600"/>
          </a:xfrm>
          <a:prstGeom prst="rect">
            <a:avLst/>
          </a:prstGeom>
        </p:spPr>
        <p:txBody>
          <a:bodyPr/>
          <a:lstStyle/>
          <a:p>
            <a:fld id="{F12925A5-5F5D-4D8C-985D-B7D37A003E15}" type="datetimeFigureOut">
              <a:rPr lang="en-GB" smtClean="0"/>
              <a:t>17/07/2024</a:t>
            </a:fld>
            <a:endParaRPr lang="en-GB"/>
          </a:p>
        </p:txBody>
      </p:sp>
      <p:sp>
        <p:nvSpPr>
          <p:cNvPr id="3" name="Footer Placeholder 2"/>
          <p:cNvSpPr>
            <a:spLocks noGrp="1"/>
          </p:cNvSpPr>
          <p:nvPr>
            <p:ph type="ftr" sz="quarter" idx="11"/>
          </p:nvPr>
        </p:nvSpPr>
        <p:spPr>
          <a:xfrm>
            <a:off x="6731000" y="10593388"/>
            <a:ext cx="6858000" cy="609600"/>
          </a:xfrm>
          <a:prstGeom prst="rect">
            <a:avLst/>
          </a:prstGeom>
        </p:spPr>
        <p:txBody>
          <a:bodyPr/>
          <a:lstStyle/>
          <a:p>
            <a:endParaRPr lang="en-GB"/>
          </a:p>
        </p:txBody>
      </p:sp>
      <p:sp>
        <p:nvSpPr>
          <p:cNvPr id="4" name="Slide Number Placeholder 3"/>
          <p:cNvSpPr>
            <a:spLocks noGrp="1"/>
          </p:cNvSpPr>
          <p:nvPr>
            <p:ph type="sldNum" sz="quarter" idx="12"/>
          </p:nvPr>
        </p:nvSpPr>
        <p:spPr>
          <a:xfrm>
            <a:off x="14351000" y="10593388"/>
            <a:ext cx="4572000" cy="609600"/>
          </a:xfrm>
          <a:prstGeom prst="rect">
            <a:avLst/>
          </a:prstGeom>
        </p:spPr>
        <p:txBody>
          <a:bodyPr/>
          <a:lstStyle/>
          <a:p>
            <a:fld id="{5AD9F61E-C741-481A-904E-7DD44B6702E3}" type="slidenum">
              <a:rPr lang="en-GB" smtClean="0"/>
              <a:t>‹#›</a:t>
            </a:fld>
            <a:endParaRPr lang="en-GB"/>
          </a:p>
        </p:txBody>
      </p:sp>
    </p:spTree>
    <p:extLst>
      <p:ext uri="{BB962C8B-B14F-4D97-AF65-F5344CB8AC3E}">
        <p14:creationId xmlns:p14="http://schemas.microsoft.com/office/powerpoint/2010/main" val="656591065"/>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2_Custom Layout">
    <p:spTree>
      <p:nvGrpSpPr>
        <p:cNvPr id="1" name=""/>
        <p:cNvGrpSpPr/>
        <p:nvPr/>
      </p:nvGrpSpPr>
      <p:grpSpPr>
        <a:xfrm>
          <a:off x="0" y="0"/>
          <a:ext cx="0" cy="0"/>
          <a:chOff x="0" y="0"/>
          <a:chExt cx="0" cy="0"/>
        </a:xfrm>
      </p:grpSpPr>
      <p:cxnSp>
        <p:nvCxnSpPr>
          <p:cNvPr id="3" name="Straight Connector 2"/>
          <p:cNvCxnSpPr/>
          <p:nvPr userDrawn="1"/>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sp>
        <p:nvSpPr>
          <p:cNvPr id="5" name="Text Placeholder 6"/>
          <p:cNvSpPr>
            <a:spLocks noGrp="1"/>
          </p:cNvSpPr>
          <p:nvPr>
            <p:ph type="body" sz="quarter" idx="10"/>
          </p:nvPr>
        </p:nvSpPr>
        <p:spPr>
          <a:xfrm>
            <a:off x="842683" y="2206595"/>
            <a:ext cx="7866977" cy="6700776"/>
          </a:xfrm>
          <a:prstGeom prst="rect">
            <a:avLst/>
          </a:prstGeom>
        </p:spPr>
        <p:txBody>
          <a:bodyPr>
            <a:noAutofit/>
          </a:bodyPr>
          <a:lstStyle>
            <a:lvl1pPr marL="342900" indent="-342900">
              <a:buFont typeface="Wingdings" panose="05000000000000000000" pitchFamily="2" charset="2"/>
              <a:buChar char="§"/>
              <a:defRPr sz="4400">
                <a:solidFill>
                  <a:srgbClr val="54565A"/>
                </a:solidFill>
              </a:defRPr>
            </a:lvl1pPr>
            <a:lvl2pPr marL="1028693" indent="-342900">
              <a:buFont typeface="Wingdings" panose="05000000000000000000" pitchFamily="2" charset="2"/>
              <a:buChar char="§"/>
              <a:defRPr sz="4000"/>
            </a:lvl2pPr>
            <a:lvl3pPr marL="1714487" indent="-342900">
              <a:buFont typeface="Wingdings" panose="05000000000000000000" pitchFamily="2" charset="2"/>
              <a:buChar char="§"/>
              <a:defRPr sz="3200"/>
            </a:lvl3pPr>
            <a:lvl4pPr marL="2400279" indent="-342900">
              <a:buFont typeface="Wingdings" panose="05000000000000000000" pitchFamily="2" charset="2"/>
              <a:buChar char="§"/>
              <a:defRPr sz="3200"/>
            </a:lvl4pPr>
            <a:lvl5pPr marL="3086073" indent="-342900">
              <a:buFont typeface="Wingdings" panose="05000000000000000000" pitchFamily="2" charset="2"/>
              <a:buChar char="§"/>
              <a:defRPr sz="3200"/>
            </a:lvl5pPr>
          </a:lstStyle>
          <a:p>
            <a:pPr lvl="0"/>
            <a:r>
              <a:rPr lang="en-US" noProof="0" dirty="0"/>
              <a:t>Edit Master text styles</a:t>
            </a:r>
          </a:p>
          <a:p>
            <a:pPr lvl="1"/>
            <a:r>
              <a:rPr lang="en-US" noProof="0" dirty="0"/>
              <a:t>Second level</a:t>
            </a:r>
          </a:p>
          <a:p>
            <a:pPr lvl="2"/>
            <a:r>
              <a:rPr lang="en-US" noProof="0" dirty="0"/>
              <a:t>Third level</a:t>
            </a:r>
          </a:p>
        </p:txBody>
      </p:sp>
      <p:sp>
        <p:nvSpPr>
          <p:cNvPr id="7" name="Picture Placeholder 6"/>
          <p:cNvSpPr>
            <a:spLocks noGrp="1"/>
          </p:cNvSpPr>
          <p:nvPr>
            <p:ph type="pic" sz="quarter" idx="11"/>
          </p:nvPr>
        </p:nvSpPr>
        <p:spPr>
          <a:xfrm>
            <a:off x="10561638" y="2206625"/>
            <a:ext cx="8999537" cy="7874000"/>
          </a:xfrm>
        </p:spPr>
        <p:txBody>
          <a:bodyPr/>
          <a:lstStyle/>
          <a:p>
            <a:endParaRPr lang="en-GB"/>
          </a:p>
        </p:txBody>
      </p:sp>
      <p:sp>
        <p:nvSpPr>
          <p:cNvPr id="6" name="Title 4"/>
          <p:cNvSpPr>
            <a:spLocks noGrp="1"/>
          </p:cNvSpPr>
          <p:nvPr>
            <p:ph type="title"/>
          </p:nvPr>
        </p:nvSpPr>
        <p:spPr>
          <a:xfrm>
            <a:off x="842674" y="794960"/>
            <a:ext cx="17793001" cy="984304"/>
          </a:xfrm>
          <a:prstGeom prst="rect">
            <a:avLst/>
          </a:prstGeom>
        </p:spPr>
        <p:txBody>
          <a:bodyPr anchor="t" anchorCtr="0"/>
          <a:lstStyle>
            <a:lvl1pPr>
              <a:defRPr sz="4800">
                <a:solidFill>
                  <a:srgbClr val="114B5F"/>
                </a:solidFill>
              </a:defRPr>
            </a:lvl1pPr>
          </a:lstStyle>
          <a:p>
            <a:r>
              <a:rPr lang="en-US" dirty="0"/>
              <a:t>Click to edit Master title style</a:t>
            </a:r>
            <a:endParaRPr lang="en-GB" dirty="0"/>
          </a:p>
        </p:txBody>
      </p:sp>
    </p:spTree>
    <p:extLst>
      <p:ext uri="{BB962C8B-B14F-4D97-AF65-F5344CB8AC3E}">
        <p14:creationId xmlns:p14="http://schemas.microsoft.com/office/powerpoint/2010/main" val="2601714563"/>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400175" y="762000"/>
            <a:ext cx="6553200" cy="2667000"/>
          </a:xfrm>
          <a:prstGeom prst="rect">
            <a:avLst/>
          </a:prstGeom>
        </p:spPr>
        <p:txBody>
          <a:bodyPr anchor="b"/>
          <a:lstStyle>
            <a:lvl1pPr>
              <a:defRPr sz="3200"/>
            </a:lvl1pPr>
          </a:lstStyle>
          <a:p>
            <a:r>
              <a:rPr lang="en-US"/>
              <a:t>Click to edit Master title style</a:t>
            </a:r>
            <a:endParaRPr lang="en-GB"/>
          </a:p>
        </p:txBody>
      </p:sp>
      <p:sp>
        <p:nvSpPr>
          <p:cNvPr id="3" name="Content Placeholder 2"/>
          <p:cNvSpPr>
            <a:spLocks noGrp="1"/>
          </p:cNvSpPr>
          <p:nvPr>
            <p:ph idx="1"/>
          </p:nvPr>
        </p:nvSpPr>
        <p:spPr>
          <a:xfrm>
            <a:off x="8639175" y="1646238"/>
            <a:ext cx="10287000" cy="8121650"/>
          </a:xfrm>
          <a:prstGeom prst="rect">
            <a:avLst/>
          </a:prstGeo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Text Placeholder 3"/>
          <p:cNvSpPr>
            <a:spLocks noGrp="1"/>
          </p:cNvSpPr>
          <p:nvPr>
            <p:ph type="body" sz="half" idx="2"/>
          </p:nvPr>
        </p:nvSpPr>
        <p:spPr>
          <a:xfrm>
            <a:off x="1400175" y="3429000"/>
            <a:ext cx="6553200" cy="6353175"/>
          </a:xfrm>
          <a:prstGeom prst="rect">
            <a:avLst/>
          </a:prstGeo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a:xfrm>
            <a:off x="1397000" y="10593388"/>
            <a:ext cx="4572000" cy="609600"/>
          </a:xfrm>
          <a:prstGeom prst="rect">
            <a:avLst/>
          </a:prstGeom>
        </p:spPr>
        <p:txBody>
          <a:bodyPr/>
          <a:lstStyle/>
          <a:p>
            <a:fld id="{F12925A5-5F5D-4D8C-985D-B7D37A003E15}" type="datetimeFigureOut">
              <a:rPr lang="en-GB" smtClean="0"/>
              <a:t>17/07/2024</a:t>
            </a:fld>
            <a:endParaRPr lang="en-GB"/>
          </a:p>
        </p:txBody>
      </p:sp>
      <p:sp>
        <p:nvSpPr>
          <p:cNvPr id="6" name="Footer Placeholder 5"/>
          <p:cNvSpPr>
            <a:spLocks noGrp="1"/>
          </p:cNvSpPr>
          <p:nvPr>
            <p:ph type="ftr" sz="quarter" idx="11"/>
          </p:nvPr>
        </p:nvSpPr>
        <p:spPr>
          <a:xfrm>
            <a:off x="6731000" y="10593388"/>
            <a:ext cx="6858000" cy="609600"/>
          </a:xfrm>
          <a:prstGeom prst="rect">
            <a:avLst/>
          </a:prstGeom>
        </p:spPr>
        <p:txBody>
          <a:bodyPr/>
          <a:lstStyle/>
          <a:p>
            <a:endParaRPr lang="en-GB"/>
          </a:p>
        </p:txBody>
      </p:sp>
      <p:sp>
        <p:nvSpPr>
          <p:cNvPr id="7" name="Slide Number Placeholder 6"/>
          <p:cNvSpPr>
            <a:spLocks noGrp="1"/>
          </p:cNvSpPr>
          <p:nvPr>
            <p:ph type="sldNum" sz="quarter" idx="12"/>
          </p:nvPr>
        </p:nvSpPr>
        <p:spPr>
          <a:xfrm>
            <a:off x="14351000" y="10593388"/>
            <a:ext cx="4572000" cy="609600"/>
          </a:xfrm>
          <a:prstGeom prst="rect">
            <a:avLst/>
          </a:prstGeom>
        </p:spPr>
        <p:txBody>
          <a:bodyPr/>
          <a:lstStyle/>
          <a:p>
            <a:fld id="{5AD9F61E-C741-481A-904E-7DD44B6702E3}" type="slidenum">
              <a:rPr lang="en-GB" smtClean="0"/>
              <a:t>‹#›</a:t>
            </a:fld>
            <a:endParaRPr lang="en-GB"/>
          </a:p>
        </p:txBody>
      </p:sp>
    </p:spTree>
    <p:extLst>
      <p:ext uri="{BB962C8B-B14F-4D97-AF65-F5344CB8AC3E}">
        <p14:creationId xmlns:p14="http://schemas.microsoft.com/office/powerpoint/2010/main" val="3610872093"/>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400175" y="762000"/>
            <a:ext cx="6553200" cy="2667000"/>
          </a:xfrm>
          <a:prstGeom prst="rect">
            <a:avLst/>
          </a:prstGeom>
        </p:spPr>
        <p:txBody>
          <a:bodyPr anchor="b"/>
          <a:lstStyle>
            <a:lvl1pPr>
              <a:defRPr sz="3200"/>
            </a:lvl1pPr>
          </a:lstStyle>
          <a:p>
            <a:r>
              <a:rPr lang="en-US"/>
              <a:t>Click to edit Master title style</a:t>
            </a:r>
            <a:endParaRPr lang="en-GB"/>
          </a:p>
        </p:txBody>
      </p:sp>
      <p:sp>
        <p:nvSpPr>
          <p:cNvPr id="3" name="Picture Placeholder 2"/>
          <p:cNvSpPr>
            <a:spLocks noGrp="1"/>
          </p:cNvSpPr>
          <p:nvPr>
            <p:ph type="pic" idx="1"/>
          </p:nvPr>
        </p:nvSpPr>
        <p:spPr>
          <a:xfrm>
            <a:off x="8639175" y="1646238"/>
            <a:ext cx="10287000" cy="8121650"/>
          </a:xfrm>
          <a:prstGeom prst="rect">
            <a:avLst/>
          </a:prstGeo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GB"/>
          </a:p>
        </p:txBody>
      </p:sp>
      <p:sp>
        <p:nvSpPr>
          <p:cNvPr id="4" name="Text Placeholder 3"/>
          <p:cNvSpPr>
            <a:spLocks noGrp="1"/>
          </p:cNvSpPr>
          <p:nvPr>
            <p:ph type="body" sz="half" idx="2"/>
          </p:nvPr>
        </p:nvSpPr>
        <p:spPr>
          <a:xfrm>
            <a:off x="1400175" y="3429000"/>
            <a:ext cx="6553200" cy="6353175"/>
          </a:xfrm>
          <a:prstGeom prst="rect">
            <a:avLst/>
          </a:prstGeo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a:xfrm>
            <a:off x="1397000" y="10593388"/>
            <a:ext cx="4572000" cy="609600"/>
          </a:xfrm>
          <a:prstGeom prst="rect">
            <a:avLst/>
          </a:prstGeom>
        </p:spPr>
        <p:txBody>
          <a:bodyPr/>
          <a:lstStyle/>
          <a:p>
            <a:fld id="{F12925A5-5F5D-4D8C-985D-B7D37A003E15}" type="datetimeFigureOut">
              <a:rPr lang="en-GB" smtClean="0"/>
              <a:t>17/07/2024</a:t>
            </a:fld>
            <a:endParaRPr lang="en-GB"/>
          </a:p>
        </p:txBody>
      </p:sp>
      <p:sp>
        <p:nvSpPr>
          <p:cNvPr id="6" name="Footer Placeholder 5"/>
          <p:cNvSpPr>
            <a:spLocks noGrp="1"/>
          </p:cNvSpPr>
          <p:nvPr>
            <p:ph type="ftr" sz="quarter" idx="11"/>
          </p:nvPr>
        </p:nvSpPr>
        <p:spPr>
          <a:xfrm>
            <a:off x="6731000" y="10593388"/>
            <a:ext cx="6858000" cy="609600"/>
          </a:xfrm>
          <a:prstGeom prst="rect">
            <a:avLst/>
          </a:prstGeom>
        </p:spPr>
        <p:txBody>
          <a:bodyPr/>
          <a:lstStyle/>
          <a:p>
            <a:endParaRPr lang="en-GB"/>
          </a:p>
        </p:txBody>
      </p:sp>
      <p:sp>
        <p:nvSpPr>
          <p:cNvPr id="7" name="Slide Number Placeholder 6"/>
          <p:cNvSpPr>
            <a:spLocks noGrp="1"/>
          </p:cNvSpPr>
          <p:nvPr>
            <p:ph type="sldNum" sz="quarter" idx="12"/>
          </p:nvPr>
        </p:nvSpPr>
        <p:spPr>
          <a:xfrm>
            <a:off x="14351000" y="10593388"/>
            <a:ext cx="4572000" cy="609600"/>
          </a:xfrm>
          <a:prstGeom prst="rect">
            <a:avLst/>
          </a:prstGeom>
        </p:spPr>
        <p:txBody>
          <a:bodyPr/>
          <a:lstStyle/>
          <a:p>
            <a:fld id="{5AD9F61E-C741-481A-904E-7DD44B6702E3}" type="slidenum">
              <a:rPr lang="en-GB" smtClean="0"/>
              <a:t>‹#›</a:t>
            </a:fld>
            <a:endParaRPr lang="en-GB"/>
          </a:p>
        </p:txBody>
      </p:sp>
    </p:spTree>
    <p:extLst>
      <p:ext uri="{BB962C8B-B14F-4D97-AF65-F5344CB8AC3E}">
        <p14:creationId xmlns:p14="http://schemas.microsoft.com/office/powerpoint/2010/main" val="2645787685"/>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a:xfrm>
            <a:off x="1397000" y="608013"/>
            <a:ext cx="17526000" cy="2209800"/>
          </a:xfrm>
          <a:prstGeom prst="rect">
            <a:avLst/>
          </a:prstGeom>
        </p:spPr>
        <p:txBody>
          <a:bodyPr/>
          <a:lstStyle/>
          <a:p>
            <a:r>
              <a:rPr lang="en-US"/>
              <a:t>Click to edit Master title style</a:t>
            </a:r>
            <a:endParaRPr lang="en-GB"/>
          </a:p>
        </p:txBody>
      </p:sp>
      <p:sp>
        <p:nvSpPr>
          <p:cNvPr id="3" name="Vertical Text Placeholder 2"/>
          <p:cNvSpPr>
            <a:spLocks noGrp="1"/>
          </p:cNvSpPr>
          <p:nvPr>
            <p:ph type="body" orient="vert" idx="1"/>
          </p:nvPr>
        </p:nvSpPr>
        <p:spPr>
          <a:xfrm>
            <a:off x="1397000" y="3043238"/>
            <a:ext cx="17526000" cy="7251700"/>
          </a:xfrm>
          <a:prstGeom prst="rect">
            <a:avLst/>
          </a:prstGeo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p:cNvSpPr>
            <a:spLocks noGrp="1"/>
          </p:cNvSpPr>
          <p:nvPr>
            <p:ph type="dt" sz="half" idx="10"/>
          </p:nvPr>
        </p:nvSpPr>
        <p:spPr>
          <a:xfrm>
            <a:off x="1397000" y="10593388"/>
            <a:ext cx="4572000" cy="609600"/>
          </a:xfrm>
          <a:prstGeom prst="rect">
            <a:avLst/>
          </a:prstGeom>
        </p:spPr>
        <p:txBody>
          <a:bodyPr/>
          <a:lstStyle/>
          <a:p>
            <a:fld id="{F12925A5-5F5D-4D8C-985D-B7D37A003E15}" type="datetimeFigureOut">
              <a:rPr lang="en-GB" smtClean="0"/>
              <a:t>17/07/2024</a:t>
            </a:fld>
            <a:endParaRPr lang="en-GB"/>
          </a:p>
        </p:txBody>
      </p:sp>
      <p:sp>
        <p:nvSpPr>
          <p:cNvPr id="5" name="Footer Placeholder 4"/>
          <p:cNvSpPr>
            <a:spLocks noGrp="1"/>
          </p:cNvSpPr>
          <p:nvPr>
            <p:ph type="ftr" sz="quarter" idx="11"/>
          </p:nvPr>
        </p:nvSpPr>
        <p:spPr>
          <a:xfrm>
            <a:off x="6731000" y="10593388"/>
            <a:ext cx="6858000" cy="609600"/>
          </a:xfrm>
          <a:prstGeom prst="rect">
            <a:avLst/>
          </a:prstGeom>
        </p:spPr>
        <p:txBody>
          <a:bodyPr/>
          <a:lstStyle/>
          <a:p>
            <a:endParaRPr lang="en-GB"/>
          </a:p>
        </p:txBody>
      </p:sp>
      <p:sp>
        <p:nvSpPr>
          <p:cNvPr id="6" name="Slide Number Placeholder 5"/>
          <p:cNvSpPr>
            <a:spLocks noGrp="1"/>
          </p:cNvSpPr>
          <p:nvPr>
            <p:ph type="sldNum" sz="quarter" idx="12"/>
          </p:nvPr>
        </p:nvSpPr>
        <p:spPr>
          <a:xfrm>
            <a:off x="14351000" y="10593388"/>
            <a:ext cx="4572000" cy="609600"/>
          </a:xfrm>
          <a:prstGeom prst="rect">
            <a:avLst/>
          </a:prstGeom>
        </p:spPr>
        <p:txBody>
          <a:bodyPr/>
          <a:lstStyle/>
          <a:p>
            <a:fld id="{5AD9F61E-C741-481A-904E-7DD44B6702E3}" type="slidenum">
              <a:rPr lang="en-GB" smtClean="0"/>
              <a:t>‹#›</a:t>
            </a:fld>
            <a:endParaRPr lang="en-GB"/>
          </a:p>
        </p:txBody>
      </p:sp>
    </p:spTree>
    <p:extLst>
      <p:ext uri="{BB962C8B-B14F-4D97-AF65-F5344CB8AC3E}">
        <p14:creationId xmlns:p14="http://schemas.microsoft.com/office/powerpoint/2010/main" val="3315207963"/>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14541500" y="608013"/>
            <a:ext cx="4381500" cy="9686925"/>
          </a:xfrm>
          <a:prstGeom prst="rect">
            <a:avLst/>
          </a:prstGeom>
        </p:spPr>
        <p:txBody>
          <a:bodyPr vert="eaVert"/>
          <a:lstStyle/>
          <a:p>
            <a:r>
              <a:rPr lang="en-US"/>
              <a:t>Click to edit Master title style</a:t>
            </a:r>
            <a:endParaRPr lang="en-GB"/>
          </a:p>
        </p:txBody>
      </p:sp>
      <p:sp>
        <p:nvSpPr>
          <p:cNvPr id="3" name="Vertical Text Placeholder 2"/>
          <p:cNvSpPr>
            <a:spLocks noGrp="1"/>
          </p:cNvSpPr>
          <p:nvPr>
            <p:ph type="body" orient="vert" idx="1"/>
          </p:nvPr>
        </p:nvSpPr>
        <p:spPr>
          <a:xfrm>
            <a:off x="1397000" y="608013"/>
            <a:ext cx="12992100" cy="9686925"/>
          </a:xfrm>
          <a:prstGeom prst="rect">
            <a:avLst/>
          </a:prstGeo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p:cNvSpPr>
            <a:spLocks noGrp="1"/>
          </p:cNvSpPr>
          <p:nvPr>
            <p:ph type="dt" sz="half" idx="10"/>
          </p:nvPr>
        </p:nvSpPr>
        <p:spPr>
          <a:xfrm>
            <a:off x="1397000" y="10593388"/>
            <a:ext cx="4572000" cy="609600"/>
          </a:xfrm>
          <a:prstGeom prst="rect">
            <a:avLst/>
          </a:prstGeom>
        </p:spPr>
        <p:txBody>
          <a:bodyPr/>
          <a:lstStyle/>
          <a:p>
            <a:fld id="{F12925A5-5F5D-4D8C-985D-B7D37A003E15}" type="datetimeFigureOut">
              <a:rPr lang="en-GB" smtClean="0"/>
              <a:t>17/07/2024</a:t>
            </a:fld>
            <a:endParaRPr lang="en-GB"/>
          </a:p>
        </p:txBody>
      </p:sp>
      <p:sp>
        <p:nvSpPr>
          <p:cNvPr id="5" name="Footer Placeholder 4"/>
          <p:cNvSpPr>
            <a:spLocks noGrp="1"/>
          </p:cNvSpPr>
          <p:nvPr>
            <p:ph type="ftr" sz="quarter" idx="11"/>
          </p:nvPr>
        </p:nvSpPr>
        <p:spPr>
          <a:xfrm>
            <a:off x="6731000" y="10593388"/>
            <a:ext cx="6858000" cy="609600"/>
          </a:xfrm>
          <a:prstGeom prst="rect">
            <a:avLst/>
          </a:prstGeom>
        </p:spPr>
        <p:txBody>
          <a:bodyPr/>
          <a:lstStyle/>
          <a:p>
            <a:endParaRPr lang="en-GB"/>
          </a:p>
        </p:txBody>
      </p:sp>
      <p:sp>
        <p:nvSpPr>
          <p:cNvPr id="6" name="Slide Number Placeholder 5"/>
          <p:cNvSpPr>
            <a:spLocks noGrp="1"/>
          </p:cNvSpPr>
          <p:nvPr>
            <p:ph type="sldNum" sz="quarter" idx="12"/>
          </p:nvPr>
        </p:nvSpPr>
        <p:spPr>
          <a:xfrm>
            <a:off x="14351000" y="10593388"/>
            <a:ext cx="4572000" cy="609600"/>
          </a:xfrm>
          <a:prstGeom prst="rect">
            <a:avLst/>
          </a:prstGeom>
        </p:spPr>
        <p:txBody>
          <a:bodyPr/>
          <a:lstStyle/>
          <a:p>
            <a:fld id="{5AD9F61E-C741-481A-904E-7DD44B6702E3}" type="slidenum">
              <a:rPr lang="en-GB" smtClean="0"/>
              <a:t>‹#›</a:t>
            </a:fld>
            <a:endParaRPr lang="en-GB"/>
          </a:p>
        </p:txBody>
      </p:sp>
    </p:spTree>
    <p:extLst>
      <p:ext uri="{BB962C8B-B14F-4D97-AF65-F5344CB8AC3E}">
        <p14:creationId xmlns:p14="http://schemas.microsoft.com/office/powerpoint/2010/main" val="1407956608"/>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Title Slide">
    <p:bg>
      <p:bgPr>
        <a:solidFill>
          <a:schemeClr val="accent5"/>
        </a:solidFill>
        <a:effectLst/>
      </p:bgPr>
    </p:bg>
    <p:spTree>
      <p:nvGrpSpPr>
        <p:cNvPr id="1" name=""/>
        <p:cNvGrpSpPr/>
        <p:nvPr/>
      </p:nvGrpSpPr>
      <p:grpSpPr>
        <a:xfrm>
          <a:off x="0" y="0"/>
          <a:ext cx="0" cy="0"/>
          <a:chOff x="0" y="0"/>
          <a:chExt cx="0" cy="0"/>
        </a:xfrm>
      </p:grpSpPr>
      <p:cxnSp>
        <p:nvCxnSpPr>
          <p:cNvPr id="21" name="Straight Connector 20"/>
          <p:cNvCxnSpPr/>
          <p:nvPr userDrawn="1"/>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sp>
        <p:nvSpPr>
          <p:cNvPr id="35" name="Title 4"/>
          <p:cNvSpPr>
            <a:spLocks noGrp="1"/>
          </p:cNvSpPr>
          <p:nvPr>
            <p:ph type="title"/>
          </p:nvPr>
        </p:nvSpPr>
        <p:spPr>
          <a:xfrm>
            <a:off x="842674" y="794960"/>
            <a:ext cx="10961399" cy="984304"/>
          </a:xfrm>
          <a:prstGeom prst="rect">
            <a:avLst/>
          </a:prstGeom>
        </p:spPr>
        <p:txBody>
          <a:bodyPr anchor="t" anchorCtr="0"/>
          <a:lstStyle>
            <a:lvl1pPr>
              <a:defRPr sz="4800">
                <a:solidFill>
                  <a:schemeClr val="bg1"/>
                </a:solidFill>
              </a:defRPr>
            </a:lvl1pPr>
          </a:lstStyle>
          <a:p>
            <a:r>
              <a:rPr lang="en-US" dirty="0"/>
              <a:t>Click to edit Master title style</a:t>
            </a:r>
            <a:endParaRPr lang="en-GB" dirty="0"/>
          </a:p>
        </p:txBody>
      </p:sp>
      <p:sp>
        <p:nvSpPr>
          <p:cNvPr id="6" name="Text Placeholder 8"/>
          <p:cNvSpPr>
            <a:spLocks noGrp="1"/>
          </p:cNvSpPr>
          <p:nvPr>
            <p:ph type="body" sz="quarter" idx="10"/>
          </p:nvPr>
        </p:nvSpPr>
        <p:spPr>
          <a:xfrm>
            <a:off x="842674" y="3271875"/>
            <a:ext cx="18718314" cy="5502275"/>
          </a:xfrm>
          <a:prstGeom prst="rect">
            <a:avLst/>
          </a:prstGeom>
        </p:spPr>
        <p:txBody>
          <a:bodyPr>
            <a:noAutofit/>
          </a:bodyPr>
          <a:lstStyle>
            <a:lvl1pPr marL="342896" indent="-342896">
              <a:buClr>
                <a:srgbClr val="F76C6C"/>
              </a:buClr>
              <a:buFont typeface="Wingdings" panose="05000000000000000000" pitchFamily="2" charset="2"/>
              <a:buChar char="§"/>
              <a:defRPr sz="3200">
                <a:solidFill>
                  <a:schemeClr val="bg1"/>
                </a:solidFill>
              </a:defRPr>
            </a:lvl1pPr>
          </a:lstStyle>
          <a:p>
            <a:pPr lvl="0"/>
            <a:r>
              <a:rPr lang="en-US" dirty="0"/>
              <a:t>Edit Master text styles</a:t>
            </a:r>
          </a:p>
        </p:txBody>
      </p:sp>
      <p:sp>
        <p:nvSpPr>
          <p:cNvPr id="7" name="Text Placeholder 10"/>
          <p:cNvSpPr>
            <a:spLocks noGrp="1"/>
          </p:cNvSpPr>
          <p:nvPr>
            <p:ph type="body" sz="quarter" idx="11"/>
          </p:nvPr>
        </p:nvSpPr>
        <p:spPr>
          <a:xfrm>
            <a:off x="842671" y="2230015"/>
            <a:ext cx="18718317" cy="1044575"/>
          </a:xfrm>
          <a:prstGeom prst="rect">
            <a:avLst/>
          </a:prstGeom>
        </p:spPr>
        <p:txBody>
          <a:bodyPr>
            <a:noAutofit/>
          </a:bodyPr>
          <a:lstStyle>
            <a:lvl1pPr marL="0" indent="0">
              <a:buFontTx/>
              <a:buNone/>
              <a:defRPr sz="2300" b="0">
                <a:solidFill>
                  <a:srgbClr val="F76C6C"/>
                </a:solidFill>
              </a:defRPr>
            </a:lvl1pPr>
            <a:lvl2pPr marL="685793" indent="0">
              <a:buFontTx/>
              <a:buNone/>
              <a:defRPr sz="2800" b="1">
                <a:solidFill>
                  <a:srgbClr val="F76C6C"/>
                </a:solidFill>
              </a:defRPr>
            </a:lvl2pPr>
            <a:lvl3pPr marL="1371587" indent="0">
              <a:buFontTx/>
              <a:buNone/>
              <a:defRPr sz="2800" b="1">
                <a:solidFill>
                  <a:srgbClr val="F76C6C"/>
                </a:solidFill>
              </a:defRPr>
            </a:lvl3pPr>
            <a:lvl4pPr marL="2057379" indent="0">
              <a:buFontTx/>
              <a:buNone/>
              <a:defRPr sz="2800" b="1">
                <a:solidFill>
                  <a:srgbClr val="F76C6C"/>
                </a:solidFill>
              </a:defRPr>
            </a:lvl4pPr>
            <a:lvl5pPr marL="2743173" indent="0">
              <a:buFontTx/>
              <a:buNone/>
              <a:defRPr sz="2800" b="1">
                <a:solidFill>
                  <a:srgbClr val="F76C6C"/>
                </a:solidFill>
              </a:defRPr>
            </a:lvl5pPr>
          </a:lstStyle>
          <a:p>
            <a:pPr lvl="0"/>
            <a:r>
              <a:rPr lang="en-US" dirty="0"/>
              <a:t>Edit Master text styles</a:t>
            </a:r>
          </a:p>
        </p:txBody>
      </p:sp>
    </p:spTree>
    <p:extLst>
      <p:ext uri="{BB962C8B-B14F-4D97-AF65-F5344CB8AC3E}">
        <p14:creationId xmlns:p14="http://schemas.microsoft.com/office/powerpoint/2010/main" val="3559357077"/>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2_Title Slide">
    <p:bg>
      <p:bgPr>
        <a:solidFill>
          <a:schemeClr val="accent5"/>
        </a:solidFill>
        <a:effectLst/>
      </p:bgPr>
    </p:bg>
    <p:spTree>
      <p:nvGrpSpPr>
        <p:cNvPr id="1" name=""/>
        <p:cNvGrpSpPr/>
        <p:nvPr/>
      </p:nvGrpSpPr>
      <p:grpSpPr>
        <a:xfrm>
          <a:off x="0" y="0"/>
          <a:ext cx="0" cy="0"/>
          <a:chOff x="0" y="0"/>
          <a:chExt cx="0" cy="0"/>
        </a:xfrm>
      </p:grpSpPr>
      <p:cxnSp>
        <p:nvCxnSpPr>
          <p:cNvPr id="21" name="Straight Connector 20"/>
          <p:cNvCxnSpPr/>
          <p:nvPr userDrawn="1"/>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sp>
        <p:nvSpPr>
          <p:cNvPr id="35" name="Title 4"/>
          <p:cNvSpPr>
            <a:spLocks noGrp="1"/>
          </p:cNvSpPr>
          <p:nvPr>
            <p:ph type="title"/>
          </p:nvPr>
        </p:nvSpPr>
        <p:spPr>
          <a:xfrm>
            <a:off x="842674" y="794960"/>
            <a:ext cx="10961399" cy="984304"/>
          </a:xfrm>
          <a:prstGeom prst="rect">
            <a:avLst/>
          </a:prstGeom>
        </p:spPr>
        <p:txBody>
          <a:bodyPr anchor="t" anchorCtr="0"/>
          <a:lstStyle>
            <a:lvl1pPr>
              <a:defRPr sz="4800">
                <a:solidFill>
                  <a:schemeClr val="bg1"/>
                </a:solidFill>
              </a:defRPr>
            </a:lvl1pPr>
          </a:lstStyle>
          <a:p>
            <a:r>
              <a:rPr lang="en-US" dirty="0"/>
              <a:t>Click to edit Master title style</a:t>
            </a:r>
            <a:endParaRPr lang="en-GB" dirty="0"/>
          </a:p>
        </p:txBody>
      </p:sp>
    </p:spTree>
    <p:extLst>
      <p:ext uri="{BB962C8B-B14F-4D97-AF65-F5344CB8AC3E}">
        <p14:creationId xmlns:p14="http://schemas.microsoft.com/office/powerpoint/2010/main" val="792819657"/>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cxnSp>
        <p:nvCxnSpPr>
          <p:cNvPr id="7" name="Straight Connector 6"/>
          <p:cNvCxnSpPr/>
          <p:nvPr userDrawn="1"/>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sp>
        <p:nvSpPr>
          <p:cNvPr id="54" name="Text Placeholder 24"/>
          <p:cNvSpPr>
            <a:spLocks noGrp="1"/>
          </p:cNvSpPr>
          <p:nvPr>
            <p:ph type="body" sz="quarter" idx="10"/>
          </p:nvPr>
        </p:nvSpPr>
        <p:spPr>
          <a:xfrm>
            <a:off x="8360934" y="3069803"/>
            <a:ext cx="6035357"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55" name="Text Placeholder 26"/>
          <p:cNvSpPr>
            <a:spLocks noGrp="1"/>
          </p:cNvSpPr>
          <p:nvPr>
            <p:ph type="body" sz="quarter" idx="11"/>
          </p:nvPr>
        </p:nvSpPr>
        <p:spPr>
          <a:xfrm>
            <a:off x="8360935" y="3867601"/>
            <a:ext cx="6035357" cy="2811463"/>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tx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56" name="Rectangle 55"/>
          <p:cNvSpPr/>
          <p:nvPr userDrawn="1"/>
        </p:nvSpPr>
        <p:spPr>
          <a:xfrm>
            <a:off x="8153047" y="2823722"/>
            <a:ext cx="6480000" cy="3420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57" name="Text Placeholder 24"/>
          <p:cNvSpPr>
            <a:spLocks noGrp="1"/>
          </p:cNvSpPr>
          <p:nvPr>
            <p:ph type="body" sz="quarter" idx="12"/>
          </p:nvPr>
        </p:nvSpPr>
        <p:spPr>
          <a:xfrm>
            <a:off x="8360934" y="6833887"/>
            <a:ext cx="6035357"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58" name="Text Placeholder 26"/>
          <p:cNvSpPr>
            <a:spLocks noGrp="1"/>
          </p:cNvSpPr>
          <p:nvPr>
            <p:ph type="body" sz="quarter" idx="13"/>
          </p:nvPr>
        </p:nvSpPr>
        <p:spPr>
          <a:xfrm>
            <a:off x="8360935" y="7631685"/>
            <a:ext cx="6035357" cy="2811463"/>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tx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59" name="Rectangle 58"/>
          <p:cNvSpPr/>
          <p:nvPr userDrawn="1"/>
        </p:nvSpPr>
        <p:spPr>
          <a:xfrm>
            <a:off x="8153047" y="6587806"/>
            <a:ext cx="6480000" cy="3420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60" name="Text Placeholder 24"/>
          <p:cNvSpPr>
            <a:spLocks noGrp="1"/>
          </p:cNvSpPr>
          <p:nvPr>
            <p:ph type="body" sz="quarter" idx="14"/>
          </p:nvPr>
        </p:nvSpPr>
        <p:spPr>
          <a:xfrm>
            <a:off x="1183713" y="6833887"/>
            <a:ext cx="6035357"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61" name="Text Placeholder 26"/>
          <p:cNvSpPr>
            <a:spLocks noGrp="1"/>
          </p:cNvSpPr>
          <p:nvPr>
            <p:ph type="body" sz="quarter" idx="15"/>
          </p:nvPr>
        </p:nvSpPr>
        <p:spPr>
          <a:xfrm>
            <a:off x="1183714" y="7631685"/>
            <a:ext cx="6035357" cy="2811463"/>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tx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62" name="Rectangle 61"/>
          <p:cNvSpPr/>
          <p:nvPr userDrawn="1"/>
        </p:nvSpPr>
        <p:spPr>
          <a:xfrm>
            <a:off x="975826" y="6587806"/>
            <a:ext cx="6480000" cy="3420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63" name="Text Placeholder 24"/>
          <p:cNvSpPr>
            <a:spLocks noGrp="1"/>
          </p:cNvSpPr>
          <p:nvPr>
            <p:ph type="body" sz="quarter" idx="16"/>
          </p:nvPr>
        </p:nvSpPr>
        <p:spPr>
          <a:xfrm>
            <a:off x="1183713" y="3051204"/>
            <a:ext cx="6035357"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64" name="Text Placeholder 26"/>
          <p:cNvSpPr>
            <a:spLocks noGrp="1"/>
          </p:cNvSpPr>
          <p:nvPr>
            <p:ph type="body" sz="quarter" idx="17"/>
          </p:nvPr>
        </p:nvSpPr>
        <p:spPr>
          <a:xfrm>
            <a:off x="1183714" y="3849002"/>
            <a:ext cx="6035357" cy="2811463"/>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tx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65" name="Rectangle 64"/>
          <p:cNvSpPr/>
          <p:nvPr userDrawn="1"/>
        </p:nvSpPr>
        <p:spPr>
          <a:xfrm>
            <a:off x="975826" y="2805123"/>
            <a:ext cx="6480000" cy="3420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66" name="Text Placeholder 24"/>
          <p:cNvSpPr>
            <a:spLocks noGrp="1"/>
          </p:cNvSpPr>
          <p:nvPr>
            <p:ph type="body" sz="quarter" idx="18"/>
          </p:nvPr>
        </p:nvSpPr>
        <p:spPr>
          <a:xfrm>
            <a:off x="15538155" y="4570824"/>
            <a:ext cx="4022833" cy="696277"/>
          </a:xfrm>
        </p:spPr>
        <p:txBody>
          <a:bodyPr>
            <a:noAutofit/>
          </a:bodyPr>
          <a:lstStyle>
            <a:lvl1pPr marL="0" indent="0" algn="ctr">
              <a:buFontTx/>
              <a:buNone/>
              <a:defRPr sz="3200" b="0">
                <a:solidFill>
                  <a:schemeClr val="tx1"/>
                </a:solidFill>
              </a:defRPr>
            </a:lvl1pPr>
          </a:lstStyle>
          <a:p>
            <a:pPr lvl="0"/>
            <a:r>
              <a:rPr lang="en-US" dirty="0"/>
              <a:t>Edit Master text</a:t>
            </a:r>
            <a:endParaRPr lang="en-GB" dirty="0"/>
          </a:p>
        </p:txBody>
      </p:sp>
      <p:sp>
        <p:nvSpPr>
          <p:cNvPr id="67" name="Text Placeholder 24"/>
          <p:cNvSpPr>
            <a:spLocks noGrp="1"/>
          </p:cNvSpPr>
          <p:nvPr>
            <p:ph type="body" sz="quarter" idx="19" hasCustomPrompt="1"/>
          </p:nvPr>
        </p:nvSpPr>
        <p:spPr>
          <a:xfrm>
            <a:off x="15538155" y="3145133"/>
            <a:ext cx="4022833" cy="1380339"/>
          </a:xfrm>
        </p:spPr>
        <p:txBody>
          <a:bodyPr>
            <a:normAutofit/>
          </a:bodyPr>
          <a:lstStyle>
            <a:lvl1pPr marL="0" indent="0">
              <a:buFontTx/>
              <a:buNone/>
              <a:defRPr sz="9600" b="1">
                <a:solidFill>
                  <a:schemeClr val="bg2"/>
                </a:solidFill>
              </a:defRPr>
            </a:lvl1pPr>
          </a:lstStyle>
          <a:p>
            <a:pPr lvl="0"/>
            <a:r>
              <a:rPr lang="en-US" dirty="0"/>
              <a:t>£00000</a:t>
            </a:r>
            <a:endParaRPr lang="en-GB" dirty="0"/>
          </a:p>
        </p:txBody>
      </p:sp>
      <p:cxnSp>
        <p:nvCxnSpPr>
          <p:cNvPr id="68" name="Straight Connector 67"/>
          <p:cNvCxnSpPr/>
          <p:nvPr userDrawn="1"/>
        </p:nvCxnSpPr>
        <p:spPr>
          <a:xfrm>
            <a:off x="15538155" y="5285440"/>
            <a:ext cx="4022833" cy="0"/>
          </a:xfrm>
          <a:prstGeom prst="line">
            <a:avLst/>
          </a:prstGeom>
          <a:ln w="12700"/>
        </p:spPr>
        <p:style>
          <a:lnRef idx="1">
            <a:schemeClr val="accent1"/>
          </a:lnRef>
          <a:fillRef idx="0">
            <a:schemeClr val="accent1"/>
          </a:fillRef>
          <a:effectRef idx="0">
            <a:schemeClr val="accent1"/>
          </a:effectRef>
          <a:fontRef idx="minor">
            <a:schemeClr val="tx1"/>
          </a:fontRef>
        </p:style>
      </p:cxnSp>
      <p:cxnSp>
        <p:nvCxnSpPr>
          <p:cNvPr id="69" name="Straight Connector 68"/>
          <p:cNvCxnSpPr/>
          <p:nvPr userDrawn="1"/>
        </p:nvCxnSpPr>
        <p:spPr>
          <a:xfrm>
            <a:off x="15538155" y="2903020"/>
            <a:ext cx="4022833" cy="0"/>
          </a:xfrm>
          <a:prstGeom prst="line">
            <a:avLst/>
          </a:prstGeom>
          <a:ln w="12700"/>
        </p:spPr>
        <p:style>
          <a:lnRef idx="1">
            <a:schemeClr val="accent1"/>
          </a:lnRef>
          <a:fillRef idx="0">
            <a:schemeClr val="accent1"/>
          </a:fillRef>
          <a:effectRef idx="0">
            <a:schemeClr val="accent1"/>
          </a:effectRef>
          <a:fontRef idx="minor">
            <a:schemeClr val="tx1"/>
          </a:fontRef>
        </p:style>
      </p:cxnSp>
      <p:sp>
        <p:nvSpPr>
          <p:cNvPr id="70" name="Text Placeholder 24"/>
          <p:cNvSpPr>
            <a:spLocks noGrp="1"/>
          </p:cNvSpPr>
          <p:nvPr>
            <p:ph type="body" sz="quarter" idx="20"/>
          </p:nvPr>
        </p:nvSpPr>
        <p:spPr>
          <a:xfrm>
            <a:off x="15538155" y="6930156"/>
            <a:ext cx="4022833" cy="696277"/>
          </a:xfrm>
        </p:spPr>
        <p:txBody>
          <a:bodyPr>
            <a:noAutofit/>
          </a:bodyPr>
          <a:lstStyle>
            <a:lvl1pPr marL="0" indent="0" algn="ctr">
              <a:buFontTx/>
              <a:buNone/>
              <a:defRPr sz="3200" b="0">
                <a:solidFill>
                  <a:schemeClr val="tx1"/>
                </a:solidFill>
              </a:defRPr>
            </a:lvl1pPr>
          </a:lstStyle>
          <a:p>
            <a:pPr lvl="0"/>
            <a:r>
              <a:rPr lang="en-US" dirty="0"/>
              <a:t>Edit Master text</a:t>
            </a:r>
            <a:endParaRPr lang="en-GB" dirty="0"/>
          </a:p>
        </p:txBody>
      </p:sp>
      <p:sp>
        <p:nvSpPr>
          <p:cNvPr id="71" name="Text Placeholder 24"/>
          <p:cNvSpPr>
            <a:spLocks noGrp="1"/>
          </p:cNvSpPr>
          <p:nvPr>
            <p:ph type="body" sz="quarter" idx="21" hasCustomPrompt="1"/>
          </p:nvPr>
        </p:nvSpPr>
        <p:spPr>
          <a:xfrm>
            <a:off x="15538155" y="5504465"/>
            <a:ext cx="4022833" cy="1380339"/>
          </a:xfrm>
        </p:spPr>
        <p:txBody>
          <a:bodyPr>
            <a:normAutofit/>
          </a:bodyPr>
          <a:lstStyle>
            <a:lvl1pPr marL="0" indent="0">
              <a:buFontTx/>
              <a:buNone/>
              <a:defRPr sz="9600" b="1">
                <a:solidFill>
                  <a:schemeClr val="bg2"/>
                </a:solidFill>
              </a:defRPr>
            </a:lvl1pPr>
          </a:lstStyle>
          <a:p>
            <a:pPr lvl="0"/>
            <a:r>
              <a:rPr lang="en-US" dirty="0"/>
              <a:t>£00000</a:t>
            </a:r>
            <a:endParaRPr lang="en-GB" dirty="0"/>
          </a:p>
        </p:txBody>
      </p:sp>
      <p:cxnSp>
        <p:nvCxnSpPr>
          <p:cNvPr id="72" name="Straight Connector 71"/>
          <p:cNvCxnSpPr/>
          <p:nvPr userDrawn="1"/>
        </p:nvCxnSpPr>
        <p:spPr>
          <a:xfrm>
            <a:off x="15538155" y="7644772"/>
            <a:ext cx="4022833" cy="0"/>
          </a:xfrm>
          <a:prstGeom prst="line">
            <a:avLst/>
          </a:prstGeom>
          <a:ln w="12700"/>
        </p:spPr>
        <p:style>
          <a:lnRef idx="1">
            <a:schemeClr val="accent1"/>
          </a:lnRef>
          <a:fillRef idx="0">
            <a:schemeClr val="accent1"/>
          </a:fillRef>
          <a:effectRef idx="0">
            <a:schemeClr val="accent1"/>
          </a:effectRef>
          <a:fontRef idx="minor">
            <a:schemeClr val="tx1"/>
          </a:fontRef>
        </p:style>
      </p:cxnSp>
      <p:sp>
        <p:nvSpPr>
          <p:cNvPr id="73" name="Text Placeholder 24"/>
          <p:cNvSpPr>
            <a:spLocks noGrp="1"/>
          </p:cNvSpPr>
          <p:nvPr>
            <p:ph type="body" sz="quarter" idx="22"/>
          </p:nvPr>
        </p:nvSpPr>
        <p:spPr>
          <a:xfrm>
            <a:off x="15536153" y="9311529"/>
            <a:ext cx="4022833" cy="696277"/>
          </a:xfrm>
        </p:spPr>
        <p:txBody>
          <a:bodyPr>
            <a:noAutofit/>
          </a:bodyPr>
          <a:lstStyle>
            <a:lvl1pPr marL="0" indent="0" algn="ctr">
              <a:buFontTx/>
              <a:buNone/>
              <a:defRPr sz="3200" b="0">
                <a:solidFill>
                  <a:schemeClr val="tx1"/>
                </a:solidFill>
              </a:defRPr>
            </a:lvl1pPr>
          </a:lstStyle>
          <a:p>
            <a:pPr lvl="0"/>
            <a:r>
              <a:rPr lang="en-US" dirty="0"/>
              <a:t>Edit Master text</a:t>
            </a:r>
            <a:endParaRPr lang="en-GB" dirty="0"/>
          </a:p>
        </p:txBody>
      </p:sp>
      <p:sp>
        <p:nvSpPr>
          <p:cNvPr id="74" name="Text Placeholder 24"/>
          <p:cNvSpPr>
            <a:spLocks noGrp="1"/>
          </p:cNvSpPr>
          <p:nvPr>
            <p:ph type="body" sz="quarter" idx="23" hasCustomPrompt="1"/>
          </p:nvPr>
        </p:nvSpPr>
        <p:spPr>
          <a:xfrm>
            <a:off x="15536153" y="7885838"/>
            <a:ext cx="4022833" cy="1380339"/>
          </a:xfrm>
        </p:spPr>
        <p:txBody>
          <a:bodyPr>
            <a:normAutofit/>
          </a:bodyPr>
          <a:lstStyle>
            <a:lvl1pPr marL="0" indent="0">
              <a:buFontTx/>
              <a:buNone/>
              <a:defRPr sz="9600" b="1">
                <a:solidFill>
                  <a:schemeClr val="bg2"/>
                </a:solidFill>
              </a:defRPr>
            </a:lvl1pPr>
          </a:lstStyle>
          <a:p>
            <a:pPr lvl="0"/>
            <a:r>
              <a:rPr lang="en-US" dirty="0"/>
              <a:t>£00000</a:t>
            </a:r>
            <a:endParaRPr lang="en-GB" dirty="0"/>
          </a:p>
        </p:txBody>
      </p:sp>
      <p:cxnSp>
        <p:nvCxnSpPr>
          <p:cNvPr id="75" name="Straight Connector 74"/>
          <p:cNvCxnSpPr/>
          <p:nvPr userDrawn="1"/>
        </p:nvCxnSpPr>
        <p:spPr>
          <a:xfrm>
            <a:off x="15536153" y="10026145"/>
            <a:ext cx="4022833" cy="0"/>
          </a:xfrm>
          <a:prstGeom prst="line">
            <a:avLst/>
          </a:prstGeom>
          <a:ln w="12700"/>
        </p:spPr>
        <p:style>
          <a:lnRef idx="1">
            <a:schemeClr val="accent1"/>
          </a:lnRef>
          <a:fillRef idx="0">
            <a:schemeClr val="accent1"/>
          </a:fillRef>
          <a:effectRef idx="0">
            <a:schemeClr val="accent1"/>
          </a:effectRef>
          <a:fontRef idx="minor">
            <a:schemeClr val="tx1"/>
          </a:fontRef>
        </p:style>
      </p:cxnSp>
      <p:sp>
        <p:nvSpPr>
          <p:cNvPr id="27" name="Title 4"/>
          <p:cNvSpPr>
            <a:spLocks noGrp="1"/>
          </p:cNvSpPr>
          <p:nvPr>
            <p:ph type="title"/>
          </p:nvPr>
        </p:nvSpPr>
        <p:spPr>
          <a:xfrm>
            <a:off x="842674" y="794960"/>
            <a:ext cx="17793001" cy="984304"/>
          </a:xfrm>
          <a:prstGeom prst="rect">
            <a:avLst/>
          </a:prstGeom>
        </p:spPr>
        <p:txBody>
          <a:bodyPr anchor="t" anchorCtr="0"/>
          <a:lstStyle>
            <a:lvl1pPr>
              <a:defRPr sz="4800">
                <a:solidFill>
                  <a:srgbClr val="114B5F"/>
                </a:solidFill>
              </a:defRPr>
            </a:lvl1pPr>
          </a:lstStyle>
          <a:p>
            <a:r>
              <a:rPr lang="en-US" dirty="0"/>
              <a:t>Click to edit Master title style</a:t>
            </a:r>
            <a:endParaRPr lang="en-GB" dirty="0"/>
          </a:p>
        </p:txBody>
      </p:sp>
      <p:pic>
        <p:nvPicPr>
          <p:cNvPr id="32" name="Picture 31"/>
          <p:cNvPicPr>
            <a:picLocks noChangeAspect="1"/>
          </p:cNvPicPr>
          <p:nvPr userDrawn="1"/>
        </p:nvPicPr>
        <p:blipFill>
          <a:blip r:embed="rId2" cstate="email">
            <a:extLst>
              <a:ext uri="{28A0092B-C50C-407E-A947-70E740481C1C}">
                <a14:useLocalDpi xmlns:a14="http://schemas.microsoft.com/office/drawing/2010/main" val="0"/>
              </a:ext>
            </a:extLst>
          </a:blip>
          <a:stretch>
            <a:fillRect/>
          </a:stretch>
        </p:blipFill>
        <p:spPr>
          <a:xfrm>
            <a:off x="15153862" y="908091"/>
            <a:ext cx="4407126" cy="606456"/>
          </a:xfrm>
          <a:prstGeom prst="rect">
            <a:avLst/>
          </a:prstGeom>
        </p:spPr>
      </p:pic>
    </p:spTree>
    <p:extLst>
      <p:ext uri="{BB962C8B-B14F-4D97-AF65-F5344CB8AC3E}">
        <p14:creationId xmlns:p14="http://schemas.microsoft.com/office/powerpoint/2010/main" val="3123702614"/>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Title and Content">
    <p:bg>
      <p:bgPr>
        <a:solidFill>
          <a:schemeClr val="accent5"/>
        </a:solidFill>
        <a:effectLst/>
      </p:bgPr>
    </p:bg>
    <p:spTree>
      <p:nvGrpSpPr>
        <p:cNvPr id="1" name=""/>
        <p:cNvGrpSpPr/>
        <p:nvPr/>
      </p:nvGrpSpPr>
      <p:grpSpPr>
        <a:xfrm>
          <a:off x="0" y="0"/>
          <a:ext cx="0" cy="0"/>
          <a:chOff x="0" y="0"/>
          <a:chExt cx="0" cy="0"/>
        </a:xfrm>
      </p:grpSpPr>
      <p:cxnSp>
        <p:nvCxnSpPr>
          <p:cNvPr id="7" name="Straight Connector 6"/>
          <p:cNvCxnSpPr/>
          <p:nvPr userDrawn="1"/>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sp>
        <p:nvSpPr>
          <p:cNvPr id="19" name="Text Placeholder 18"/>
          <p:cNvSpPr>
            <a:spLocks noGrp="1"/>
          </p:cNvSpPr>
          <p:nvPr>
            <p:ph type="body" sz="quarter" idx="10"/>
          </p:nvPr>
        </p:nvSpPr>
        <p:spPr>
          <a:xfrm>
            <a:off x="842963" y="2125663"/>
            <a:ext cx="18718212" cy="1471821"/>
          </a:xfrm>
        </p:spPr>
        <p:txBody>
          <a:bodyPr>
            <a:noAutofit/>
          </a:bodyPr>
          <a:lstStyle>
            <a:lvl1pPr marL="0" indent="0">
              <a:buFontTx/>
              <a:buNone/>
              <a:defRPr sz="3200">
                <a:solidFill>
                  <a:schemeClr val="bg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dirty="0"/>
              <a:t>Edit Master text styles</a:t>
            </a:r>
          </a:p>
        </p:txBody>
      </p:sp>
      <p:sp>
        <p:nvSpPr>
          <p:cNvPr id="23" name="Text Placeholder 24"/>
          <p:cNvSpPr>
            <a:spLocks noGrp="1"/>
          </p:cNvSpPr>
          <p:nvPr>
            <p:ph type="body" sz="quarter" idx="16"/>
          </p:nvPr>
        </p:nvSpPr>
        <p:spPr>
          <a:xfrm>
            <a:off x="1050561" y="4132648"/>
            <a:ext cx="8642078"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24" name="Text Placeholder 26"/>
          <p:cNvSpPr>
            <a:spLocks noGrp="1"/>
          </p:cNvSpPr>
          <p:nvPr>
            <p:ph type="body" sz="quarter" idx="17"/>
          </p:nvPr>
        </p:nvSpPr>
        <p:spPr>
          <a:xfrm>
            <a:off x="1050562" y="4930447"/>
            <a:ext cx="8642078" cy="1948466"/>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bg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25" name="Rectangle 24"/>
          <p:cNvSpPr/>
          <p:nvPr userDrawn="1"/>
        </p:nvSpPr>
        <p:spPr>
          <a:xfrm>
            <a:off x="842674" y="3886567"/>
            <a:ext cx="9180000" cy="2988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29" name="Text Placeholder 24"/>
          <p:cNvSpPr>
            <a:spLocks noGrp="1"/>
          </p:cNvSpPr>
          <p:nvPr>
            <p:ph type="body" sz="quarter" idx="18"/>
          </p:nvPr>
        </p:nvSpPr>
        <p:spPr>
          <a:xfrm>
            <a:off x="10588875" y="4150496"/>
            <a:ext cx="8682104"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30" name="Text Placeholder 26"/>
          <p:cNvSpPr>
            <a:spLocks noGrp="1"/>
          </p:cNvSpPr>
          <p:nvPr>
            <p:ph type="body" sz="quarter" idx="19"/>
          </p:nvPr>
        </p:nvSpPr>
        <p:spPr>
          <a:xfrm>
            <a:off x="10588876" y="4948294"/>
            <a:ext cx="8682104" cy="1930619"/>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bg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31" name="Rectangle 30"/>
          <p:cNvSpPr/>
          <p:nvPr userDrawn="1"/>
        </p:nvSpPr>
        <p:spPr>
          <a:xfrm>
            <a:off x="10380988" y="3904415"/>
            <a:ext cx="9180000" cy="2988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38" name="Text Placeholder 24"/>
          <p:cNvSpPr>
            <a:spLocks noGrp="1"/>
          </p:cNvSpPr>
          <p:nvPr>
            <p:ph type="body" sz="quarter" idx="20"/>
          </p:nvPr>
        </p:nvSpPr>
        <p:spPr>
          <a:xfrm>
            <a:off x="1050561" y="7554028"/>
            <a:ext cx="8642078"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39" name="Text Placeholder 26"/>
          <p:cNvSpPr>
            <a:spLocks noGrp="1"/>
          </p:cNvSpPr>
          <p:nvPr>
            <p:ph type="body" sz="quarter" idx="21"/>
          </p:nvPr>
        </p:nvSpPr>
        <p:spPr>
          <a:xfrm>
            <a:off x="1050562" y="8351827"/>
            <a:ext cx="8642078" cy="1948466"/>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bg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40" name="Rectangle 39"/>
          <p:cNvSpPr/>
          <p:nvPr userDrawn="1"/>
        </p:nvSpPr>
        <p:spPr>
          <a:xfrm>
            <a:off x="842674" y="7307947"/>
            <a:ext cx="9180000" cy="2988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41" name="Text Placeholder 24"/>
          <p:cNvSpPr>
            <a:spLocks noGrp="1"/>
          </p:cNvSpPr>
          <p:nvPr>
            <p:ph type="body" sz="quarter" idx="22"/>
          </p:nvPr>
        </p:nvSpPr>
        <p:spPr>
          <a:xfrm>
            <a:off x="10588875" y="7571876"/>
            <a:ext cx="8682104"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42" name="Text Placeholder 26"/>
          <p:cNvSpPr>
            <a:spLocks noGrp="1"/>
          </p:cNvSpPr>
          <p:nvPr>
            <p:ph type="body" sz="quarter" idx="23"/>
          </p:nvPr>
        </p:nvSpPr>
        <p:spPr>
          <a:xfrm>
            <a:off x="10588876" y="8369674"/>
            <a:ext cx="8682104" cy="1930619"/>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bg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43" name="Rectangle 42"/>
          <p:cNvSpPr/>
          <p:nvPr userDrawn="1"/>
        </p:nvSpPr>
        <p:spPr>
          <a:xfrm>
            <a:off x="10380988" y="7325795"/>
            <a:ext cx="9180000" cy="2988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18" name="Title 4"/>
          <p:cNvSpPr>
            <a:spLocks noGrp="1"/>
          </p:cNvSpPr>
          <p:nvPr>
            <p:ph type="title"/>
          </p:nvPr>
        </p:nvSpPr>
        <p:spPr>
          <a:xfrm>
            <a:off x="842674" y="794960"/>
            <a:ext cx="17793001" cy="984304"/>
          </a:xfrm>
          <a:prstGeom prst="rect">
            <a:avLst/>
          </a:prstGeom>
        </p:spPr>
        <p:txBody>
          <a:bodyPr anchor="t" anchorCtr="0"/>
          <a:lstStyle>
            <a:lvl1pPr>
              <a:defRPr sz="4800">
                <a:solidFill>
                  <a:schemeClr val="bg1"/>
                </a:solidFill>
              </a:defRPr>
            </a:lvl1pPr>
          </a:lstStyle>
          <a:p>
            <a:r>
              <a:rPr lang="en-US" dirty="0"/>
              <a:t>Click to edit Master title style</a:t>
            </a:r>
            <a:endParaRPr lang="en-GB" dirty="0"/>
          </a:p>
        </p:txBody>
      </p:sp>
    </p:spTree>
    <p:extLst>
      <p:ext uri="{BB962C8B-B14F-4D97-AF65-F5344CB8AC3E}">
        <p14:creationId xmlns:p14="http://schemas.microsoft.com/office/powerpoint/2010/main" val="557147108"/>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cxnSp>
        <p:nvCxnSpPr>
          <p:cNvPr id="8" name="Straight Connector 7"/>
          <p:cNvCxnSpPr/>
          <p:nvPr userDrawn="1"/>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sp>
        <p:nvSpPr>
          <p:cNvPr id="11" name="Text Placeholder 18"/>
          <p:cNvSpPr>
            <a:spLocks noGrp="1"/>
          </p:cNvSpPr>
          <p:nvPr>
            <p:ph type="body" sz="quarter" idx="10"/>
          </p:nvPr>
        </p:nvSpPr>
        <p:spPr>
          <a:xfrm>
            <a:off x="842963" y="2125663"/>
            <a:ext cx="18718212" cy="1471821"/>
          </a:xfrm>
        </p:spPr>
        <p:txBody>
          <a:bodyPr>
            <a:noAutofit/>
          </a:bodyPr>
          <a:lstStyle>
            <a:lvl1pPr marL="0" indent="0">
              <a:buFontTx/>
              <a:buNone/>
              <a:defRPr sz="3200">
                <a:solidFill>
                  <a:schemeClr val="tx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dirty="0"/>
              <a:t>Edit Master text styles</a:t>
            </a:r>
          </a:p>
        </p:txBody>
      </p:sp>
      <p:sp>
        <p:nvSpPr>
          <p:cNvPr id="12" name="Text Placeholder 24"/>
          <p:cNvSpPr>
            <a:spLocks noGrp="1"/>
          </p:cNvSpPr>
          <p:nvPr>
            <p:ph type="body" sz="quarter" idx="16"/>
          </p:nvPr>
        </p:nvSpPr>
        <p:spPr>
          <a:xfrm>
            <a:off x="1050561" y="4132648"/>
            <a:ext cx="8642078"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13" name="Text Placeholder 26"/>
          <p:cNvSpPr>
            <a:spLocks noGrp="1"/>
          </p:cNvSpPr>
          <p:nvPr>
            <p:ph type="body" sz="quarter" idx="17"/>
          </p:nvPr>
        </p:nvSpPr>
        <p:spPr>
          <a:xfrm>
            <a:off x="1050562" y="4930447"/>
            <a:ext cx="8642078" cy="1948466"/>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tx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14" name="Rectangle 13"/>
          <p:cNvSpPr/>
          <p:nvPr userDrawn="1"/>
        </p:nvSpPr>
        <p:spPr>
          <a:xfrm>
            <a:off x="842674" y="3886567"/>
            <a:ext cx="9180000" cy="2988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15" name="Text Placeholder 24"/>
          <p:cNvSpPr>
            <a:spLocks noGrp="1"/>
          </p:cNvSpPr>
          <p:nvPr>
            <p:ph type="body" sz="quarter" idx="18"/>
          </p:nvPr>
        </p:nvSpPr>
        <p:spPr>
          <a:xfrm>
            <a:off x="10588875" y="4150496"/>
            <a:ext cx="8682104"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16" name="Text Placeholder 26"/>
          <p:cNvSpPr>
            <a:spLocks noGrp="1"/>
          </p:cNvSpPr>
          <p:nvPr>
            <p:ph type="body" sz="quarter" idx="19"/>
          </p:nvPr>
        </p:nvSpPr>
        <p:spPr>
          <a:xfrm>
            <a:off x="10588876" y="4948294"/>
            <a:ext cx="8682104" cy="1930619"/>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tx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17" name="Rectangle 16"/>
          <p:cNvSpPr/>
          <p:nvPr userDrawn="1"/>
        </p:nvSpPr>
        <p:spPr>
          <a:xfrm>
            <a:off x="10380988" y="3904415"/>
            <a:ext cx="9180000" cy="2988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18" name="Text Placeholder 24"/>
          <p:cNvSpPr>
            <a:spLocks noGrp="1"/>
          </p:cNvSpPr>
          <p:nvPr>
            <p:ph type="body" sz="quarter" idx="20"/>
          </p:nvPr>
        </p:nvSpPr>
        <p:spPr>
          <a:xfrm>
            <a:off x="1050561" y="7554028"/>
            <a:ext cx="8642078"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19" name="Text Placeholder 26"/>
          <p:cNvSpPr>
            <a:spLocks noGrp="1"/>
          </p:cNvSpPr>
          <p:nvPr>
            <p:ph type="body" sz="quarter" idx="21"/>
          </p:nvPr>
        </p:nvSpPr>
        <p:spPr>
          <a:xfrm>
            <a:off x="1050562" y="8351827"/>
            <a:ext cx="8642078" cy="1948466"/>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tx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20" name="Rectangle 19"/>
          <p:cNvSpPr/>
          <p:nvPr userDrawn="1"/>
        </p:nvSpPr>
        <p:spPr>
          <a:xfrm>
            <a:off x="842674" y="7307947"/>
            <a:ext cx="9180000" cy="2988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21" name="Text Placeholder 24"/>
          <p:cNvSpPr>
            <a:spLocks noGrp="1"/>
          </p:cNvSpPr>
          <p:nvPr>
            <p:ph type="body" sz="quarter" idx="22"/>
          </p:nvPr>
        </p:nvSpPr>
        <p:spPr>
          <a:xfrm>
            <a:off x="10588875" y="7571876"/>
            <a:ext cx="8682104"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22" name="Text Placeholder 26"/>
          <p:cNvSpPr>
            <a:spLocks noGrp="1"/>
          </p:cNvSpPr>
          <p:nvPr>
            <p:ph type="body" sz="quarter" idx="23"/>
          </p:nvPr>
        </p:nvSpPr>
        <p:spPr>
          <a:xfrm>
            <a:off x="10588876" y="8369674"/>
            <a:ext cx="8682104" cy="1930619"/>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tx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23" name="Rectangle 22"/>
          <p:cNvSpPr/>
          <p:nvPr userDrawn="1"/>
        </p:nvSpPr>
        <p:spPr>
          <a:xfrm>
            <a:off x="10380988" y="7325795"/>
            <a:ext cx="9180000" cy="2988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24" name="Title 4"/>
          <p:cNvSpPr>
            <a:spLocks noGrp="1"/>
          </p:cNvSpPr>
          <p:nvPr>
            <p:ph type="title"/>
          </p:nvPr>
        </p:nvSpPr>
        <p:spPr>
          <a:xfrm>
            <a:off x="842674" y="794960"/>
            <a:ext cx="17793001" cy="984304"/>
          </a:xfrm>
          <a:prstGeom prst="rect">
            <a:avLst/>
          </a:prstGeom>
        </p:spPr>
        <p:txBody>
          <a:bodyPr anchor="t" anchorCtr="0"/>
          <a:lstStyle>
            <a:lvl1pPr>
              <a:defRPr sz="4800">
                <a:solidFill>
                  <a:srgbClr val="114B5F"/>
                </a:solidFill>
              </a:defRPr>
            </a:lvl1pPr>
          </a:lstStyle>
          <a:p>
            <a:r>
              <a:rPr lang="en-US" dirty="0"/>
              <a:t>Click to edit Master title style</a:t>
            </a:r>
            <a:endParaRPr lang="en-GB" dirty="0"/>
          </a:p>
        </p:txBody>
      </p:sp>
    </p:spTree>
    <p:extLst>
      <p:ext uri="{BB962C8B-B14F-4D97-AF65-F5344CB8AC3E}">
        <p14:creationId xmlns:p14="http://schemas.microsoft.com/office/powerpoint/2010/main" val="2040888383"/>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38" name="Text Placeholder 37"/>
          <p:cNvSpPr>
            <a:spLocks noGrp="1"/>
          </p:cNvSpPr>
          <p:nvPr>
            <p:ph type="body" sz="quarter" idx="11"/>
          </p:nvPr>
        </p:nvSpPr>
        <p:spPr>
          <a:xfrm>
            <a:off x="878164" y="2636776"/>
            <a:ext cx="5760000" cy="6480000"/>
          </a:xfrm>
          <a:ln w="12700">
            <a:solidFill>
              <a:srgbClr val="F76C6C"/>
            </a:solidFill>
          </a:ln>
        </p:spPr>
        <p:txBody>
          <a:bodyPr lIns="360000" tIns="360000" rIns="360000" bIns="360000">
            <a:noAutofit/>
          </a:bodyPr>
          <a:lstStyle>
            <a:lvl1pPr>
              <a:defRPr sz="3200"/>
            </a:lvl1pPr>
          </a:lstStyle>
          <a:p>
            <a:pPr lvl="0"/>
            <a:r>
              <a:rPr lang="en-US" dirty="0"/>
              <a:t>Edit Master text styles</a:t>
            </a:r>
          </a:p>
        </p:txBody>
      </p:sp>
      <p:cxnSp>
        <p:nvCxnSpPr>
          <p:cNvPr id="10" name="Straight Connector 9"/>
          <p:cNvCxnSpPr/>
          <p:nvPr userDrawn="1"/>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userDrawn="1"/>
        </p:nvCxnSpPr>
        <p:spPr>
          <a:xfrm>
            <a:off x="807184" y="3741001"/>
            <a:ext cx="4706197" cy="0"/>
          </a:xfrm>
          <a:prstGeom prst="line">
            <a:avLst/>
          </a:prstGeom>
          <a:ln w="9525">
            <a:solidFill>
              <a:schemeClr val="bg1"/>
            </a:solidFill>
            <a:prstDash val="sysDash"/>
          </a:ln>
        </p:spPr>
        <p:style>
          <a:lnRef idx="1">
            <a:schemeClr val="accent1"/>
          </a:lnRef>
          <a:fillRef idx="0">
            <a:schemeClr val="accent1"/>
          </a:fillRef>
          <a:effectRef idx="0">
            <a:schemeClr val="accent1"/>
          </a:effectRef>
          <a:fontRef idx="minor">
            <a:schemeClr val="tx1"/>
          </a:fontRef>
        </p:style>
      </p:cxnSp>
      <p:sp>
        <p:nvSpPr>
          <p:cNvPr id="20" name="Rectangle 19"/>
          <p:cNvSpPr/>
          <p:nvPr/>
        </p:nvSpPr>
        <p:spPr>
          <a:xfrm>
            <a:off x="1802239" y="7025892"/>
            <a:ext cx="3787166" cy="21380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21" name="Picture 20"/>
          <p:cNvPicPr>
            <a:picLocks noChangeAspect="1"/>
          </p:cNvPicPr>
          <p:nvPr/>
        </p:nvPicPr>
        <p:blipFill>
          <a:blip r:embed="rId2" cstate="email">
            <a:extLst>
              <a:ext uri="{28A0092B-C50C-407E-A947-70E740481C1C}">
                <a14:useLocalDpi xmlns:a14="http://schemas.microsoft.com/office/drawing/2010/main" val="0"/>
              </a:ext>
            </a:extLst>
          </a:blip>
          <a:stretch>
            <a:fillRect/>
          </a:stretch>
        </p:blipFill>
        <p:spPr>
          <a:xfrm>
            <a:off x="1499785" y="6747906"/>
            <a:ext cx="4445779" cy="2912752"/>
          </a:xfrm>
          <a:prstGeom prst="rect">
            <a:avLst/>
          </a:prstGeom>
        </p:spPr>
      </p:pic>
      <p:sp>
        <p:nvSpPr>
          <p:cNvPr id="36" name="Text Placeholder 35"/>
          <p:cNvSpPr>
            <a:spLocks noGrp="1"/>
          </p:cNvSpPr>
          <p:nvPr userDrawn="1">
            <p:ph type="body" sz="quarter" idx="10"/>
          </p:nvPr>
        </p:nvSpPr>
        <p:spPr>
          <a:xfrm>
            <a:off x="2159637" y="7652609"/>
            <a:ext cx="3143884" cy="1200150"/>
          </a:xfrm>
        </p:spPr>
        <p:txBody>
          <a:bodyPr>
            <a:normAutofit/>
          </a:bodyPr>
          <a:lstStyle>
            <a:lvl1pPr marL="0" indent="0" algn="ctr">
              <a:buFontTx/>
              <a:buNone/>
              <a:defRPr sz="3200" b="1">
                <a:solidFill>
                  <a:schemeClr val="bg2"/>
                </a:solidFill>
              </a:defRPr>
            </a:lvl1pPr>
            <a:lvl5pPr marL="1828800" indent="0">
              <a:buNone/>
              <a:defRPr/>
            </a:lvl5pPr>
          </a:lstStyle>
          <a:p>
            <a:pPr lvl="0"/>
            <a:r>
              <a:rPr lang="en-US" dirty="0"/>
              <a:t>Edit Master text</a:t>
            </a:r>
            <a:endParaRPr lang="en-GB" dirty="0"/>
          </a:p>
        </p:txBody>
      </p:sp>
      <p:sp>
        <p:nvSpPr>
          <p:cNvPr id="39" name="Text Placeholder 37"/>
          <p:cNvSpPr>
            <a:spLocks noGrp="1"/>
          </p:cNvSpPr>
          <p:nvPr>
            <p:ph type="body" sz="quarter" idx="12"/>
          </p:nvPr>
        </p:nvSpPr>
        <p:spPr>
          <a:xfrm>
            <a:off x="13780092" y="2636776"/>
            <a:ext cx="5760000" cy="6480000"/>
          </a:xfrm>
          <a:ln w="12700">
            <a:solidFill>
              <a:srgbClr val="F76C6C"/>
            </a:solidFill>
          </a:ln>
        </p:spPr>
        <p:txBody>
          <a:bodyPr lIns="360000" tIns="360000" rIns="360000" bIns="360000">
            <a:noAutofit/>
          </a:bodyPr>
          <a:lstStyle>
            <a:lvl1pPr>
              <a:defRPr sz="3200"/>
            </a:lvl1pPr>
          </a:lstStyle>
          <a:p>
            <a:pPr lvl="0"/>
            <a:r>
              <a:rPr lang="en-US" dirty="0"/>
              <a:t>Edit Master text styles</a:t>
            </a:r>
          </a:p>
        </p:txBody>
      </p:sp>
      <p:cxnSp>
        <p:nvCxnSpPr>
          <p:cNvPr id="40" name="Straight Connector 39"/>
          <p:cNvCxnSpPr/>
          <p:nvPr userDrawn="1"/>
        </p:nvCxnSpPr>
        <p:spPr>
          <a:xfrm>
            <a:off x="13709112" y="3741001"/>
            <a:ext cx="4706197" cy="0"/>
          </a:xfrm>
          <a:prstGeom prst="line">
            <a:avLst/>
          </a:prstGeom>
          <a:ln w="9525">
            <a:solidFill>
              <a:schemeClr val="bg1"/>
            </a:solidFill>
            <a:prstDash val="sysDash"/>
          </a:ln>
        </p:spPr>
        <p:style>
          <a:lnRef idx="1">
            <a:schemeClr val="accent1"/>
          </a:lnRef>
          <a:fillRef idx="0">
            <a:schemeClr val="accent1"/>
          </a:fillRef>
          <a:effectRef idx="0">
            <a:schemeClr val="accent1"/>
          </a:effectRef>
          <a:fontRef idx="minor">
            <a:schemeClr val="tx1"/>
          </a:fontRef>
        </p:style>
      </p:cxnSp>
      <p:sp>
        <p:nvSpPr>
          <p:cNvPr id="41" name="Rectangle 40"/>
          <p:cNvSpPr/>
          <p:nvPr userDrawn="1"/>
        </p:nvSpPr>
        <p:spPr>
          <a:xfrm>
            <a:off x="14704167" y="7025892"/>
            <a:ext cx="3787166" cy="21380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42" name="Picture 41"/>
          <p:cNvPicPr>
            <a:picLocks noChangeAspect="1"/>
          </p:cNvPicPr>
          <p:nvPr userDrawn="1"/>
        </p:nvPicPr>
        <p:blipFill>
          <a:blip r:embed="rId2" cstate="email">
            <a:extLst>
              <a:ext uri="{28A0092B-C50C-407E-A947-70E740481C1C}">
                <a14:useLocalDpi xmlns:a14="http://schemas.microsoft.com/office/drawing/2010/main" val="0"/>
              </a:ext>
            </a:extLst>
          </a:blip>
          <a:stretch>
            <a:fillRect/>
          </a:stretch>
        </p:blipFill>
        <p:spPr>
          <a:xfrm>
            <a:off x="14401713" y="6747906"/>
            <a:ext cx="4445779" cy="2912752"/>
          </a:xfrm>
          <a:prstGeom prst="rect">
            <a:avLst/>
          </a:prstGeom>
        </p:spPr>
      </p:pic>
      <p:sp>
        <p:nvSpPr>
          <p:cNvPr id="43" name="Text Placeholder 35"/>
          <p:cNvSpPr>
            <a:spLocks noGrp="1"/>
          </p:cNvSpPr>
          <p:nvPr>
            <p:ph type="body" sz="quarter" idx="13"/>
          </p:nvPr>
        </p:nvSpPr>
        <p:spPr>
          <a:xfrm>
            <a:off x="15061565" y="7652609"/>
            <a:ext cx="3143884" cy="1200150"/>
          </a:xfrm>
        </p:spPr>
        <p:txBody>
          <a:bodyPr>
            <a:normAutofit/>
          </a:bodyPr>
          <a:lstStyle>
            <a:lvl1pPr marL="0" indent="0" algn="ctr">
              <a:buFontTx/>
              <a:buNone/>
              <a:defRPr sz="3200" b="1">
                <a:solidFill>
                  <a:schemeClr val="bg2"/>
                </a:solidFill>
              </a:defRPr>
            </a:lvl1pPr>
            <a:lvl5pPr marL="1828800" indent="0">
              <a:buNone/>
              <a:defRPr/>
            </a:lvl5pPr>
          </a:lstStyle>
          <a:p>
            <a:pPr lvl="0"/>
            <a:r>
              <a:rPr lang="en-US" dirty="0"/>
              <a:t>Edit Master text</a:t>
            </a:r>
            <a:endParaRPr lang="en-GB" dirty="0"/>
          </a:p>
        </p:txBody>
      </p:sp>
      <p:sp>
        <p:nvSpPr>
          <p:cNvPr id="44" name="Text Placeholder 37"/>
          <p:cNvSpPr>
            <a:spLocks noGrp="1"/>
          </p:cNvSpPr>
          <p:nvPr>
            <p:ph type="body" sz="quarter" idx="14"/>
          </p:nvPr>
        </p:nvSpPr>
        <p:spPr>
          <a:xfrm>
            <a:off x="7293638" y="2636776"/>
            <a:ext cx="5760000" cy="6480000"/>
          </a:xfrm>
          <a:ln w="12700">
            <a:solidFill>
              <a:srgbClr val="F76C6C"/>
            </a:solidFill>
          </a:ln>
        </p:spPr>
        <p:txBody>
          <a:bodyPr lIns="360000" tIns="360000" rIns="360000" bIns="360000">
            <a:noAutofit/>
          </a:bodyPr>
          <a:lstStyle>
            <a:lvl1pPr>
              <a:defRPr sz="3200"/>
            </a:lvl1pPr>
          </a:lstStyle>
          <a:p>
            <a:pPr lvl="0"/>
            <a:r>
              <a:rPr lang="en-US" dirty="0"/>
              <a:t>Edit Master text styles</a:t>
            </a:r>
          </a:p>
        </p:txBody>
      </p:sp>
      <p:cxnSp>
        <p:nvCxnSpPr>
          <p:cNvPr id="45" name="Straight Connector 44"/>
          <p:cNvCxnSpPr/>
          <p:nvPr userDrawn="1"/>
        </p:nvCxnSpPr>
        <p:spPr>
          <a:xfrm>
            <a:off x="7222658" y="3741001"/>
            <a:ext cx="4706197" cy="0"/>
          </a:xfrm>
          <a:prstGeom prst="line">
            <a:avLst/>
          </a:prstGeom>
          <a:ln w="9525">
            <a:solidFill>
              <a:schemeClr val="bg1"/>
            </a:solidFill>
            <a:prstDash val="sysDash"/>
          </a:ln>
        </p:spPr>
        <p:style>
          <a:lnRef idx="1">
            <a:schemeClr val="accent1"/>
          </a:lnRef>
          <a:fillRef idx="0">
            <a:schemeClr val="accent1"/>
          </a:fillRef>
          <a:effectRef idx="0">
            <a:schemeClr val="accent1"/>
          </a:effectRef>
          <a:fontRef idx="minor">
            <a:schemeClr val="tx1"/>
          </a:fontRef>
        </p:style>
      </p:cxnSp>
      <p:sp>
        <p:nvSpPr>
          <p:cNvPr id="46" name="Rectangle 45"/>
          <p:cNvSpPr/>
          <p:nvPr userDrawn="1"/>
        </p:nvSpPr>
        <p:spPr>
          <a:xfrm>
            <a:off x="8217713" y="7025892"/>
            <a:ext cx="3787166" cy="21380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47" name="Picture 46"/>
          <p:cNvPicPr>
            <a:picLocks noChangeAspect="1"/>
          </p:cNvPicPr>
          <p:nvPr userDrawn="1"/>
        </p:nvPicPr>
        <p:blipFill>
          <a:blip r:embed="rId2" cstate="email">
            <a:extLst>
              <a:ext uri="{28A0092B-C50C-407E-A947-70E740481C1C}">
                <a14:useLocalDpi xmlns:a14="http://schemas.microsoft.com/office/drawing/2010/main" val="0"/>
              </a:ext>
            </a:extLst>
          </a:blip>
          <a:stretch>
            <a:fillRect/>
          </a:stretch>
        </p:blipFill>
        <p:spPr>
          <a:xfrm>
            <a:off x="7915259" y="6747906"/>
            <a:ext cx="4445779" cy="2912752"/>
          </a:xfrm>
          <a:prstGeom prst="rect">
            <a:avLst/>
          </a:prstGeom>
        </p:spPr>
      </p:pic>
      <p:sp>
        <p:nvSpPr>
          <p:cNvPr id="48" name="Text Placeholder 35"/>
          <p:cNvSpPr>
            <a:spLocks noGrp="1"/>
          </p:cNvSpPr>
          <p:nvPr>
            <p:ph type="body" sz="quarter" idx="15"/>
          </p:nvPr>
        </p:nvSpPr>
        <p:spPr>
          <a:xfrm>
            <a:off x="8575111" y="7652609"/>
            <a:ext cx="3143884" cy="1200150"/>
          </a:xfrm>
        </p:spPr>
        <p:txBody>
          <a:bodyPr>
            <a:normAutofit/>
          </a:bodyPr>
          <a:lstStyle>
            <a:lvl1pPr marL="0" indent="0" algn="ctr">
              <a:buFontTx/>
              <a:buNone/>
              <a:defRPr sz="3200" b="1">
                <a:solidFill>
                  <a:schemeClr val="bg2"/>
                </a:solidFill>
              </a:defRPr>
            </a:lvl1pPr>
            <a:lvl5pPr marL="1828800" indent="0">
              <a:buNone/>
              <a:defRPr/>
            </a:lvl5pPr>
          </a:lstStyle>
          <a:p>
            <a:pPr lvl="0"/>
            <a:r>
              <a:rPr lang="en-US" dirty="0"/>
              <a:t>Edit Master text</a:t>
            </a:r>
            <a:endParaRPr lang="en-GB" dirty="0"/>
          </a:p>
        </p:txBody>
      </p:sp>
      <p:sp>
        <p:nvSpPr>
          <p:cNvPr id="22" name="Title 4"/>
          <p:cNvSpPr>
            <a:spLocks noGrp="1"/>
          </p:cNvSpPr>
          <p:nvPr>
            <p:ph type="title"/>
          </p:nvPr>
        </p:nvSpPr>
        <p:spPr>
          <a:xfrm>
            <a:off x="842674" y="794960"/>
            <a:ext cx="17793001" cy="984304"/>
          </a:xfrm>
          <a:prstGeom prst="rect">
            <a:avLst/>
          </a:prstGeom>
        </p:spPr>
        <p:txBody>
          <a:bodyPr anchor="t" anchorCtr="0"/>
          <a:lstStyle>
            <a:lvl1pPr>
              <a:defRPr sz="4800">
                <a:solidFill>
                  <a:srgbClr val="114B5F"/>
                </a:solidFill>
              </a:defRPr>
            </a:lvl1pPr>
          </a:lstStyle>
          <a:p>
            <a:r>
              <a:rPr lang="en-US" dirty="0"/>
              <a:t>Click to edit Master title style</a:t>
            </a:r>
            <a:endParaRPr lang="en-GB" dirty="0"/>
          </a:p>
        </p:txBody>
      </p:sp>
    </p:spTree>
    <p:extLst>
      <p:ext uri="{BB962C8B-B14F-4D97-AF65-F5344CB8AC3E}">
        <p14:creationId xmlns:p14="http://schemas.microsoft.com/office/powerpoint/2010/main" val="175853228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Simple-layout-3">
    <p:spTree>
      <p:nvGrpSpPr>
        <p:cNvPr id="1" name=""/>
        <p:cNvGrpSpPr/>
        <p:nvPr/>
      </p:nvGrpSpPr>
      <p:grpSpPr>
        <a:xfrm>
          <a:off x="0" y="0"/>
          <a:ext cx="0" cy="0"/>
          <a:chOff x="0" y="0"/>
          <a:chExt cx="0" cy="0"/>
        </a:xfrm>
      </p:grpSpPr>
      <p:sp>
        <p:nvSpPr>
          <p:cNvPr id="23" name="Text Placeholder 8"/>
          <p:cNvSpPr>
            <a:spLocks noGrp="1"/>
          </p:cNvSpPr>
          <p:nvPr>
            <p:ph type="body" sz="quarter" idx="10"/>
          </p:nvPr>
        </p:nvSpPr>
        <p:spPr>
          <a:xfrm>
            <a:off x="842674" y="3271875"/>
            <a:ext cx="18718314" cy="5502275"/>
          </a:xfrm>
          <a:prstGeom prst="rect">
            <a:avLst/>
          </a:prstGeom>
        </p:spPr>
        <p:txBody>
          <a:bodyPr>
            <a:noAutofit/>
          </a:bodyPr>
          <a:lstStyle>
            <a:lvl1pPr marL="342896" indent="-342896">
              <a:buClr>
                <a:srgbClr val="F76C6C"/>
              </a:buClr>
              <a:buFont typeface="Wingdings" panose="05000000000000000000" pitchFamily="2" charset="2"/>
              <a:buChar char="§"/>
              <a:defRPr sz="3200">
                <a:solidFill>
                  <a:srgbClr val="54565A"/>
                </a:solidFill>
              </a:defRPr>
            </a:lvl1pPr>
          </a:lstStyle>
          <a:p>
            <a:pPr lvl="0"/>
            <a:r>
              <a:rPr lang="en-US" dirty="0"/>
              <a:t>Edit Master text styles</a:t>
            </a:r>
          </a:p>
        </p:txBody>
      </p:sp>
      <p:sp>
        <p:nvSpPr>
          <p:cNvPr id="24" name="Text Placeholder 10"/>
          <p:cNvSpPr>
            <a:spLocks noGrp="1"/>
          </p:cNvSpPr>
          <p:nvPr>
            <p:ph type="body" sz="quarter" idx="11"/>
          </p:nvPr>
        </p:nvSpPr>
        <p:spPr>
          <a:xfrm>
            <a:off x="842671" y="2230015"/>
            <a:ext cx="18718317" cy="1044575"/>
          </a:xfrm>
          <a:prstGeom prst="rect">
            <a:avLst/>
          </a:prstGeom>
        </p:spPr>
        <p:txBody>
          <a:bodyPr>
            <a:noAutofit/>
          </a:bodyPr>
          <a:lstStyle>
            <a:lvl1pPr marL="0" indent="0">
              <a:buFontTx/>
              <a:buNone/>
              <a:defRPr sz="3200" b="1">
                <a:solidFill>
                  <a:srgbClr val="F76C6C"/>
                </a:solidFill>
              </a:defRPr>
            </a:lvl1pPr>
            <a:lvl2pPr marL="685793" indent="0">
              <a:buFontTx/>
              <a:buNone/>
              <a:defRPr sz="2800" b="1">
                <a:solidFill>
                  <a:srgbClr val="F76C6C"/>
                </a:solidFill>
              </a:defRPr>
            </a:lvl2pPr>
            <a:lvl3pPr marL="1371587" indent="0">
              <a:buFontTx/>
              <a:buNone/>
              <a:defRPr sz="2800" b="1">
                <a:solidFill>
                  <a:srgbClr val="F76C6C"/>
                </a:solidFill>
              </a:defRPr>
            </a:lvl3pPr>
            <a:lvl4pPr marL="2057379" indent="0">
              <a:buFontTx/>
              <a:buNone/>
              <a:defRPr sz="2800" b="1">
                <a:solidFill>
                  <a:srgbClr val="F76C6C"/>
                </a:solidFill>
              </a:defRPr>
            </a:lvl4pPr>
            <a:lvl5pPr marL="2743173" indent="0">
              <a:buFontTx/>
              <a:buNone/>
              <a:defRPr sz="2800" b="1">
                <a:solidFill>
                  <a:srgbClr val="F76C6C"/>
                </a:solidFill>
              </a:defRPr>
            </a:lvl5pPr>
          </a:lstStyle>
          <a:p>
            <a:pPr lvl="0"/>
            <a:r>
              <a:rPr lang="en-US" dirty="0"/>
              <a:t>Edit Master text styles</a:t>
            </a:r>
          </a:p>
        </p:txBody>
      </p:sp>
      <p:cxnSp>
        <p:nvCxnSpPr>
          <p:cNvPr id="9" name="Straight Connector 8"/>
          <p:cNvCxnSpPr/>
          <p:nvPr userDrawn="1"/>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sp>
        <p:nvSpPr>
          <p:cNvPr id="7" name="Title 4"/>
          <p:cNvSpPr>
            <a:spLocks noGrp="1"/>
          </p:cNvSpPr>
          <p:nvPr>
            <p:ph type="title"/>
          </p:nvPr>
        </p:nvSpPr>
        <p:spPr>
          <a:xfrm>
            <a:off x="842674" y="794960"/>
            <a:ext cx="17793001" cy="984304"/>
          </a:xfrm>
          <a:prstGeom prst="rect">
            <a:avLst/>
          </a:prstGeom>
        </p:spPr>
        <p:txBody>
          <a:bodyPr anchor="t" anchorCtr="0"/>
          <a:lstStyle>
            <a:lvl1pPr>
              <a:defRPr sz="4800">
                <a:solidFill>
                  <a:srgbClr val="114B5F"/>
                </a:solidFill>
              </a:defRPr>
            </a:lvl1pPr>
          </a:lstStyle>
          <a:p>
            <a:r>
              <a:rPr lang="en-US" dirty="0"/>
              <a:t>Click to edit Master title style</a:t>
            </a:r>
            <a:endParaRPr lang="en-GB" dirty="0"/>
          </a:p>
        </p:txBody>
      </p:sp>
    </p:spTree>
    <p:extLst>
      <p:ext uri="{BB962C8B-B14F-4D97-AF65-F5344CB8AC3E}">
        <p14:creationId xmlns:p14="http://schemas.microsoft.com/office/powerpoint/2010/main" val="3904407513"/>
      </p:ext>
    </p:extLst>
  </p:cSld>
  <p:clrMapOvr>
    <a:masterClrMapping/>
  </p:clrMapOvr>
  <p:hf hdr="0" ftr="0" dt="0"/>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6" name="Picture Placeholder 15"/>
          <p:cNvSpPr>
            <a:spLocks noGrp="1"/>
          </p:cNvSpPr>
          <p:nvPr>
            <p:ph type="pic" sz="quarter" idx="10"/>
          </p:nvPr>
        </p:nvSpPr>
        <p:spPr>
          <a:xfrm>
            <a:off x="842674" y="3580673"/>
            <a:ext cx="1620000" cy="1620000"/>
          </a:xfrm>
          <a:prstGeom prst="ellipse">
            <a:avLst/>
          </a:prstGeom>
          <a:noFill/>
        </p:spPr>
        <p:txBody>
          <a:bodyPr/>
          <a:lstStyle>
            <a:lvl1pPr marL="0" indent="0">
              <a:buFontTx/>
              <a:buNone/>
              <a:defRPr sz="1200"/>
            </a:lvl1pPr>
          </a:lstStyle>
          <a:p>
            <a:r>
              <a:rPr lang="en-US" dirty="0"/>
              <a:t>Click icon to add picture</a:t>
            </a:r>
            <a:endParaRPr lang="en-GB" dirty="0"/>
          </a:p>
        </p:txBody>
      </p:sp>
      <p:sp>
        <p:nvSpPr>
          <p:cNvPr id="27" name="Text Placeholder 17"/>
          <p:cNvSpPr>
            <a:spLocks noGrp="1"/>
          </p:cNvSpPr>
          <p:nvPr>
            <p:ph type="body" sz="quarter" idx="11" hasCustomPrompt="1"/>
          </p:nvPr>
        </p:nvSpPr>
        <p:spPr>
          <a:xfrm>
            <a:off x="2704237" y="3294946"/>
            <a:ext cx="4450943" cy="2191454"/>
          </a:xfrm>
          <a:prstGeom prst="rect">
            <a:avLst/>
          </a:prstGeom>
        </p:spPr>
        <p:txBody>
          <a:bodyPr anchor="ctr" anchorCtr="0">
            <a:normAutofit/>
          </a:bodyPr>
          <a:lstStyle>
            <a:lvl1pPr marL="0" indent="0">
              <a:spcBef>
                <a:spcPts val="0"/>
              </a:spcBef>
              <a:spcAft>
                <a:spcPts val="0"/>
              </a:spcAft>
              <a:buNone/>
              <a:defRPr sz="3200">
                <a:solidFill>
                  <a:schemeClr val="accent5"/>
                </a:solidFill>
              </a:defRPr>
            </a:lvl1pPr>
            <a:lvl2pPr marL="457200" indent="0">
              <a:buNone/>
              <a:defRPr/>
            </a:lvl2pPr>
            <a:lvl3pPr marL="914400" indent="0">
              <a:buNone/>
              <a:defRPr/>
            </a:lvl3pPr>
          </a:lstStyle>
          <a:p>
            <a:pPr lvl="0"/>
            <a:r>
              <a:rPr lang="en-US" dirty="0"/>
              <a:t>Click to edit Name</a:t>
            </a:r>
            <a:br>
              <a:rPr lang="en-US" dirty="0"/>
            </a:br>
            <a:r>
              <a:rPr lang="en-US" dirty="0"/>
              <a:t>Title </a:t>
            </a:r>
            <a:br>
              <a:rPr lang="en-US" dirty="0"/>
            </a:br>
            <a:r>
              <a:rPr lang="en-US" dirty="0"/>
              <a:t>T: 01204 </a:t>
            </a:r>
            <a:r>
              <a:rPr lang="en-US" dirty="0" err="1"/>
              <a:t>xxxxxxx</a:t>
            </a:r>
            <a:r>
              <a:rPr lang="en-US" dirty="0"/>
              <a:t/>
            </a:r>
            <a:br>
              <a:rPr lang="en-US" dirty="0"/>
            </a:br>
            <a:r>
              <a:rPr lang="en-US" dirty="0"/>
              <a:t>E: name@keoghs.co.uk</a:t>
            </a:r>
            <a:endParaRPr lang="en-GB" dirty="0"/>
          </a:p>
        </p:txBody>
      </p:sp>
      <p:sp>
        <p:nvSpPr>
          <p:cNvPr id="44" name="TextBox 43"/>
          <p:cNvSpPr txBox="1"/>
          <p:nvPr userDrawn="1"/>
        </p:nvSpPr>
        <p:spPr>
          <a:xfrm>
            <a:off x="842674" y="2291830"/>
            <a:ext cx="12256106" cy="707886"/>
          </a:xfrm>
          <a:prstGeom prst="rect">
            <a:avLst/>
          </a:prstGeom>
          <a:noFill/>
        </p:spPr>
        <p:txBody>
          <a:bodyPr wrap="square" rtlCol="0">
            <a:spAutoFit/>
          </a:bodyPr>
          <a:lstStyle/>
          <a:p>
            <a:pPr marL="0" lvl="0" indent="0">
              <a:buFontTx/>
              <a:buNone/>
            </a:pPr>
            <a:r>
              <a:rPr lang="en-US" sz="4000" b="1" dirty="0">
                <a:solidFill>
                  <a:schemeClr val="bg2"/>
                </a:solidFill>
              </a:rPr>
              <a:t>For more information please contact: </a:t>
            </a:r>
          </a:p>
        </p:txBody>
      </p:sp>
      <p:cxnSp>
        <p:nvCxnSpPr>
          <p:cNvPr id="51" name="Straight Connector 50"/>
          <p:cNvCxnSpPr/>
          <p:nvPr userDrawn="1"/>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sp>
        <p:nvSpPr>
          <p:cNvPr id="54" name="Picture Placeholder 15"/>
          <p:cNvSpPr>
            <a:spLocks noGrp="1"/>
          </p:cNvSpPr>
          <p:nvPr>
            <p:ph type="pic" sz="quarter" idx="12"/>
          </p:nvPr>
        </p:nvSpPr>
        <p:spPr>
          <a:xfrm>
            <a:off x="842674" y="5987370"/>
            <a:ext cx="1620000" cy="1620000"/>
          </a:xfrm>
          <a:prstGeom prst="ellipse">
            <a:avLst/>
          </a:prstGeom>
          <a:noFill/>
        </p:spPr>
        <p:txBody>
          <a:bodyPr/>
          <a:lstStyle>
            <a:lvl1pPr marL="0" indent="0">
              <a:buFontTx/>
              <a:buNone/>
              <a:defRPr sz="1200"/>
            </a:lvl1pPr>
          </a:lstStyle>
          <a:p>
            <a:r>
              <a:rPr lang="en-US" dirty="0"/>
              <a:t>Click icon to add picture</a:t>
            </a:r>
            <a:endParaRPr lang="en-GB" dirty="0"/>
          </a:p>
        </p:txBody>
      </p:sp>
      <p:sp>
        <p:nvSpPr>
          <p:cNvPr id="55" name="Picture Placeholder 15"/>
          <p:cNvSpPr>
            <a:spLocks noGrp="1"/>
          </p:cNvSpPr>
          <p:nvPr>
            <p:ph type="pic" sz="quarter" idx="13"/>
          </p:nvPr>
        </p:nvSpPr>
        <p:spPr>
          <a:xfrm>
            <a:off x="842674" y="8364810"/>
            <a:ext cx="1620000" cy="1620000"/>
          </a:xfrm>
          <a:prstGeom prst="ellipse">
            <a:avLst/>
          </a:prstGeom>
          <a:noFill/>
        </p:spPr>
        <p:txBody>
          <a:bodyPr/>
          <a:lstStyle>
            <a:lvl1pPr marL="0" indent="0">
              <a:buFontTx/>
              <a:buNone/>
              <a:defRPr sz="1200"/>
            </a:lvl1pPr>
          </a:lstStyle>
          <a:p>
            <a:r>
              <a:rPr lang="en-US" dirty="0"/>
              <a:t>Click icon to add picture</a:t>
            </a:r>
            <a:endParaRPr lang="en-GB" dirty="0"/>
          </a:p>
        </p:txBody>
      </p:sp>
      <p:sp>
        <p:nvSpPr>
          <p:cNvPr id="56" name="Text Placeholder 17"/>
          <p:cNvSpPr>
            <a:spLocks noGrp="1"/>
          </p:cNvSpPr>
          <p:nvPr>
            <p:ph type="body" sz="quarter" idx="14" hasCustomPrompt="1"/>
          </p:nvPr>
        </p:nvSpPr>
        <p:spPr>
          <a:xfrm>
            <a:off x="2704237" y="5701643"/>
            <a:ext cx="4450943" cy="2191454"/>
          </a:xfrm>
          <a:prstGeom prst="rect">
            <a:avLst/>
          </a:prstGeom>
        </p:spPr>
        <p:txBody>
          <a:bodyPr anchor="ctr" anchorCtr="0">
            <a:normAutofit/>
          </a:bodyPr>
          <a:lstStyle>
            <a:lvl1pPr marL="0" indent="0">
              <a:spcBef>
                <a:spcPts val="0"/>
              </a:spcBef>
              <a:spcAft>
                <a:spcPts val="0"/>
              </a:spcAft>
              <a:buNone/>
              <a:defRPr sz="3200">
                <a:solidFill>
                  <a:schemeClr val="accent5"/>
                </a:solidFill>
              </a:defRPr>
            </a:lvl1pPr>
            <a:lvl2pPr marL="457200" indent="0">
              <a:buNone/>
              <a:defRPr/>
            </a:lvl2pPr>
            <a:lvl3pPr marL="914400" indent="0">
              <a:buNone/>
              <a:defRPr/>
            </a:lvl3pPr>
          </a:lstStyle>
          <a:p>
            <a:pPr lvl="0"/>
            <a:r>
              <a:rPr lang="en-US" dirty="0"/>
              <a:t>Click to edit Name</a:t>
            </a:r>
            <a:br>
              <a:rPr lang="en-US" dirty="0"/>
            </a:br>
            <a:r>
              <a:rPr lang="en-US" dirty="0"/>
              <a:t>Title </a:t>
            </a:r>
            <a:br>
              <a:rPr lang="en-US" dirty="0"/>
            </a:br>
            <a:r>
              <a:rPr lang="en-US" dirty="0"/>
              <a:t>T: 01204 </a:t>
            </a:r>
            <a:r>
              <a:rPr lang="en-US" dirty="0" err="1"/>
              <a:t>xxxxxxx</a:t>
            </a:r>
            <a:r>
              <a:rPr lang="en-US" dirty="0"/>
              <a:t/>
            </a:r>
            <a:br>
              <a:rPr lang="en-US" dirty="0"/>
            </a:br>
            <a:r>
              <a:rPr lang="en-US" dirty="0"/>
              <a:t>E: name@keoghs.co.uk</a:t>
            </a:r>
            <a:endParaRPr lang="en-GB" dirty="0"/>
          </a:p>
        </p:txBody>
      </p:sp>
      <p:sp>
        <p:nvSpPr>
          <p:cNvPr id="57" name="Text Placeholder 17"/>
          <p:cNvSpPr>
            <a:spLocks noGrp="1"/>
          </p:cNvSpPr>
          <p:nvPr>
            <p:ph type="body" sz="quarter" idx="15" hasCustomPrompt="1"/>
          </p:nvPr>
        </p:nvSpPr>
        <p:spPr>
          <a:xfrm>
            <a:off x="2704237" y="8079083"/>
            <a:ext cx="4450943" cy="2191454"/>
          </a:xfrm>
          <a:prstGeom prst="rect">
            <a:avLst/>
          </a:prstGeom>
        </p:spPr>
        <p:txBody>
          <a:bodyPr anchor="ctr" anchorCtr="0">
            <a:normAutofit/>
          </a:bodyPr>
          <a:lstStyle>
            <a:lvl1pPr marL="0" indent="0">
              <a:spcBef>
                <a:spcPts val="0"/>
              </a:spcBef>
              <a:spcAft>
                <a:spcPts val="0"/>
              </a:spcAft>
              <a:buNone/>
              <a:defRPr sz="3200">
                <a:solidFill>
                  <a:schemeClr val="accent5"/>
                </a:solidFill>
              </a:defRPr>
            </a:lvl1pPr>
            <a:lvl2pPr marL="457200" indent="0">
              <a:buNone/>
              <a:defRPr/>
            </a:lvl2pPr>
            <a:lvl3pPr marL="914400" indent="0">
              <a:buNone/>
              <a:defRPr/>
            </a:lvl3pPr>
          </a:lstStyle>
          <a:p>
            <a:pPr lvl="0"/>
            <a:r>
              <a:rPr lang="en-US" dirty="0"/>
              <a:t>Click to edit Name</a:t>
            </a:r>
            <a:br>
              <a:rPr lang="en-US" dirty="0"/>
            </a:br>
            <a:r>
              <a:rPr lang="en-US" dirty="0"/>
              <a:t>Title </a:t>
            </a:r>
            <a:br>
              <a:rPr lang="en-US" dirty="0"/>
            </a:br>
            <a:r>
              <a:rPr lang="en-US" dirty="0"/>
              <a:t>T: 01204 </a:t>
            </a:r>
            <a:r>
              <a:rPr lang="en-US" dirty="0" err="1"/>
              <a:t>xxxxxxx</a:t>
            </a:r>
            <a:r>
              <a:rPr lang="en-US" dirty="0"/>
              <a:t/>
            </a:r>
            <a:br>
              <a:rPr lang="en-US" dirty="0"/>
            </a:br>
            <a:r>
              <a:rPr lang="en-US" dirty="0"/>
              <a:t>E: name@keoghs.co.uk</a:t>
            </a:r>
            <a:endParaRPr lang="en-GB" dirty="0"/>
          </a:p>
        </p:txBody>
      </p:sp>
      <p:sp>
        <p:nvSpPr>
          <p:cNvPr id="58" name="Picture Placeholder 15"/>
          <p:cNvSpPr>
            <a:spLocks noGrp="1"/>
          </p:cNvSpPr>
          <p:nvPr>
            <p:ph type="pic" sz="quarter" idx="16"/>
          </p:nvPr>
        </p:nvSpPr>
        <p:spPr>
          <a:xfrm>
            <a:off x="7807354" y="3580673"/>
            <a:ext cx="1620000" cy="1620000"/>
          </a:xfrm>
          <a:prstGeom prst="ellipse">
            <a:avLst/>
          </a:prstGeom>
          <a:noFill/>
        </p:spPr>
        <p:txBody>
          <a:bodyPr/>
          <a:lstStyle>
            <a:lvl1pPr marL="0" indent="0">
              <a:buFontTx/>
              <a:buNone/>
              <a:defRPr sz="1200"/>
            </a:lvl1pPr>
          </a:lstStyle>
          <a:p>
            <a:r>
              <a:rPr lang="en-US" dirty="0"/>
              <a:t>Click icon to add picture</a:t>
            </a:r>
            <a:endParaRPr lang="en-GB" dirty="0"/>
          </a:p>
        </p:txBody>
      </p:sp>
      <p:sp>
        <p:nvSpPr>
          <p:cNvPr id="59" name="Picture Placeholder 15"/>
          <p:cNvSpPr>
            <a:spLocks noGrp="1"/>
          </p:cNvSpPr>
          <p:nvPr>
            <p:ph type="pic" sz="quarter" idx="17"/>
          </p:nvPr>
        </p:nvSpPr>
        <p:spPr>
          <a:xfrm>
            <a:off x="7807354" y="5987370"/>
            <a:ext cx="1620000" cy="1620000"/>
          </a:xfrm>
          <a:prstGeom prst="ellipse">
            <a:avLst/>
          </a:prstGeom>
          <a:noFill/>
        </p:spPr>
        <p:txBody>
          <a:bodyPr/>
          <a:lstStyle>
            <a:lvl1pPr marL="0" indent="0">
              <a:buFontTx/>
              <a:buNone/>
              <a:defRPr sz="1200"/>
            </a:lvl1pPr>
          </a:lstStyle>
          <a:p>
            <a:r>
              <a:rPr lang="en-US" dirty="0"/>
              <a:t>Click icon to add picture</a:t>
            </a:r>
            <a:endParaRPr lang="en-GB" dirty="0"/>
          </a:p>
        </p:txBody>
      </p:sp>
      <p:sp>
        <p:nvSpPr>
          <p:cNvPr id="60" name="Picture Placeholder 15"/>
          <p:cNvSpPr>
            <a:spLocks noGrp="1"/>
          </p:cNvSpPr>
          <p:nvPr>
            <p:ph type="pic" sz="quarter" idx="18"/>
          </p:nvPr>
        </p:nvSpPr>
        <p:spPr>
          <a:xfrm>
            <a:off x="7807354" y="8364810"/>
            <a:ext cx="1620000" cy="1620000"/>
          </a:xfrm>
          <a:prstGeom prst="ellipse">
            <a:avLst/>
          </a:prstGeom>
          <a:noFill/>
        </p:spPr>
        <p:txBody>
          <a:bodyPr/>
          <a:lstStyle>
            <a:lvl1pPr marL="0" indent="0">
              <a:buFontTx/>
              <a:buNone/>
              <a:defRPr sz="1200"/>
            </a:lvl1pPr>
          </a:lstStyle>
          <a:p>
            <a:r>
              <a:rPr lang="en-US" dirty="0"/>
              <a:t>Click icon to add picture</a:t>
            </a:r>
            <a:endParaRPr lang="en-GB" dirty="0"/>
          </a:p>
        </p:txBody>
      </p:sp>
      <p:sp>
        <p:nvSpPr>
          <p:cNvPr id="61" name="Text Placeholder 17"/>
          <p:cNvSpPr>
            <a:spLocks noGrp="1"/>
          </p:cNvSpPr>
          <p:nvPr>
            <p:ph type="body" sz="quarter" idx="19" hasCustomPrompt="1"/>
          </p:nvPr>
        </p:nvSpPr>
        <p:spPr>
          <a:xfrm>
            <a:off x="9714637" y="3294946"/>
            <a:ext cx="4450943" cy="2191454"/>
          </a:xfrm>
          <a:prstGeom prst="rect">
            <a:avLst/>
          </a:prstGeom>
        </p:spPr>
        <p:txBody>
          <a:bodyPr anchor="ctr" anchorCtr="0">
            <a:normAutofit/>
          </a:bodyPr>
          <a:lstStyle>
            <a:lvl1pPr marL="0" indent="0">
              <a:spcBef>
                <a:spcPts val="0"/>
              </a:spcBef>
              <a:spcAft>
                <a:spcPts val="0"/>
              </a:spcAft>
              <a:buNone/>
              <a:defRPr sz="3200">
                <a:solidFill>
                  <a:schemeClr val="accent5"/>
                </a:solidFill>
              </a:defRPr>
            </a:lvl1pPr>
            <a:lvl2pPr marL="457200" indent="0">
              <a:buNone/>
              <a:defRPr/>
            </a:lvl2pPr>
            <a:lvl3pPr marL="914400" indent="0">
              <a:buNone/>
              <a:defRPr/>
            </a:lvl3pPr>
          </a:lstStyle>
          <a:p>
            <a:pPr lvl="0"/>
            <a:r>
              <a:rPr lang="en-US" dirty="0"/>
              <a:t>Click to edit Name</a:t>
            </a:r>
            <a:br>
              <a:rPr lang="en-US" dirty="0"/>
            </a:br>
            <a:r>
              <a:rPr lang="en-US" dirty="0"/>
              <a:t>Title </a:t>
            </a:r>
            <a:br>
              <a:rPr lang="en-US" dirty="0"/>
            </a:br>
            <a:r>
              <a:rPr lang="en-US" dirty="0"/>
              <a:t>T: 01204 </a:t>
            </a:r>
            <a:r>
              <a:rPr lang="en-US" dirty="0" err="1"/>
              <a:t>xxxxxxx</a:t>
            </a:r>
            <a:r>
              <a:rPr lang="en-US" dirty="0"/>
              <a:t/>
            </a:r>
            <a:br>
              <a:rPr lang="en-US" dirty="0"/>
            </a:br>
            <a:r>
              <a:rPr lang="en-US" dirty="0"/>
              <a:t>E: name@keoghs.co.uk</a:t>
            </a:r>
            <a:endParaRPr lang="en-GB" dirty="0"/>
          </a:p>
        </p:txBody>
      </p:sp>
      <p:sp>
        <p:nvSpPr>
          <p:cNvPr id="62" name="Text Placeholder 17"/>
          <p:cNvSpPr>
            <a:spLocks noGrp="1"/>
          </p:cNvSpPr>
          <p:nvPr>
            <p:ph type="body" sz="quarter" idx="20" hasCustomPrompt="1"/>
          </p:nvPr>
        </p:nvSpPr>
        <p:spPr>
          <a:xfrm>
            <a:off x="9714637" y="5701643"/>
            <a:ext cx="4450943" cy="2191454"/>
          </a:xfrm>
          <a:prstGeom prst="rect">
            <a:avLst/>
          </a:prstGeom>
        </p:spPr>
        <p:txBody>
          <a:bodyPr anchor="ctr" anchorCtr="0">
            <a:normAutofit/>
          </a:bodyPr>
          <a:lstStyle>
            <a:lvl1pPr marL="0" indent="0">
              <a:spcBef>
                <a:spcPts val="0"/>
              </a:spcBef>
              <a:spcAft>
                <a:spcPts val="0"/>
              </a:spcAft>
              <a:buNone/>
              <a:defRPr sz="3200">
                <a:solidFill>
                  <a:schemeClr val="accent5"/>
                </a:solidFill>
              </a:defRPr>
            </a:lvl1pPr>
            <a:lvl2pPr marL="457200" indent="0">
              <a:buNone/>
              <a:defRPr/>
            </a:lvl2pPr>
            <a:lvl3pPr marL="914400" indent="0">
              <a:buNone/>
              <a:defRPr/>
            </a:lvl3pPr>
          </a:lstStyle>
          <a:p>
            <a:pPr lvl="0"/>
            <a:r>
              <a:rPr lang="en-US" dirty="0"/>
              <a:t>Click to edit Name</a:t>
            </a:r>
            <a:br>
              <a:rPr lang="en-US" dirty="0"/>
            </a:br>
            <a:r>
              <a:rPr lang="en-US" dirty="0"/>
              <a:t>Title </a:t>
            </a:r>
            <a:br>
              <a:rPr lang="en-US" dirty="0"/>
            </a:br>
            <a:r>
              <a:rPr lang="en-US" dirty="0"/>
              <a:t>T: 01204 </a:t>
            </a:r>
            <a:r>
              <a:rPr lang="en-US" dirty="0" err="1"/>
              <a:t>xxxxxxx</a:t>
            </a:r>
            <a:r>
              <a:rPr lang="en-US" dirty="0"/>
              <a:t/>
            </a:r>
            <a:br>
              <a:rPr lang="en-US" dirty="0"/>
            </a:br>
            <a:r>
              <a:rPr lang="en-US" dirty="0"/>
              <a:t>E: name@keoghs.co.uk</a:t>
            </a:r>
            <a:endParaRPr lang="en-GB" dirty="0"/>
          </a:p>
        </p:txBody>
      </p:sp>
      <p:sp>
        <p:nvSpPr>
          <p:cNvPr id="63" name="Text Placeholder 17"/>
          <p:cNvSpPr>
            <a:spLocks noGrp="1"/>
          </p:cNvSpPr>
          <p:nvPr>
            <p:ph type="body" sz="quarter" idx="21" hasCustomPrompt="1"/>
          </p:nvPr>
        </p:nvSpPr>
        <p:spPr>
          <a:xfrm>
            <a:off x="9714637" y="8079083"/>
            <a:ext cx="4450943" cy="2191454"/>
          </a:xfrm>
          <a:prstGeom prst="rect">
            <a:avLst/>
          </a:prstGeom>
        </p:spPr>
        <p:txBody>
          <a:bodyPr anchor="ctr" anchorCtr="0">
            <a:normAutofit/>
          </a:bodyPr>
          <a:lstStyle>
            <a:lvl1pPr marL="0" indent="0">
              <a:spcBef>
                <a:spcPts val="0"/>
              </a:spcBef>
              <a:spcAft>
                <a:spcPts val="0"/>
              </a:spcAft>
              <a:buNone/>
              <a:defRPr sz="3200">
                <a:solidFill>
                  <a:schemeClr val="accent5"/>
                </a:solidFill>
              </a:defRPr>
            </a:lvl1pPr>
            <a:lvl2pPr marL="457200" indent="0">
              <a:buNone/>
              <a:defRPr/>
            </a:lvl2pPr>
            <a:lvl3pPr marL="914400" indent="0">
              <a:buNone/>
              <a:defRPr/>
            </a:lvl3pPr>
          </a:lstStyle>
          <a:p>
            <a:pPr lvl="0"/>
            <a:r>
              <a:rPr lang="en-US" dirty="0"/>
              <a:t>Click to edit Name</a:t>
            </a:r>
            <a:br>
              <a:rPr lang="en-US" dirty="0"/>
            </a:br>
            <a:r>
              <a:rPr lang="en-US" dirty="0"/>
              <a:t>Title </a:t>
            </a:r>
            <a:br>
              <a:rPr lang="en-US" dirty="0"/>
            </a:br>
            <a:r>
              <a:rPr lang="en-US" dirty="0"/>
              <a:t>T: 01204 </a:t>
            </a:r>
            <a:r>
              <a:rPr lang="en-US" dirty="0" err="1"/>
              <a:t>xxxxxxx</a:t>
            </a:r>
            <a:r>
              <a:rPr lang="en-US" dirty="0"/>
              <a:t/>
            </a:r>
            <a:br>
              <a:rPr lang="en-US" dirty="0"/>
            </a:br>
            <a:r>
              <a:rPr lang="en-US" dirty="0"/>
              <a:t>E: name@keoghs.co.uk</a:t>
            </a:r>
            <a:endParaRPr lang="en-GB" dirty="0"/>
          </a:p>
        </p:txBody>
      </p:sp>
      <p:sp>
        <p:nvSpPr>
          <p:cNvPr id="18" name="Title 4"/>
          <p:cNvSpPr>
            <a:spLocks noGrp="1"/>
          </p:cNvSpPr>
          <p:nvPr>
            <p:ph type="title"/>
          </p:nvPr>
        </p:nvSpPr>
        <p:spPr>
          <a:xfrm>
            <a:off x="842674" y="794960"/>
            <a:ext cx="17793001" cy="984304"/>
          </a:xfrm>
          <a:prstGeom prst="rect">
            <a:avLst/>
          </a:prstGeom>
        </p:spPr>
        <p:txBody>
          <a:bodyPr anchor="t" anchorCtr="0"/>
          <a:lstStyle>
            <a:lvl1pPr>
              <a:defRPr sz="4800">
                <a:solidFill>
                  <a:srgbClr val="114B5F"/>
                </a:solidFill>
              </a:defRPr>
            </a:lvl1pPr>
          </a:lstStyle>
          <a:p>
            <a:r>
              <a:rPr lang="en-US" dirty="0"/>
              <a:t>Click to edit Master title style</a:t>
            </a:r>
            <a:endParaRPr lang="en-GB" dirty="0"/>
          </a:p>
        </p:txBody>
      </p:sp>
      <p:pic>
        <p:nvPicPr>
          <p:cNvPr id="19" name="Picture 18"/>
          <p:cNvPicPr>
            <a:picLocks noChangeAspect="1"/>
          </p:cNvPicPr>
          <p:nvPr userDrawn="1"/>
        </p:nvPicPr>
        <p:blipFill>
          <a:blip r:embed="rId2" cstate="email">
            <a:extLst>
              <a:ext uri="{28A0092B-C50C-407E-A947-70E740481C1C}">
                <a14:useLocalDpi xmlns:a14="http://schemas.microsoft.com/office/drawing/2010/main" val="0"/>
              </a:ext>
            </a:extLst>
          </a:blip>
          <a:stretch>
            <a:fillRect/>
          </a:stretch>
        </p:blipFill>
        <p:spPr>
          <a:xfrm>
            <a:off x="17294937" y="748510"/>
            <a:ext cx="2354541" cy="766038"/>
          </a:xfrm>
          <a:prstGeom prst="rect">
            <a:avLst/>
          </a:prstGeom>
        </p:spPr>
      </p:pic>
      <p:pic>
        <p:nvPicPr>
          <p:cNvPr id="20" name="Picture 8"/>
          <p:cNvPicPr>
            <a:picLocks noChangeAspect="1"/>
          </p:cNvPicPr>
          <p:nvPr userDrawn="1"/>
        </p:nvPicPr>
        <p:blipFill rotWithShape="1">
          <a:blip r:embed="rId3" cstate="email">
            <a:extLst>
              <a:ext uri="{28A0092B-C50C-407E-A947-70E740481C1C}">
                <a14:useLocalDpi xmlns:a14="http://schemas.microsoft.com/office/drawing/2010/main" val="0"/>
              </a:ext>
            </a:extLst>
          </a:blip>
          <a:srcRect l="36418" r="56547" b="-9352"/>
          <a:stretch/>
        </p:blipFill>
        <p:spPr bwMode="auto">
          <a:xfrm>
            <a:off x="17004889" y="878090"/>
            <a:ext cx="290053" cy="66832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1" name="Picture 20"/>
          <p:cNvPicPr>
            <a:picLocks noChangeAspect="1"/>
          </p:cNvPicPr>
          <p:nvPr userDrawn="1"/>
        </p:nvPicPr>
        <p:blipFill>
          <a:blip r:embed="rId4" cstate="email">
            <a:extLst>
              <a:ext uri="{28A0092B-C50C-407E-A947-70E740481C1C}">
                <a14:useLocalDpi xmlns:a14="http://schemas.microsoft.com/office/drawing/2010/main" val="0"/>
              </a:ext>
            </a:extLst>
          </a:blip>
          <a:stretch>
            <a:fillRect/>
          </a:stretch>
        </p:blipFill>
        <p:spPr>
          <a:xfrm>
            <a:off x="15415166" y="974358"/>
            <a:ext cx="1444699" cy="314341"/>
          </a:xfrm>
          <a:prstGeom prst="rect">
            <a:avLst/>
          </a:prstGeom>
        </p:spPr>
      </p:pic>
    </p:spTree>
    <p:extLst>
      <p:ext uri="{BB962C8B-B14F-4D97-AF65-F5344CB8AC3E}">
        <p14:creationId xmlns:p14="http://schemas.microsoft.com/office/powerpoint/2010/main" val="3599074236"/>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cSld name="1_Title and Content">
    <p:bg>
      <p:bgPr>
        <a:solidFill>
          <a:schemeClr val="accent3"/>
        </a:solidFill>
        <a:effectLst/>
      </p:bgPr>
    </p:bg>
    <p:spTree>
      <p:nvGrpSpPr>
        <p:cNvPr id="1" name=""/>
        <p:cNvGrpSpPr/>
        <p:nvPr/>
      </p:nvGrpSpPr>
      <p:grpSpPr>
        <a:xfrm>
          <a:off x="0" y="0"/>
          <a:ext cx="0" cy="0"/>
          <a:chOff x="0" y="0"/>
          <a:chExt cx="0" cy="0"/>
        </a:xfrm>
      </p:grpSpPr>
      <p:sp>
        <p:nvSpPr>
          <p:cNvPr id="7" name="Title Placeholder 1"/>
          <p:cNvSpPr>
            <a:spLocks noGrp="1"/>
          </p:cNvSpPr>
          <p:nvPr>
            <p:ph type="title"/>
          </p:nvPr>
        </p:nvSpPr>
        <p:spPr>
          <a:xfrm>
            <a:off x="0" y="4610100"/>
            <a:ext cx="20320000" cy="2209800"/>
          </a:xfrm>
          <a:prstGeom prst="rect">
            <a:avLst/>
          </a:prstGeom>
        </p:spPr>
        <p:txBody>
          <a:bodyPr vert="horz" lIns="91440" tIns="45720" rIns="91440" bIns="45720" rtlCol="0" anchor="ctr">
            <a:normAutofit/>
          </a:bodyPr>
          <a:lstStyle>
            <a:lvl1pPr>
              <a:defRPr>
                <a:solidFill>
                  <a:schemeClr val="bg1"/>
                </a:solidFill>
              </a:defRPr>
            </a:lvl1pPr>
          </a:lstStyle>
          <a:p>
            <a:r>
              <a:rPr lang="en-US"/>
              <a:t>Click to edit Master title style</a:t>
            </a:r>
            <a:endParaRPr lang="en-GB" dirty="0"/>
          </a:p>
        </p:txBody>
      </p:sp>
    </p:spTree>
    <p:extLst>
      <p:ext uri="{BB962C8B-B14F-4D97-AF65-F5344CB8AC3E}">
        <p14:creationId xmlns:p14="http://schemas.microsoft.com/office/powerpoint/2010/main" val="4084135901"/>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userDrawn="1">
  <p:cSld name="1_Intro-1">
    <p:spTree>
      <p:nvGrpSpPr>
        <p:cNvPr id="1" name=""/>
        <p:cNvGrpSpPr/>
        <p:nvPr/>
      </p:nvGrpSpPr>
      <p:grpSpPr>
        <a:xfrm>
          <a:off x="0" y="0"/>
          <a:ext cx="0" cy="0"/>
          <a:chOff x="0" y="0"/>
          <a:chExt cx="0" cy="0"/>
        </a:xfrm>
      </p:grpSpPr>
      <p:pic>
        <p:nvPicPr>
          <p:cNvPr id="5" name="Comp 1">
            <a:hlinkClick r:id="" action="ppaction://media"/>
            <a:extLst>
              <a:ext uri="{FF2B5EF4-FFF2-40B4-BE49-F238E27FC236}">
                <a16:creationId xmlns:a16="http://schemas.microsoft.com/office/drawing/2014/main" id="{E07BA290-2B77-0938-7175-3BE025908545}"/>
              </a:ext>
            </a:extLst>
          </p:cNvPr>
          <p:cNvPicPr>
            <a:picLocks noChangeAspect="1"/>
          </p:cNvPicPr>
          <p:nvPr userDrawn="1">
            <a:videoFile r:link="rId2"/>
            <p:extLst>
              <p:ext uri="{DAA4B4D4-6D71-4841-9C94-3DE7FCFB9230}">
                <p14:media xmlns:p14="http://schemas.microsoft.com/office/powerpoint/2010/main" r:embed="rId1"/>
              </p:ext>
            </p:extLst>
          </p:nvPr>
        </p:nvPicPr>
        <p:blipFill>
          <a:blip r:embed="rId4"/>
          <a:stretch>
            <a:fillRect/>
          </a:stretch>
        </p:blipFill>
        <p:spPr>
          <a:xfrm>
            <a:off x="0" y="19049"/>
            <a:ext cx="20320000" cy="11430000"/>
          </a:xfrm>
          <a:prstGeom prst="rect">
            <a:avLst/>
          </a:prstGeom>
        </p:spPr>
      </p:pic>
      <p:sp>
        <p:nvSpPr>
          <p:cNvPr id="6" name="Rectangle 5">
            <a:extLst>
              <a:ext uri="{FF2B5EF4-FFF2-40B4-BE49-F238E27FC236}">
                <a16:creationId xmlns:a16="http://schemas.microsoft.com/office/drawing/2014/main" id="{41CB5E73-B5D3-D5D2-C4B4-35CE1A45ACCC}"/>
              </a:ext>
            </a:extLst>
          </p:cNvPr>
          <p:cNvSpPr/>
          <p:nvPr userDrawn="1"/>
        </p:nvSpPr>
        <p:spPr>
          <a:xfrm>
            <a:off x="1" y="0"/>
            <a:ext cx="20319999" cy="11449049"/>
          </a:xfrm>
          <a:prstGeom prst="rect">
            <a:avLst/>
          </a:prstGeom>
          <a:gradFill flip="none" rotWithShape="1">
            <a:gsLst>
              <a:gs pos="7000">
                <a:srgbClr val="114B5F"/>
              </a:gs>
              <a:gs pos="100000">
                <a:srgbClr val="F76C6C">
                  <a:alpha val="32000"/>
                </a:srgb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371532" eaLnBrk="1" fontAlgn="auto" hangingPunct="1">
              <a:spcBef>
                <a:spcPts val="0"/>
              </a:spcBef>
              <a:spcAft>
                <a:spcPts val="0"/>
              </a:spcAft>
              <a:defRPr/>
            </a:pPr>
            <a:endParaRPr lang="en-GB" sz="2700"/>
          </a:p>
        </p:txBody>
      </p:sp>
    </p:spTree>
    <p:extLst>
      <p:ext uri="{BB962C8B-B14F-4D97-AF65-F5344CB8AC3E}">
        <p14:creationId xmlns:p14="http://schemas.microsoft.com/office/powerpoint/2010/main" val="405711141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4999" fill="hold"/>
                                        <p:tgtEl>
                                          <p:spTgt spid="5"/>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repeatCount="indefinite" fill="hold" display="0">
                  <p:stCondLst>
                    <p:cond delay="indefinite"/>
                  </p:stCondLst>
                  <p:endCondLst>
                    <p:cond evt="onNext" delay="0">
                      <p:tgtEl>
                        <p:sldTgt/>
                      </p:tgtEl>
                    </p:cond>
                  </p:endCondLst>
                </p:cTn>
                <p:tgtEl>
                  <p:spTgt spid="5"/>
                </p:tgtEl>
              </p:cMediaNode>
            </p:video>
          </p:childTnLst>
        </p:cTn>
      </p:par>
    </p:tnLst>
  </p:timing>
</p:sldLayout>
</file>

<file path=ppt/slideLayouts/slideLayout73.xml><?xml version="1.0" encoding="utf-8"?>
<p:sldLayout xmlns:a="http://schemas.openxmlformats.org/drawingml/2006/main" xmlns:r="http://schemas.openxmlformats.org/officeDocument/2006/relationships" xmlns:p="http://schemas.openxmlformats.org/presentationml/2006/main" userDrawn="1">
  <p:cSld name="1_Title Slide">
    <p:bg>
      <p:bgPr>
        <a:solidFill>
          <a:schemeClr val="accent5"/>
        </a:solidFill>
        <a:effectLst/>
      </p:bgPr>
    </p:bg>
    <p:spTree>
      <p:nvGrpSpPr>
        <p:cNvPr id="1" name=""/>
        <p:cNvGrpSpPr/>
        <p:nvPr/>
      </p:nvGrpSpPr>
      <p:grpSpPr>
        <a:xfrm>
          <a:off x="0" y="0"/>
          <a:ext cx="0" cy="0"/>
          <a:chOff x="0" y="0"/>
          <a:chExt cx="0" cy="0"/>
        </a:xfrm>
      </p:grpSpPr>
      <p:cxnSp>
        <p:nvCxnSpPr>
          <p:cNvPr id="21" name="Straight Connector 20"/>
          <p:cNvCxnSpPr/>
          <p:nvPr userDrawn="1"/>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sp>
        <p:nvSpPr>
          <p:cNvPr id="35" name="Title 4"/>
          <p:cNvSpPr>
            <a:spLocks noGrp="1"/>
          </p:cNvSpPr>
          <p:nvPr>
            <p:ph type="title"/>
          </p:nvPr>
        </p:nvSpPr>
        <p:spPr>
          <a:xfrm>
            <a:off x="842674" y="794960"/>
            <a:ext cx="14413368" cy="984304"/>
          </a:xfrm>
          <a:prstGeom prst="rect">
            <a:avLst/>
          </a:prstGeom>
        </p:spPr>
        <p:txBody>
          <a:bodyPr anchor="t" anchorCtr="0"/>
          <a:lstStyle>
            <a:lvl1pPr>
              <a:defRPr sz="4800">
                <a:solidFill>
                  <a:schemeClr val="bg1"/>
                </a:solidFill>
              </a:defRPr>
            </a:lvl1pPr>
          </a:lstStyle>
          <a:p>
            <a:r>
              <a:rPr lang="en-US" dirty="0"/>
              <a:t>Click to edit Master title style</a:t>
            </a:r>
            <a:endParaRPr lang="en-GB" dirty="0"/>
          </a:p>
        </p:txBody>
      </p:sp>
    </p:spTree>
    <p:extLst>
      <p:ext uri="{BB962C8B-B14F-4D97-AF65-F5344CB8AC3E}">
        <p14:creationId xmlns:p14="http://schemas.microsoft.com/office/powerpoint/2010/main" val="2287339113"/>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p:cSld name="1_Section Header">
    <p:bg>
      <p:bgPr>
        <a:solidFill>
          <a:srgbClr val="5FC7C7"/>
        </a:solidFill>
        <a:effectLst/>
      </p:bgPr>
    </p:bg>
    <p:spTree>
      <p:nvGrpSpPr>
        <p:cNvPr id="1" name=""/>
        <p:cNvGrpSpPr/>
        <p:nvPr/>
      </p:nvGrpSpPr>
      <p:grpSpPr>
        <a:xfrm>
          <a:off x="0" y="0"/>
          <a:ext cx="0" cy="0"/>
          <a:chOff x="0" y="0"/>
          <a:chExt cx="0" cy="0"/>
        </a:xfrm>
      </p:grpSpPr>
      <p:sp>
        <p:nvSpPr>
          <p:cNvPr id="7" name="Title Placeholder 1"/>
          <p:cNvSpPr>
            <a:spLocks noGrp="1"/>
          </p:cNvSpPr>
          <p:nvPr>
            <p:ph type="title"/>
          </p:nvPr>
        </p:nvSpPr>
        <p:spPr>
          <a:xfrm>
            <a:off x="0" y="4610100"/>
            <a:ext cx="20320000" cy="2209800"/>
          </a:xfrm>
          <a:prstGeom prst="rect">
            <a:avLst/>
          </a:prstGeom>
        </p:spPr>
        <p:txBody>
          <a:bodyPr vert="horz" lIns="91440" tIns="45720" rIns="91440" bIns="45720" rtlCol="0" anchor="ctr">
            <a:normAutofit/>
          </a:bodyPr>
          <a:lstStyle>
            <a:lvl1pPr>
              <a:defRPr>
                <a:solidFill>
                  <a:schemeClr val="bg1"/>
                </a:solidFill>
              </a:defRPr>
            </a:lvl1pPr>
          </a:lstStyle>
          <a:p>
            <a:r>
              <a:rPr lang="en-US"/>
              <a:t>Click to edit Master title style</a:t>
            </a:r>
            <a:endParaRPr lang="en-GB" dirty="0"/>
          </a:p>
        </p:txBody>
      </p:sp>
    </p:spTree>
    <p:extLst>
      <p:ext uri="{BB962C8B-B14F-4D97-AF65-F5344CB8AC3E}">
        <p14:creationId xmlns:p14="http://schemas.microsoft.com/office/powerpoint/2010/main" val="2363403505"/>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userDrawn="1">
  <p:cSld name="1_Two Content">
    <p:spTree>
      <p:nvGrpSpPr>
        <p:cNvPr id="1" name=""/>
        <p:cNvGrpSpPr/>
        <p:nvPr/>
      </p:nvGrpSpPr>
      <p:grpSpPr>
        <a:xfrm>
          <a:off x="0" y="0"/>
          <a:ext cx="0" cy="0"/>
          <a:chOff x="0" y="0"/>
          <a:chExt cx="0" cy="0"/>
        </a:xfrm>
      </p:grpSpPr>
      <p:sp>
        <p:nvSpPr>
          <p:cNvPr id="3" name="Content Placeholder 2"/>
          <p:cNvSpPr>
            <a:spLocks noGrp="1"/>
          </p:cNvSpPr>
          <p:nvPr>
            <p:ph sz="half" idx="1"/>
          </p:nvPr>
        </p:nvSpPr>
        <p:spPr>
          <a:xfrm>
            <a:off x="1397000" y="3648698"/>
            <a:ext cx="8636000" cy="6418951"/>
          </a:xfrm>
          <a:prstGeom prst="rect">
            <a:avLst/>
          </a:prstGeom>
        </p:spPr>
        <p:txBody>
          <a:bodyPr/>
          <a:lstStyle>
            <a:lvl1pPr>
              <a:buClr>
                <a:schemeClr val="tx2"/>
              </a:buClr>
              <a:defRPr sz="3556"/>
            </a:lvl1pPr>
            <a:lvl2pPr>
              <a:buClr>
                <a:schemeClr val="tx2"/>
              </a:buClr>
              <a:defRPr sz="3333"/>
            </a:lvl2pPr>
            <a:lvl3pPr>
              <a:buClr>
                <a:schemeClr val="tx2"/>
              </a:buClr>
              <a:defRPr sz="3111"/>
            </a:lvl3pPr>
            <a:lvl4pPr>
              <a:buClr>
                <a:schemeClr val="tx2"/>
              </a:buClr>
              <a:defRPr sz="2889"/>
            </a:lvl4pPr>
            <a:lvl5pPr>
              <a:buClr>
                <a:schemeClr val="tx2"/>
              </a:buClr>
              <a:defRPr sz="2667"/>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Content Placeholder 3"/>
          <p:cNvSpPr>
            <a:spLocks noGrp="1"/>
          </p:cNvSpPr>
          <p:nvPr>
            <p:ph sz="half" idx="2"/>
          </p:nvPr>
        </p:nvSpPr>
        <p:spPr>
          <a:xfrm>
            <a:off x="10287000" y="3648698"/>
            <a:ext cx="8636000" cy="6418951"/>
          </a:xfrm>
          <a:prstGeom prst="rect">
            <a:avLst/>
          </a:prstGeom>
        </p:spPr>
        <p:txBody>
          <a:bodyPr/>
          <a:lstStyle>
            <a:lvl1pPr>
              <a:buClr>
                <a:schemeClr val="tx2"/>
              </a:buClr>
              <a:defRPr sz="3556"/>
            </a:lvl1pPr>
            <a:lvl2pPr>
              <a:buClr>
                <a:schemeClr val="tx2"/>
              </a:buClr>
              <a:defRPr sz="3333"/>
            </a:lvl2pPr>
            <a:lvl3pPr>
              <a:buClr>
                <a:schemeClr val="tx2"/>
              </a:buClr>
              <a:defRPr sz="3111"/>
            </a:lvl3pPr>
            <a:lvl4pPr>
              <a:buClr>
                <a:schemeClr val="tx2"/>
              </a:buClr>
              <a:defRPr sz="2889"/>
            </a:lvl4pPr>
            <a:lvl5pPr>
              <a:buClr>
                <a:schemeClr val="tx2"/>
              </a:buClr>
              <a:defRPr sz="2667"/>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1" name="Rectangle: Rounded Corners 3">
            <a:extLst>
              <a:ext uri="{FF2B5EF4-FFF2-40B4-BE49-F238E27FC236}">
                <a16:creationId xmlns:a16="http://schemas.microsoft.com/office/drawing/2014/main" id="{66414C07-D923-4E88-B165-1162BD3EF6E9}"/>
              </a:ext>
            </a:extLst>
          </p:cNvPr>
          <p:cNvSpPr/>
          <p:nvPr userDrawn="1"/>
        </p:nvSpPr>
        <p:spPr>
          <a:xfrm>
            <a:off x="18473209" y="10633000"/>
            <a:ext cx="957791" cy="475311"/>
          </a:xfrm>
          <a:prstGeom prst="roundRect">
            <a:avLst>
              <a:gd name="adj" fmla="val 50000"/>
            </a:avLst>
          </a:prstGeom>
          <a:noFill/>
          <a:ln>
            <a:solidFill>
              <a:schemeClr val="bg1">
                <a:lumMod val="85000"/>
              </a:schemeClr>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203200" tIns="101600" rIns="203200" bIns="101600" numCol="1" spcCol="0" rtlCol="0" fromWordArt="0" anchor="ctr" anchorCtr="0" forceAA="0" compatLnSpc="1">
            <a:prstTxWarp prst="textNoShape">
              <a:avLst/>
            </a:prstTxWarp>
            <a:noAutofit/>
          </a:bodyPr>
          <a:lstStyle/>
          <a:p>
            <a:pPr algn="ctr"/>
            <a:endParaRPr lang="en-US" sz="5333"/>
          </a:p>
        </p:txBody>
      </p:sp>
      <p:sp>
        <p:nvSpPr>
          <p:cNvPr id="18" name="Title 1"/>
          <p:cNvSpPr>
            <a:spLocks noGrp="1"/>
          </p:cNvSpPr>
          <p:nvPr>
            <p:ph type="title"/>
          </p:nvPr>
        </p:nvSpPr>
        <p:spPr>
          <a:xfrm>
            <a:off x="1397000" y="1052300"/>
            <a:ext cx="10648813" cy="913204"/>
          </a:xfrm>
          <a:prstGeom prst="rect">
            <a:avLst/>
          </a:prstGeom>
        </p:spPr>
        <p:txBody>
          <a:bodyPr>
            <a:normAutofit/>
          </a:bodyPr>
          <a:lstStyle>
            <a:lvl1pPr>
              <a:defRPr sz="5333">
                <a:solidFill>
                  <a:schemeClr val="tx2"/>
                </a:solidFill>
              </a:defRPr>
            </a:lvl1pPr>
          </a:lstStyle>
          <a:p>
            <a:r>
              <a:rPr lang="en-US" dirty="0"/>
              <a:t>Click to edit Master title style</a:t>
            </a:r>
          </a:p>
        </p:txBody>
      </p:sp>
      <p:sp>
        <p:nvSpPr>
          <p:cNvPr id="19" name="Subtitle 2"/>
          <p:cNvSpPr>
            <a:spLocks noGrp="1"/>
          </p:cNvSpPr>
          <p:nvPr>
            <p:ph type="subTitle" idx="13"/>
          </p:nvPr>
        </p:nvSpPr>
        <p:spPr>
          <a:xfrm>
            <a:off x="1397000" y="2029431"/>
            <a:ext cx="10648813" cy="650831"/>
          </a:xfrm>
          <a:prstGeom prst="rect">
            <a:avLst/>
          </a:prstGeom>
        </p:spPr>
        <p:txBody>
          <a:bodyPr/>
          <a:lstStyle>
            <a:lvl1pPr marL="0" indent="0" algn="l">
              <a:buNone/>
              <a:defRPr sz="4000" spc="0">
                <a:solidFill>
                  <a:srgbClr val="E6007E"/>
                </a:solidFill>
                <a:latin typeface="+mn-lt"/>
              </a:defRPr>
            </a:lvl1pPr>
            <a:lvl2pPr marL="761992" indent="0" algn="ctr">
              <a:buNone/>
              <a:defRPr sz="3333"/>
            </a:lvl2pPr>
            <a:lvl3pPr marL="1523985" indent="0" algn="ctr">
              <a:buNone/>
              <a:defRPr sz="3000"/>
            </a:lvl3pPr>
            <a:lvl4pPr marL="2285977" indent="0" algn="ctr">
              <a:buNone/>
              <a:defRPr sz="2667"/>
            </a:lvl4pPr>
            <a:lvl5pPr marL="3047970" indent="0" algn="ctr">
              <a:buNone/>
              <a:defRPr sz="2667"/>
            </a:lvl5pPr>
            <a:lvl6pPr marL="3809962" indent="0" algn="ctr">
              <a:buNone/>
              <a:defRPr sz="2667"/>
            </a:lvl6pPr>
            <a:lvl7pPr marL="4571954" indent="0" algn="ctr">
              <a:buNone/>
              <a:defRPr sz="2667"/>
            </a:lvl7pPr>
            <a:lvl8pPr marL="5333947" indent="0" algn="ctr">
              <a:buNone/>
              <a:defRPr sz="2667"/>
            </a:lvl8pPr>
            <a:lvl9pPr marL="6095939" indent="0" algn="ctr">
              <a:buNone/>
              <a:defRPr sz="2667"/>
            </a:lvl9pPr>
          </a:lstStyle>
          <a:p>
            <a:r>
              <a:rPr lang="en-US" dirty="0"/>
              <a:t>Click to edit Master subtitle style</a:t>
            </a:r>
          </a:p>
        </p:txBody>
      </p:sp>
    </p:spTree>
    <p:extLst>
      <p:ext uri="{BB962C8B-B14F-4D97-AF65-F5344CB8AC3E}">
        <p14:creationId xmlns:p14="http://schemas.microsoft.com/office/powerpoint/2010/main" val="2949387656"/>
      </p:ext>
    </p:extLst>
  </p:cSld>
  <p:clrMapOvr>
    <a:masterClrMapping/>
  </p:clrMapOvr>
  <p:hf hdr="0" ftr="0" dt="0"/>
</p:sldLayout>
</file>

<file path=ppt/slideLayouts/slideLayout76.xml><?xml version="1.0" encoding="utf-8"?>
<p:sldLayout xmlns:a="http://schemas.openxmlformats.org/drawingml/2006/main" xmlns:r="http://schemas.openxmlformats.org/officeDocument/2006/relationships" xmlns:p="http://schemas.openxmlformats.org/presentationml/2006/main" preserve="1" userDrawn="1">
  <p:cSld name="Title Slide">
    <p:bg>
      <p:bgPr>
        <a:solidFill>
          <a:schemeClr val="accent5"/>
        </a:solidFill>
        <a:effectLst/>
      </p:bgPr>
    </p:bg>
    <p:spTree>
      <p:nvGrpSpPr>
        <p:cNvPr id="1" name=""/>
        <p:cNvGrpSpPr/>
        <p:nvPr/>
      </p:nvGrpSpPr>
      <p:grpSpPr>
        <a:xfrm>
          <a:off x="0" y="0"/>
          <a:ext cx="0" cy="0"/>
          <a:chOff x="0" y="0"/>
          <a:chExt cx="0" cy="0"/>
        </a:xfrm>
      </p:grpSpPr>
      <p:cxnSp>
        <p:nvCxnSpPr>
          <p:cNvPr id="21" name="Straight Connector 20"/>
          <p:cNvCxnSpPr/>
          <p:nvPr userDrawn="1"/>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sp>
        <p:nvSpPr>
          <p:cNvPr id="6" name="Text Placeholder 8"/>
          <p:cNvSpPr>
            <a:spLocks noGrp="1"/>
          </p:cNvSpPr>
          <p:nvPr>
            <p:ph type="body" sz="quarter" idx="10"/>
          </p:nvPr>
        </p:nvSpPr>
        <p:spPr>
          <a:xfrm>
            <a:off x="842674" y="3271875"/>
            <a:ext cx="18718314" cy="5502275"/>
          </a:xfrm>
          <a:prstGeom prst="rect">
            <a:avLst/>
          </a:prstGeom>
        </p:spPr>
        <p:txBody>
          <a:bodyPr>
            <a:noAutofit/>
          </a:bodyPr>
          <a:lstStyle>
            <a:lvl1pPr marL="342896" indent="-342896">
              <a:buClr>
                <a:srgbClr val="F76C6C"/>
              </a:buClr>
              <a:buFont typeface="Wingdings" panose="05000000000000000000" pitchFamily="2" charset="2"/>
              <a:buChar char="§"/>
              <a:defRPr sz="3200">
                <a:solidFill>
                  <a:schemeClr val="bg1"/>
                </a:solidFill>
              </a:defRPr>
            </a:lvl1pPr>
          </a:lstStyle>
          <a:p>
            <a:pPr lvl="0"/>
            <a:r>
              <a:rPr lang="en-US" dirty="0"/>
              <a:t>Edit Master text styles</a:t>
            </a:r>
          </a:p>
        </p:txBody>
      </p:sp>
      <p:sp>
        <p:nvSpPr>
          <p:cNvPr id="7" name="Text Placeholder 10"/>
          <p:cNvSpPr>
            <a:spLocks noGrp="1"/>
          </p:cNvSpPr>
          <p:nvPr>
            <p:ph type="body" sz="quarter" idx="11"/>
          </p:nvPr>
        </p:nvSpPr>
        <p:spPr>
          <a:xfrm>
            <a:off x="842671" y="2230015"/>
            <a:ext cx="18718317" cy="1044575"/>
          </a:xfrm>
          <a:prstGeom prst="rect">
            <a:avLst/>
          </a:prstGeom>
        </p:spPr>
        <p:txBody>
          <a:bodyPr>
            <a:noAutofit/>
          </a:bodyPr>
          <a:lstStyle>
            <a:lvl1pPr marL="0" indent="0">
              <a:buFontTx/>
              <a:buNone/>
              <a:defRPr sz="2300" b="0">
                <a:solidFill>
                  <a:srgbClr val="F76C6C"/>
                </a:solidFill>
              </a:defRPr>
            </a:lvl1pPr>
            <a:lvl2pPr marL="685793" indent="0">
              <a:buFontTx/>
              <a:buNone/>
              <a:defRPr sz="2800" b="1">
                <a:solidFill>
                  <a:srgbClr val="F76C6C"/>
                </a:solidFill>
              </a:defRPr>
            </a:lvl2pPr>
            <a:lvl3pPr marL="1371587" indent="0">
              <a:buFontTx/>
              <a:buNone/>
              <a:defRPr sz="2800" b="1">
                <a:solidFill>
                  <a:srgbClr val="F76C6C"/>
                </a:solidFill>
              </a:defRPr>
            </a:lvl3pPr>
            <a:lvl4pPr marL="2057379" indent="0">
              <a:buFontTx/>
              <a:buNone/>
              <a:defRPr sz="2800" b="1">
                <a:solidFill>
                  <a:srgbClr val="F76C6C"/>
                </a:solidFill>
              </a:defRPr>
            </a:lvl4pPr>
            <a:lvl5pPr marL="2743173" indent="0">
              <a:buFontTx/>
              <a:buNone/>
              <a:defRPr sz="2800" b="1">
                <a:solidFill>
                  <a:srgbClr val="F76C6C"/>
                </a:solidFill>
              </a:defRPr>
            </a:lvl5pPr>
          </a:lstStyle>
          <a:p>
            <a:pPr lvl="0"/>
            <a:r>
              <a:rPr lang="en-US" dirty="0"/>
              <a:t>Edit Master text styles</a:t>
            </a:r>
          </a:p>
        </p:txBody>
      </p:sp>
      <p:sp>
        <p:nvSpPr>
          <p:cNvPr id="8" name="Title 6">
            <a:extLst>
              <a:ext uri="{FF2B5EF4-FFF2-40B4-BE49-F238E27FC236}">
                <a16:creationId xmlns:a16="http://schemas.microsoft.com/office/drawing/2014/main" id="{BD5D2FA8-644D-41FB-9B16-63190CD1A73C}"/>
              </a:ext>
            </a:extLst>
          </p:cNvPr>
          <p:cNvSpPr>
            <a:spLocks noGrp="1"/>
          </p:cNvSpPr>
          <p:nvPr>
            <p:ph type="title" hasCustomPrompt="1"/>
          </p:nvPr>
        </p:nvSpPr>
        <p:spPr>
          <a:xfrm>
            <a:off x="842674" y="769560"/>
            <a:ext cx="10961399" cy="984304"/>
          </a:xfrm>
        </p:spPr>
        <p:txBody>
          <a:bodyPr/>
          <a:lstStyle>
            <a:lvl1pPr>
              <a:defRPr/>
            </a:lvl1pPr>
          </a:lstStyle>
          <a:p>
            <a:r>
              <a:rPr lang="en-GB" i="0" u="none" strike="noStrike" baseline="0" dirty="0">
                <a:solidFill>
                  <a:srgbClr val="FFFFFF"/>
                </a:solidFill>
              </a:rPr>
              <a:t>xxx</a:t>
            </a:r>
            <a:endParaRPr lang="en-GB" dirty="0">
              <a:solidFill>
                <a:schemeClr val="bg1"/>
              </a:solidFill>
            </a:endParaRPr>
          </a:p>
        </p:txBody>
      </p:sp>
    </p:spTree>
    <p:extLst>
      <p:ext uri="{BB962C8B-B14F-4D97-AF65-F5344CB8AC3E}">
        <p14:creationId xmlns:p14="http://schemas.microsoft.com/office/powerpoint/2010/main" val="1199404160"/>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cxnSp>
        <p:nvCxnSpPr>
          <p:cNvPr id="7" name="Straight Connector 6"/>
          <p:cNvCxnSpPr/>
          <p:nvPr userDrawn="1"/>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sp>
        <p:nvSpPr>
          <p:cNvPr id="54" name="Text Placeholder 24"/>
          <p:cNvSpPr>
            <a:spLocks noGrp="1"/>
          </p:cNvSpPr>
          <p:nvPr>
            <p:ph type="body" sz="quarter" idx="10"/>
          </p:nvPr>
        </p:nvSpPr>
        <p:spPr>
          <a:xfrm>
            <a:off x="8360934" y="3069803"/>
            <a:ext cx="6035357"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55" name="Text Placeholder 26"/>
          <p:cNvSpPr>
            <a:spLocks noGrp="1"/>
          </p:cNvSpPr>
          <p:nvPr>
            <p:ph type="body" sz="quarter" idx="11"/>
          </p:nvPr>
        </p:nvSpPr>
        <p:spPr>
          <a:xfrm>
            <a:off x="8360935" y="3867601"/>
            <a:ext cx="6035357" cy="2811463"/>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tx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56" name="Rectangle 55"/>
          <p:cNvSpPr/>
          <p:nvPr userDrawn="1"/>
        </p:nvSpPr>
        <p:spPr>
          <a:xfrm>
            <a:off x="8153047" y="2823722"/>
            <a:ext cx="6480000" cy="3420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57" name="Text Placeholder 24"/>
          <p:cNvSpPr>
            <a:spLocks noGrp="1"/>
          </p:cNvSpPr>
          <p:nvPr>
            <p:ph type="body" sz="quarter" idx="12"/>
          </p:nvPr>
        </p:nvSpPr>
        <p:spPr>
          <a:xfrm>
            <a:off x="8360934" y="6833887"/>
            <a:ext cx="6035357"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58" name="Text Placeholder 26"/>
          <p:cNvSpPr>
            <a:spLocks noGrp="1"/>
          </p:cNvSpPr>
          <p:nvPr>
            <p:ph type="body" sz="quarter" idx="13"/>
          </p:nvPr>
        </p:nvSpPr>
        <p:spPr>
          <a:xfrm>
            <a:off x="8360935" y="7631685"/>
            <a:ext cx="6035357" cy="2811463"/>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tx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59" name="Rectangle 58"/>
          <p:cNvSpPr/>
          <p:nvPr userDrawn="1"/>
        </p:nvSpPr>
        <p:spPr>
          <a:xfrm>
            <a:off x="8153047" y="6587806"/>
            <a:ext cx="6480000" cy="3420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60" name="Text Placeholder 24"/>
          <p:cNvSpPr>
            <a:spLocks noGrp="1"/>
          </p:cNvSpPr>
          <p:nvPr>
            <p:ph type="body" sz="quarter" idx="14"/>
          </p:nvPr>
        </p:nvSpPr>
        <p:spPr>
          <a:xfrm>
            <a:off x="1183713" y="6833887"/>
            <a:ext cx="6035357"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61" name="Text Placeholder 26"/>
          <p:cNvSpPr>
            <a:spLocks noGrp="1"/>
          </p:cNvSpPr>
          <p:nvPr>
            <p:ph type="body" sz="quarter" idx="15"/>
          </p:nvPr>
        </p:nvSpPr>
        <p:spPr>
          <a:xfrm>
            <a:off x="1183714" y="7631685"/>
            <a:ext cx="6035357" cy="2811463"/>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tx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62" name="Rectangle 61"/>
          <p:cNvSpPr/>
          <p:nvPr userDrawn="1"/>
        </p:nvSpPr>
        <p:spPr>
          <a:xfrm>
            <a:off x="975826" y="6587806"/>
            <a:ext cx="6480000" cy="3420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63" name="Text Placeholder 24"/>
          <p:cNvSpPr>
            <a:spLocks noGrp="1"/>
          </p:cNvSpPr>
          <p:nvPr>
            <p:ph type="body" sz="quarter" idx="16"/>
          </p:nvPr>
        </p:nvSpPr>
        <p:spPr>
          <a:xfrm>
            <a:off x="1183713" y="3051204"/>
            <a:ext cx="6035357"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64" name="Text Placeholder 26"/>
          <p:cNvSpPr>
            <a:spLocks noGrp="1"/>
          </p:cNvSpPr>
          <p:nvPr>
            <p:ph type="body" sz="quarter" idx="17"/>
          </p:nvPr>
        </p:nvSpPr>
        <p:spPr>
          <a:xfrm>
            <a:off x="1183714" y="3849002"/>
            <a:ext cx="6035357" cy="2811463"/>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tx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65" name="Rectangle 64"/>
          <p:cNvSpPr/>
          <p:nvPr userDrawn="1"/>
        </p:nvSpPr>
        <p:spPr>
          <a:xfrm>
            <a:off x="975826" y="2805123"/>
            <a:ext cx="6480000" cy="3420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66" name="Text Placeholder 24"/>
          <p:cNvSpPr>
            <a:spLocks noGrp="1"/>
          </p:cNvSpPr>
          <p:nvPr>
            <p:ph type="body" sz="quarter" idx="18"/>
          </p:nvPr>
        </p:nvSpPr>
        <p:spPr>
          <a:xfrm>
            <a:off x="15538155" y="4570824"/>
            <a:ext cx="4022833" cy="696277"/>
          </a:xfrm>
        </p:spPr>
        <p:txBody>
          <a:bodyPr>
            <a:noAutofit/>
          </a:bodyPr>
          <a:lstStyle>
            <a:lvl1pPr marL="0" indent="0" algn="ctr">
              <a:buFontTx/>
              <a:buNone/>
              <a:defRPr sz="3200" b="0">
                <a:solidFill>
                  <a:schemeClr val="tx1"/>
                </a:solidFill>
              </a:defRPr>
            </a:lvl1pPr>
          </a:lstStyle>
          <a:p>
            <a:pPr lvl="0"/>
            <a:r>
              <a:rPr lang="en-US" dirty="0"/>
              <a:t>Edit Master text</a:t>
            </a:r>
            <a:endParaRPr lang="en-GB" dirty="0"/>
          </a:p>
        </p:txBody>
      </p:sp>
      <p:sp>
        <p:nvSpPr>
          <p:cNvPr id="67" name="Text Placeholder 24"/>
          <p:cNvSpPr>
            <a:spLocks noGrp="1"/>
          </p:cNvSpPr>
          <p:nvPr>
            <p:ph type="body" sz="quarter" idx="19" hasCustomPrompt="1"/>
          </p:nvPr>
        </p:nvSpPr>
        <p:spPr>
          <a:xfrm>
            <a:off x="15538155" y="3145133"/>
            <a:ext cx="4022833" cy="1380339"/>
          </a:xfrm>
        </p:spPr>
        <p:txBody>
          <a:bodyPr>
            <a:normAutofit/>
          </a:bodyPr>
          <a:lstStyle>
            <a:lvl1pPr marL="0" indent="0">
              <a:buFontTx/>
              <a:buNone/>
              <a:defRPr sz="9600" b="1">
                <a:solidFill>
                  <a:schemeClr val="bg2"/>
                </a:solidFill>
              </a:defRPr>
            </a:lvl1pPr>
          </a:lstStyle>
          <a:p>
            <a:pPr lvl="0"/>
            <a:r>
              <a:rPr lang="en-US" dirty="0"/>
              <a:t>£00000</a:t>
            </a:r>
            <a:endParaRPr lang="en-GB" dirty="0"/>
          </a:p>
        </p:txBody>
      </p:sp>
      <p:cxnSp>
        <p:nvCxnSpPr>
          <p:cNvPr id="68" name="Straight Connector 67"/>
          <p:cNvCxnSpPr/>
          <p:nvPr userDrawn="1"/>
        </p:nvCxnSpPr>
        <p:spPr>
          <a:xfrm>
            <a:off x="15538155" y="5285440"/>
            <a:ext cx="4022833" cy="0"/>
          </a:xfrm>
          <a:prstGeom prst="line">
            <a:avLst/>
          </a:prstGeom>
          <a:ln w="12700"/>
        </p:spPr>
        <p:style>
          <a:lnRef idx="1">
            <a:schemeClr val="accent1"/>
          </a:lnRef>
          <a:fillRef idx="0">
            <a:schemeClr val="accent1"/>
          </a:fillRef>
          <a:effectRef idx="0">
            <a:schemeClr val="accent1"/>
          </a:effectRef>
          <a:fontRef idx="minor">
            <a:schemeClr val="tx1"/>
          </a:fontRef>
        </p:style>
      </p:cxnSp>
      <p:cxnSp>
        <p:nvCxnSpPr>
          <p:cNvPr id="69" name="Straight Connector 68"/>
          <p:cNvCxnSpPr/>
          <p:nvPr userDrawn="1"/>
        </p:nvCxnSpPr>
        <p:spPr>
          <a:xfrm>
            <a:off x="15538155" y="2903020"/>
            <a:ext cx="4022833" cy="0"/>
          </a:xfrm>
          <a:prstGeom prst="line">
            <a:avLst/>
          </a:prstGeom>
          <a:ln w="12700"/>
        </p:spPr>
        <p:style>
          <a:lnRef idx="1">
            <a:schemeClr val="accent1"/>
          </a:lnRef>
          <a:fillRef idx="0">
            <a:schemeClr val="accent1"/>
          </a:fillRef>
          <a:effectRef idx="0">
            <a:schemeClr val="accent1"/>
          </a:effectRef>
          <a:fontRef idx="minor">
            <a:schemeClr val="tx1"/>
          </a:fontRef>
        </p:style>
      </p:cxnSp>
      <p:sp>
        <p:nvSpPr>
          <p:cNvPr id="70" name="Text Placeholder 24"/>
          <p:cNvSpPr>
            <a:spLocks noGrp="1"/>
          </p:cNvSpPr>
          <p:nvPr>
            <p:ph type="body" sz="quarter" idx="20"/>
          </p:nvPr>
        </p:nvSpPr>
        <p:spPr>
          <a:xfrm>
            <a:off x="15538155" y="6930156"/>
            <a:ext cx="4022833" cy="696277"/>
          </a:xfrm>
        </p:spPr>
        <p:txBody>
          <a:bodyPr>
            <a:noAutofit/>
          </a:bodyPr>
          <a:lstStyle>
            <a:lvl1pPr marL="0" indent="0" algn="ctr">
              <a:buFontTx/>
              <a:buNone/>
              <a:defRPr sz="3200" b="0">
                <a:solidFill>
                  <a:schemeClr val="tx1"/>
                </a:solidFill>
              </a:defRPr>
            </a:lvl1pPr>
          </a:lstStyle>
          <a:p>
            <a:pPr lvl="0"/>
            <a:r>
              <a:rPr lang="en-US" dirty="0"/>
              <a:t>Edit Master text</a:t>
            </a:r>
            <a:endParaRPr lang="en-GB" dirty="0"/>
          </a:p>
        </p:txBody>
      </p:sp>
      <p:sp>
        <p:nvSpPr>
          <p:cNvPr id="71" name="Text Placeholder 24"/>
          <p:cNvSpPr>
            <a:spLocks noGrp="1"/>
          </p:cNvSpPr>
          <p:nvPr>
            <p:ph type="body" sz="quarter" idx="21" hasCustomPrompt="1"/>
          </p:nvPr>
        </p:nvSpPr>
        <p:spPr>
          <a:xfrm>
            <a:off x="15538155" y="5504465"/>
            <a:ext cx="4022833" cy="1380339"/>
          </a:xfrm>
        </p:spPr>
        <p:txBody>
          <a:bodyPr>
            <a:normAutofit/>
          </a:bodyPr>
          <a:lstStyle>
            <a:lvl1pPr marL="0" indent="0">
              <a:buFontTx/>
              <a:buNone/>
              <a:defRPr sz="9600" b="1">
                <a:solidFill>
                  <a:schemeClr val="bg2"/>
                </a:solidFill>
              </a:defRPr>
            </a:lvl1pPr>
          </a:lstStyle>
          <a:p>
            <a:pPr lvl="0"/>
            <a:r>
              <a:rPr lang="en-US" dirty="0"/>
              <a:t>£00000</a:t>
            </a:r>
            <a:endParaRPr lang="en-GB" dirty="0"/>
          </a:p>
        </p:txBody>
      </p:sp>
      <p:cxnSp>
        <p:nvCxnSpPr>
          <p:cNvPr id="72" name="Straight Connector 71"/>
          <p:cNvCxnSpPr/>
          <p:nvPr userDrawn="1"/>
        </p:nvCxnSpPr>
        <p:spPr>
          <a:xfrm>
            <a:off x="15538155" y="7644772"/>
            <a:ext cx="4022833" cy="0"/>
          </a:xfrm>
          <a:prstGeom prst="line">
            <a:avLst/>
          </a:prstGeom>
          <a:ln w="12700"/>
        </p:spPr>
        <p:style>
          <a:lnRef idx="1">
            <a:schemeClr val="accent1"/>
          </a:lnRef>
          <a:fillRef idx="0">
            <a:schemeClr val="accent1"/>
          </a:fillRef>
          <a:effectRef idx="0">
            <a:schemeClr val="accent1"/>
          </a:effectRef>
          <a:fontRef idx="minor">
            <a:schemeClr val="tx1"/>
          </a:fontRef>
        </p:style>
      </p:cxnSp>
      <p:sp>
        <p:nvSpPr>
          <p:cNvPr id="73" name="Text Placeholder 24"/>
          <p:cNvSpPr>
            <a:spLocks noGrp="1"/>
          </p:cNvSpPr>
          <p:nvPr>
            <p:ph type="body" sz="quarter" idx="22"/>
          </p:nvPr>
        </p:nvSpPr>
        <p:spPr>
          <a:xfrm>
            <a:off x="15536153" y="9311529"/>
            <a:ext cx="4022833" cy="696277"/>
          </a:xfrm>
        </p:spPr>
        <p:txBody>
          <a:bodyPr>
            <a:noAutofit/>
          </a:bodyPr>
          <a:lstStyle>
            <a:lvl1pPr marL="0" indent="0" algn="ctr">
              <a:buFontTx/>
              <a:buNone/>
              <a:defRPr sz="3200" b="0">
                <a:solidFill>
                  <a:schemeClr val="tx1"/>
                </a:solidFill>
              </a:defRPr>
            </a:lvl1pPr>
          </a:lstStyle>
          <a:p>
            <a:pPr lvl="0"/>
            <a:r>
              <a:rPr lang="en-US" dirty="0"/>
              <a:t>Edit Master text</a:t>
            </a:r>
            <a:endParaRPr lang="en-GB" dirty="0"/>
          </a:p>
        </p:txBody>
      </p:sp>
      <p:sp>
        <p:nvSpPr>
          <p:cNvPr id="74" name="Text Placeholder 24"/>
          <p:cNvSpPr>
            <a:spLocks noGrp="1"/>
          </p:cNvSpPr>
          <p:nvPr>
            <p:ph type="body" sz="quarter" idx="23" hasCustomPrompt="1"/>
          </p:nvPr>
        </p:nvSpPr>
        <p:spPr>
          <a:xfrm>
            <a:off x="15536153" y="7885838"/>
            <a:ext cx="4022833" cy="1380339"/>
          </a:xfrm>
        </p:spPr>
        <p:txBody>
          <a:bodyPr>
            <a:normAutofit/>
          </a:bodyPr>
          <a:lstStyle>
            <a:lvl1pPr marL="0" indent="0">
              <a:buFontTx/>
              <a:buNone/>
              <a:defRPr sz="9600" b="1">
                <a:solidFill>
                  <a:schemeClr val="bg2"/>
                </a:solidFill>
              </a:defRPr>
            </a:lvl1pPr>
          </a:lstStyle>
          <a:p>
            <a:pPr lvl="0"/>
            <a:r>
              <a:rPr lang="en-US" dirty="0"/>
              <a:t>£00000</a:t>
            </a:r>
            <a:endParaRPr lang="en-GB" dirty="0"/>
          </a:p>
        </p:txBody>
      </p:sp>
      <p:cxnSp>
        <p:nvCxnSpPr>
          <p:cNvPr id="75" name="Straight Connector 74"/>
          <p:cNvCxnSpPr/>
          <p:nvPr userDrawn="1"/>
        </p:nvCxnSpPr>
        <p:spPr>
          <a:xfrm>
            <a:off x="15536153" y="10026145"/>
            <a:ext cx="4022833" cy="0"/>
          </a:xfrm>
          <a:prstGeom prst="line">
            <a:avLst/>
          </a:prstGeom>
          <a:ln w="12700"/>
        </p:spPr>
        <p:style>
          <a:lnRef idx="1">
            <a:schemeClr val="accent1"/>
          </a:lnRef>
          <a:fillRef idx="0">
            <a:schemeClr val="accent1"/>
          </a:fillRef>
          <a:effectRef idx="0">
            <a:schemeClr val="accent1"/>
          </a:effectRef>
          <a:fontRef idx="minor">
            <a:schemeClr val="tx1"/>
          </a:fontRef>
        </p:style>
      </p:cxnSp>
      <p:sp>
        <p:nvSpPr>
          <p:cNvPr id="27" name="Title 4"/>
          <p:cNvSpPr>
            <a:spLocks noGrp="1"/>
          </p:cNvSpPr>
          <p:nvPr>
            <p:ph type="title"/>
          </p:nvPr>
        </p:nvSpPr>
        <p:spPr>
          <a:xfrm>
            <a:off x="842674" y="794960"/>
            <a:ext cx="17793001" cy="984304"/>
          </a:xfrm>
          <a:prstGeom prst="rect">
            <a:avLst/>
          </a:prstGeom>
        </p:spPr>
        <p:txBody>
          <a:bodyPr anchor="t" anchorCtr="0"/>
          <a:lstStyle>
            <a:lvl1pPr>
              <a:defRPr sz="4800">
                <a:solidFill>
                  <a:srgbClr val="114B5F"/>
                </a:solidFill>
              </a:defRPr>
            </a:lvl1pPr>
          </a:lstStyle>
          <a:p>
            <a:r>
              <a:rPr lang="en-US" dirty="0"/>
              <a:t>Click to edit Master title style</a:t>
            </a:r>
            <a:endParaRPr lang="en-GB" dirty="0"/>
          </a:p>
        </p:txBody>
      </p:sp>
      <p:pic>
        <p:nvPicPr>
          <p:cNvPr id="32" name="Picture 31"/>
          <p:cNvPicPr>
            <a:picLocks noChangeAspect="1"/>
          </p:cNvPicPr>
          <p:nvPr userDrawn="1"/>
        </p:nvPicPr>
        <p:blipFill>
          <a:blip r:embed="rId2" cstate="email">
            <a:extLst>
              <a:ext uri="{28A0092B-C50C-407E-A947-70E740481C1C}">
                <a14:useLocalDpi xmlns:a14="http://schemas.microsoft.com/office/drawing/2010/main" val="0"/>
              </a:ext>
            </a:extLst>
          </a:blip>
          <a:stretch>
            <a:fillRect/>
          </a:stretch>
        </p:blipFill>
        <p:spPr>
          <a:xfrm>
            <a:off x="15153862" y="908091"/>
            <a:ext cx="4407126" cy="606456"/>
          </a:xfrm>
          <a:prstGeom prst="rect">
            <a:avLst/>
          </a:prstGeom>
        </p:spPr>
      </p:pic>
    </p:spTree>
    <p:extLst>
      <p:ext uri="{BB962C8B-B14F-4D97-AF65-F5344CB8AC3E}">
        <p14:creationId xmlns:p14="http://schemas.microsoft.com/office/powerpoint/2010/main" val="688735390"/>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Title and Content">
    <p:bg>
      <p:bgPr>
        <a:solidFill>
          <a:schemeClr val="accent5"/>
        </a:solidFill>
        <a:effectLst/>
      </p:bgPr>
    </p:bg>
    <p:spTree>
      <p:nvGrpSpPr>
        <p:cNvPr id="1" name=""/>
        <p:cNvGrpSpPr/>
        <p:nvPr/>
      </p:nvGrpSpPr>
      <p:grpSpPr>
        <a:xfrm>
          <a:off x="0" y="0"/>
          <a:ext cx="0" cy="0"/>
          <a:chOff x="0" y="0"/>
          <a:chExt cx="0" cy="0"/>
        </a:xfrm>
      </p:grpSpPr>
      <p:cxnSp>
        <p:nvCxnSpPr>
          <p:cNvPr id="7" name="Straight Connector 6"/>
          <p:cNvCxnSpPr/>
          <p:nvPr userDrawn="1"/>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sp>
        <p:nvSpPr>
          <p:cNvPr id="19" name="Text Placeholder 18"/>
          <p:cNvSpPr>
            <a:spLocks noGrp="1"/>
          </p:cNvSpPr>
          <p:nvPr>
            <p:ph type="body" sz="quarter" idx="10"/>
          </p:nvPr>
        </p:nvSpPr>
        <p:spPr>
          <a:xfrm>
            <a:off x="842963" y="2125663"/>
            <a:ext cx="18718212" cy="1471821"/>
          </a:xfrm>
        </p:spPr>
        <p:txBody>
          <a:bodyPr>
            <a:noAutofit/>
          </a:bodyPr>
          <a:lstStyle>
            <a:lvl1pPr marL="0" indent="0">
              <a:buFontTx/>
              <a:buNone/>
              <a:defRPr sz="3200">
                <a:solidFill>
                  <a:schemeClr val="bg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dirty="0"/>
              <a:t>Edit Master text styles</a:t>
            </a:r>
          </a:p>
        </p:txBody>
      </p:sp>
      <p:sp>
        <p:nvSpPr>
          <p:cNvPr id="23" name="Text Placeholder 24"/>
          <p:cNvSpPr>
            <a:spLocks noGrp="1"/>
          </p:cNvSpPr>
          <p:nvPr>
            <p:ph type="body" sz="quarter" idx="16"/>
          </p:nvPr>
        </p:nvSpPr>
        <p:spPr>
          <a:xfrm>
            <a:off x="1050561" y="4132648"/>
            <a:ext cx="8642078"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24" name="Text Placeholder 26"/>
          <p:cNvSpPr>
            <a:spLocks noGrp="1"/>
          </p:cNvSpPr>
          <p:nvPr>
            <p:ph type="body" sz="quarter" idx="17"/>
          </p:nvPr>
        </p:nvSpPr>
        <p:spPr>
          <a:xfrm>
            <a:off x="1050562" y="4930447"/>
            <a:ext cx="8642078" cy="1948466"/>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bg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25" name="Rectangle 24"/>
          <p:cNvSpPr/>
          <p:nvPr userDrawn="1"/>
        </p:nvSpPr>
        <p:spPr>
          <a:xfrm>
            <a:off x="842674" y="3886567"/>
            <a:ext cx="9180000" cy="2988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29" name="Text Placeholder 24"/>
          <p:cNvSpPr>
            <a:spLocks noGrp="1"/>
          </p:cNvSpPr>
          <p:nvPr>
            <p:ph type="body" sz="quarter" idx="18"/>
          </p:nvPr>
        </p:nvSpPr>
        <p:spPr>
          <a:xfrm>
            <a:off x="10588875" y="4150496"/>
            <a:ext cx="8682104"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30" name="Text Placeholder 26"/>
          <p:cNvSpPr>
            <a:spLocks noGrp="1"/>
          </p:cNvSpPr>
          <p:nvPr>
            <p:ph type="body" sz="quarter" idx="19"/>
          </p:nvPr>
        </p:nvSpPr>
        <p:spPr>
          <a:xfrm>
            <a:off x="10588876" y="4948294"/>
            <a:ext cx="8682104" cy="1930619"/>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bg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31" name="Rectangle 30"/>
          <p:cNvSpPr/>
          <p:nvPr userDrawn="1"/>
        </p:nvSpPr>
        <p:spPr>
          <a:xfrm>
            <a:off x="10380988" y="3904415"/>
            <a:ext cx="9180000" cy="2988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38" name="Text Placeholder 24"/>
          <p:cNvSpPr>
            <a:spLocks noGrp="1"/>
          </p:cNvSpPr>
          <p:nvPr>
            <p:ph type="body" sz="quarter" idx="20"/>
          </p:nvPr>
        </p:nvSpPr>
        <p:spPr>
          <a:xfrm>
            <a:off x="1050561" y="7554028"/>
            <a:ext cx="8642078"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39" name="Text Placeholder 26"/>
          <p:cNvSpPr>
            <a:spLocks noGrp="1"/>
          </p:cNvSpPr>
          <p:nvPr>
            <p:ph type="body" sz="quarter" idx="21"/>
          </p:nvPr>
        </p:nvSpPr>
        <p:spPr>
          <a:xfrm>
            <a:off x="1050562" y="8351827"/>
            <a:ext cx="8642078" cy="1948466"/>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bg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40" name="Rectangle 39"/>
          <p:cNvSpPr/>
          <p:nvPr userDrawn="1"/>
        </p:nvSpPr>
        <p:spPr>
          <a:xfrm>
            <a:off x="842674" y="7307947"/>
            <a:ext cx="9180000" cy="2988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41" name="Text Placeholder 24"/>
          <p:cNvSpPr>
            <a:spLocks noGrp="1"/>
          </p:cNvSpPr>
          <p:nvPr>
            <p:ph type="body" sz="quarter" idx="22"/>
          </p:nvPr>
        </p:nvSpPr>
        <p:spPr>
          <a:xfrm>
            <a:off x="10588875" y="7571876"/>
            <a:ext cx="8682104"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42" name="Text Placeholder 26"/>
          <p:cNvSpPr>
            <a:spLocks noGrp="1"/>
          </p:cNvSpPr>
          <p:nvPr>
            <p:ph type="body" sz="quarter" idx="23"/>
          </p:nvPr>
        </p:nvSpPr>
        <p:spPr>
          <a:xfrm>
            <a:off x="10588876" y="8369674"/>
            <a:ext cx="8682104" cy="1930619"/>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bg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43" name="Rectangle 42"/>
          <p:cNvSpPr/>
          <p:nvPr userDrawn="1"/>
        </p:nvSpPr>
        <p:spPr>
          <a:xfrm>
            <a:off x="10380988" y="7325795"/>
            <a:ext cx="9180000" cy="2988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18" name="Title 4"/>
          <p:cNvSpPr>
            <a:spLocks noGrp="1"/>
          </p:cNvSpPr>
          <p:nvPr>
            <p:ph type="title"/>
          </p:nvPr>
        </p:nvSpPr>
        <p:spPr>
          <a:xfrm>
            <a:off x="842674" y="794960"/>
            <a:ext cx="17793001" cy="984304"/>
          </a:xfrm>
          <a:prstGeom prst="rect">
            <a:avLst/>
          </a:prstGeom>
        </p:spPr>
        <p:txBody>
          <a:bodyPr anchor="t" anchorCtr="0"/>
          <a:lstStyle>
            <a:lvl1pPr>
              <a:defRPr sz="4800">
                <a:solidFill>
                  <a:schemeClr val="bg1"/>
                </a:solidFill>
              </a:defRPr>
            </a:lvl1pPr>
          </a:lstStyle>
          <a:p>
            <a:r>
              <a:rPr lang="en-US" dirty="0"/>
              <a:t>Click to edit Master title style</a:t>
            </a:r>
            <a:endParaRPr lang="en-GB" dirty="0"/>
          </a:p>
        </p:txBody>
      </p:sp>
    </p:spTree>
    <p:extLst>
      <p:ext uri="{BB962C8B-B14F-4D97-AF65-F5344CB8AC3E}">
        <p14:creationId xmlns:p14="http://schemas.microsoft.com/office/powerpoint/2010/main" val="1086932111"/>
      </p:ext>
    </p:extLst>
  </p:cSld>
  <p:clrMapOvr>
    <a:masterClrMapping/>
  </p:clrMapOvr>
</p:sldLayout>
</file>

<file path=ppt/slideLayouts/slideLayout79.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cxnSp>
        <p:nvCxnSpPr>
          <p:cNvPr id="8" name="Straight Connector 7"/>
          <p:cNvCxnSpPr/>
          <p:nvPr userDrawn="1"/>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sp>
        <p:nvSpPr>
          <p:cNvPr id="11" name="Text Placeholder 18"/>
          <p:cNvSpPr>
            <a:spLocks noGrp="1"/>
          </p:cNvSpPr>
          <p:nvPr>
            <p:ph type="body" sz="quarter" idx="10"/>
          </p:nvPr>
        </p:nvSpPr>
        <p:spPr>
          <a:xfrm>
            <a:off x="842963" y="2125663"/>
            <a:ext cx="18718212" cy="1471821"/>
          </a:xfrm>
        </p:spPr>
        <p:txBody>
          <a:bodyPr>
            <a:noAutofit/>
          </a:bodyPr>
          <a:lstStyle>
            <a:lvl1pPr marL="0" indent="0">
              <a:buFontTx/>
              <a:buNone/>
              <a:defRPr sz="3200">
                <a:solidFill>
                  <a:schemeClr val="tx1"/>
                </a:solidFill>
              </a:defRPr>
            </a:lvl1pPr>
            <a:lvl2pPr marL="457200" indent="0">
              <a:buFontTx/>
              <a:buNone/>
              <a:defRPr/>
            </a:lvl2pPr>
            <a:lvl3pPr marL="914400" indent="0">
              <a:buFontTx/>
              <a:buNone/>
              <a:defRPr/>
            </a:lvl3pPr>
            <a:lvl4pPr marL="1371600" indent="0">
              <a:buFontTx/>
              <a:buNone/>
              <a:defRPr/>
            </a:lvl4pPr>
            <a:lvl5pPr marL="1828800" indent="0">
              <a:buFontTx/>
              <a:buNone/>
              <a:defRPr/>
            </a:lvl5pPr>
          </a:lstStyle>
          <a:p>
            <a:pPr lvl="0"/>
            <a:r>
              <a:rPr lang="en-US" dirty="0"/>
              <a:t>Edit Master text styles</a:t>
            </a:r>
          </a:p>
        </p:txBody>
      </p:sp>
      <p:sp>
        <p:nvSpPr>
          <p:cNvPr id="12" name="Text Placeholder 24"/>
          <p:cNvSpPr>
            <a:spLocks noGrp="1"/>
          </p:cNvSpPr>
          <p:nvPr>
            <p:ph type="body" sz="quarter" idx="16"/>
          </p:nvPr>
        </p:nvSpPr>
        <p:spPr>
          <a:xfrm>
            <a:off x="1050561" y="4132648"/>
            <a:ext cx="8642078"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13" name="Text Placeholder 26"/>
          <p:cNvSpPr>
            <a:spLocks noGrp="1"/>
          </p:cNvSpPr>
          <p:nvPr>
            <p:ph type="body" sz="quarter" idx="17"/>
          </p:nvPr>
        </p:nvSpPr>
        <p:spPr>
          <a:xfrm>
            <a:off x="1050562" y="4930447"/>
            <a:ext cx="8642078" cy="1948466"/>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tx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14" name="Rectangle 13"/>
          <p:cNvSpPr/>
          <p:nvPr userDrawn="1"/>
        </p:nvSpPr>
        <p:spPr>
          <a:xfrm>
            <a:off x="842674" y="3886567"/>
            <a:ext cx="9180000" cy="2988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15" name="Text Placeholder 24"/>
          <p:cNvSpPr>
            <a:spLocks noGrp="1"/>
          </p:cNvSpPr>
          <p:nvPr>
            <p:ph type="body" sz="quarter" idx="18"/>
          </p:nvPr>
        </p:nvSpPr>
        <p:spPr>
          <a:xfrm>
            <a:off x="10588875" y="4150496"/>
            <a:ext cx="8682104"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16" name="Text Placeholder 26"/>
          <p:cNvSpPr>
            <a:spLocks noGrp="1"/>
          </p:cNvSpPr>
          <p:nvPr>
            <p:ph type="body" sz="quarter" idx="19"/>
          </p:nvPr>
        </p:nvSpPr>
        <p:spPr>
          <a:xfrm>
            <a:off x="10588876" y="4948294"/>
            <a:ext cx="8682104" cy="1930619"/>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tx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17" name="Rectangle 16"/>
          <p:cNvSpPr/>
          <p:nvPr userDrawn="1"/>
        </p:nvSpPr>
        <p:spPr>
          <a:xfrm>
            <a:off x="10380988" y="3904415"/>
            <a:ext cx="9180000" cy="2988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18" name="Text Placeholder 24"/>
          <p:cNvSpPr>
            <a:spLocks noGrp="1"/>
          </p:cNvSpPr>
          <p:nvPr>
            <p:ph type="body" sz="quarter" idx="20"/>
          </p:nvPr>
        </p:nvSpPr>
        <p:spPr>
          <a:xfrm>
            <a:off x="1050561" y="7554028"/>
            <a:ext cx="8642078"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19" name="Text Placeholder 26"/>
          <p:cNvSpPr>
            <a:spLocks noGrp="1"/>
          </p:cNvSpPr>
          <p:nvPr>
            <p:ph type="body" sz="quarter" idx="21"/>
          </p:nvPr>
        </p:nvSpPr>
        <p:spPr>
          <a:xfrm>
            <a:off x="1050562" y="8351827"/>
            <a:ext cx="8642078" cy="1948466"/>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tx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20" name="Rectangle 19"/>
          <p:cNvSpPr/>
          <p:nvPr userDrawn="1"/>
        </p:nvSpPr>
        <p:spPr>
          <a:xfrm>
            <a:off x="842674" y="7307947"/>
            <a:ext cx="9180000" cy="2988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21" name="Text Placeholder 24"/>
          <p:cNvSpPr>
            <a:spLocks noGrp="1"/>
          </p:cNvSpPr>
          <p:nvPr>
            <p:ph type="body" sz="quarter" idx="22"/>
          </p:nvPr>
        </p:nvSpPr>
        <p:spPr>
          <a:xfrm>
            <a:off x="10588875" y="7571876"/>
            <a:ext cx="8682104" cy="696277"/>
          </a:xfrm>
        </p:spPr>
        <p:txBody>
          <a:bodyPr>
            <a:noAutofit/>
          </a:bodyPr>
          <a:lstStyle>
            <a:lvl1pPr marL="0" indent="0">
              <a:buFontTx/>
              <a:buNone/>
              <a:defRPr sz="3200" b="1">
                <a:solidFill>
                  <a:schemeClr val="bg2"/>
                </a:solidFill>
              </a:defRPr>
            </a:lvl1pPr>
          </a:lstStyle>
          <a:p>
            <a:pPr lvl="0"/>
            <a:r>
              <a:rPr lang="en-US" dirty="0"/>
              <a:t>Edit Master text</a:t>
            </a:r>
            <a:endParaRPr lang="en-GB" dirty="0"/>
          </a:p>
        </p:txBody>
      </p:sp>
      <p:sp>
        <p:nvSpPr>
          <p:cNvPr id="22" name="Text Placeholder 26"/>
          <p:cNvSpPr>
            <a:spLocks noGrp="1"/>
          </p:cNvSpPr>
          <p:nvPr>
            <p:ph type="body" sz="quarter" idx="23"/>
          </p:nvPr>
        </p:nvSpPr>
        <p:spPr>
          <a:xfrm>
            <a:off x="10588876" y="8369674"/>
            <a:ext cx="8682104" cy="1930619"/>
          </a:xfrm>
        </p:spPr>
        <p:txBody>
          <a:bodyPr>
            <a:noAutofit/>
          </a:bodyPr>
          <a:lstStyle>
            <a:lvl1pPr marL="0" marR="0" indent="0" algn="l" defTabSz="182563" rtl="0" eaLnBrk="1" fontAlgn="auto" latinLnBrk="0" hangingPunct="1">
              <a:lnSpc>
                <a:spcPct val="90000"/>
              </a:lnSpc>
              <a:spcBef>
                <a:spcPts val="1000"/>
              </a:spcBef>
              <a:spcAft>
                <a:spcPts val="0"/>
              </a:spcAft>
              <a:buClr>
                <a:schemeClr val="bg2"/>
              </a:buClr>
              <a:buSzTx/>
              <a:buFontTx/>
              <a:buNone/>
              <a:tabLst/>
              <a:defRPr sz="3200">
                <a:solidFill>
                  <a:schemeClr val="tx1"/>
                </a:solidFill>
              </a:defRPr>
            </a:lvl1pPr>
            <a:lvl2pPr marL="457200" indent="0" defTabSz="182563">
              <a:buFontTx/>
              <a:buNone/>
              <a:defRPr sz="3200"/>
            </a:lvl2pPr>
            <a:lvl3pPr marL="914400" indent="0" defTabSz="182563">
              <a:buFontTx/>
              <a:buNone/>
              <a:defRPr sz="3200"/>
            </a:lvl3pPr>
            <a:lvl4pPr marL="1371600" indent="0" defTabSz="182563">
              <a:buFontTx/>
              <a:buNone/>
              <a:defRPr sz="3200"/>
            </a:lvl4pPr>
            <a:lvl5pPr marL="1828800" indent="0" defTabSz="182563">
              <a:buFontTx/>
              <a:buNone/>
              <a:defRPr sz="3200"/>
            </a:lvl5pPr>
          </a:lstStyle>
          <a:p>
            <a:pPr lvl="0"/>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a:p>
            <a:pPr marL="0" marR="0" lvl="0" indent="0" algn="l" defTabSz="182563" rtl="0" eaLnBrk="1" fontAlgn="auto" latinLnBrk="0" hangingPunct="1">
              <a:lnSpc>
                <a:spcPct val="90000"/>
              </a:lnSpc>
              <a:spcBef>
                <a:spcPts val="1000"/>
              </a:spcBef>
              <a:spcAft>
                <a:spcPts val="0"/>
              </a:spcAft>
              <a:buClr>
                <a:schemeClr val="bg2"/>
              </a:buClr>
              <a:buSzTx/>
              <a:buFontTx/>
              <a:buNone/>
              <a:tabLst/>
              <a:defRPr/>
            </a:pPr>
            <a:r>
              <a:rPr lang="en-US" dirty="0"/>
              <a:t>Edit Master text styles</a:t>
            </a:r>
          </a:p>
        </p:txBody>
      </p:sp>
      <p:sp>
        <p:nvSpPr>
          <p:cNvPr id="23" name="Rectangle 22"/>
          <p:cNvSpPr/>
          <p:nvPr userDrawn="1"/>
        </p:nvSpPr>
        <p:spPr>
          <a:xfrm>
            <a:off x="10380988" y="7325795"/>
            <a:ext cx="9180000" cy="2988000"/>
          </a:xfrm>
          <a:prstGeom prst="rect">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solidFill>
                <a:srgbClr val="F76C6C"/>
              </a:solidFill>
            </a:endParaRPr>
          </a:p>
        </p:txBody>
      </p:sp>
      <p:sp>
        <p:nvSpPr>
          <p:cNvPr id="24" name="Title 4"/>
          <p:cNvSpPr>
            <a:spLocks noGrp="1"/>
          </p:cNvSpPr>
          <p:nvPr>
            <p:ph type="title"/>
          </p:nvPr>
        </p:nvSpPr>
        <p:spPr>
          <a:xfrm>
            <a:off x="842674" y="794960"/>
            <a:ext cx="17793001" cy="984304"/>
          </a:xfrm>
          <a:prstGeom prst="rect">
            <a:avLst/>
          </a:prstGeom>
        </p:spPr>
        <p:txBody>
          <a:bodyPr anchor="t" anchorCtr="0"/>
          <a:lstStyle>
            <a:lvl1pPr>
              <a:defRPr sz="4800">
                <a:solidFill>
                  <a:srgbClr val="114B5F"/>
                </a:solidFill>
              </a:defRPr>
            </a:lvl1pPr>
          </a:lstStyle>
          <a:p>
            <a:r>
              <a:rPr lang="en-US" dirty="0"/>
              <a:t>Click to edit Master title style</a:t>
            </a:r>
            <a:endParaRPr lang="en-GB" dirty="0"/>
          </a:p>
        </p:txBody>
      </p:sp>
    </p:spTree>
    <p:extLst>
      <p:ext uri="{BB962C8B-B14F-4D97-AF65-F5344CB8AC3E}">
        <p14:creationId xmlns:p14="http://schemas.microsoft.com/office/powerpoint/2010/main" val="277658102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1_Simple-layout-5">
    <p:spTree>
      <p:nvGrpSpPr>
        <p:cNvPr id="1" name=""/>
        <p:cNvGrpSpPr/>
        <p:nvPr/>
      </p:nvGrpSpPr>
      <p:grpSpPr>
        <a:xfrm>
          <a:off x="0" y="0"/>
          <a:ext cx="0" cy="0"/>
          <a:chOff x="0" y="0"/>
          <a:chExt cx="0" cy="0"/>
        </a:xfrm>
      </p:grpSpPr>
      <p:sp>
        <p:nvSpPr>
          <p:cNvPr id="5" name="Rectangle 4"/>
          <p:cNvSpPr/>
          <p:nvPr/>
        </p:nvSpPr>
        <p:spPr>
          <a:xfrm>
            <a:off x="14556835" y="1836580"/>
            <a:ext cx="5004153" cy="3898900"/>
          </a:xfrm>
          <a:prstGeom prst="rect">
            <a:avLst/>
          </a:prstGeom>
          <a:solidFill>
            <a:srgbClr val="F76C6C"/>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371532" eaLnBrk="1" fontAlgn="auto" hangingPunct="1">
              <a:spcBef>
                <a:spcPts val="0"/>
              </a:spcBef>
              <a:spcAft>
                <a:spcPts val="0"/>
              </a:spcAft>
              <a:defRPr/>
            </a:pPr>
            <a:endParaRPr lang="en-GB" sz="2700"/>
          </a:p>
        </p:txBody>
      </p:sp>
      <p:sp>
        <p:nvSpPr>
          <p:cNvPr id="10" name="Text Placeholder 6"/>
          <p:cNvSpPr>
            <a:spLocks noGrp="1"/>
          </p:cNvSpPr>
          <p:nvPr>
            <p:ph type="body" sz="quarter" idx="11"/>
          </p:nvPr>
        </p:nvSpPr>
        <p:spPr>
          <a:xfrm>
            <a:off x="14882740" y="2013730"/>
            <a:ext cx="4385022" cy="3517717"/>
          </a:xfrm>
          <a:prstGeom prst="rect">
            <a:avLst/>
          </a:prstGeom>
        </p:spPr>
        <p:txBody>
          <a:bodyPr>
            <a:noAutofit/>
          </a:bodyPr>
          <a:lstStyle>
            <a:lvl1pPr marL="0" indent="0">
              <a:buFontTx/>
              <a:buNone/>
              <a:defRPr sz="2400">
                <a:solidFill>
                  <a:srgbClr val="FFFFFF"/>
                </a:solidFill>
              </a:defRPr>
            </a:lvl1pPr>
            <a:lvl2pPr marL="685793" indent="0">
              <a:buFontTx/>
              <a:buNone/>
              <a:defRPr sz="2400"/>
            </a:lvl2pPr>
            <a:lvl3pPr marL="1371587" indent="0">
              <a:buFontTx/>
              <a:buNone/>
              <a:defRPr sz="2400"/>
            </a:lvl3pPr>
            <a:lvl4pPr marL="2057379" indent="0">
              <a:buFontTx/>
              <a:buNone/>
              <a:defRPr sz="2400"/>
            </a:lvl4pPr>
            <a:lvl5pPr marL="2743173" indent="0">
              <a:buFontTx/>
              <a:buNone/>
              <a:defRPr sz="2400"/>
            </a:lvl5pPr>
          </a:lstStyle>
          <a:p>
            <a:pPr lvl="0"/>
            <a:r>
              <a:rPr lang="en-US" dirty="0"/>
              <a:t>Edit Master text styles</a:t>
            </a:r>
          </a:p>
        </p:txBody>
      </p:sp>
      <p:cxnSp>
        <p:nvCxnSpPr>
          <p:cNvPr id="7" name="Straight Connector 6"/>
          <p:cNvCxnSpPr/>
          <p:nvPr userDrawn="1"/>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sp>
        <p:nvSpPr>
          <p:cNvPr id="12" name="Text Placeholder 6"/>
          <p:cNvSpPr>
            <a:spLocks noGrp="1"/>
          </p:cNvSpPr>
          <p:nvPr>
            <p:ph type="body" sz="quarter" idx="10"/>
          </p:nvPr>
        </p:nvSpPr>
        <p:spPr>
          <a:xfrm>
            <a:off x="842683" y="2206595"/>
            <a:ext cx="17792804" cy="6700776"/>
          </a:xfrm>
          <a:prstGeom prst="rect">
            <a:avLst/>
          </a:prstGeom>
        </p:spPr>
        <p:txBody>
          <a:bodyPr>
            <a:noAutofit/>
          </a:bodyPr>
          <a:lstStyle>
            <a:lvl1pPr marL="342900" indent="-342900">
              <a:buFont typeface="Wingdings" panose="05000000000000000000" pitchFamily="2" charset="2"/>
              <a:buChar char="§"/>
              <a:defRPr sz="4400">
                <a:solidFill>
                  <a:srgbClr val="54565A"/>
                </a:solidFill>
              </a:defRPr>
            </a:lvl1pPr>
            <a:lvl2pPr marL="1028693" indent="-342900">
              <a:buFont typeface="Wingdings" panose="05000000000000000000" pitchFamily="2" charset="2"/>
              <a:buChar char="§"/>
              <a:defRPr sz="4000"/>
            </a:lvl2pPr>
            <a:lvl3pPr marL="1714487" indent="-342900">
              <a:buFont typeface="Wingdings" panose="05000000000000000000" pitchFamily="2" charset="2"/>
              <a:buChar char="§"/>
              <a:defRPr sz="3200"/>
            </a:lvl3pPr>
            <a:lvl4pPr marL="2400279" indent="-342900">
              <a:buFont typeface="Wingdings" panose="05000000000000000000" pitchFamily="2" charset="2"/>
              <a:buChar char="§"/>
              <a:defRPr sz="3200"/>
            </a:lvl4pPr>
            <a:lvl5pPr marL="3086073" indent="-342900">
              <a:buFont typeface="Wingdings" panose="05000000000000000000" pitchFamily="2" charset="2"/>
              <a:buChar char="§"/>
              <a:defRPr sz="3200"/>
            </a:lvl5pPr>
          </a:lstStyle>
          <a:p>
            <a:pPr lvl="0"/>
            <a:r>
              <a:rPr lang="en-US" noProof="0" dirty="0"/>
              <a:t>Edit Master text styles</a:t>
            </a:r>
          </a:p>
          <a:p>
            <a:pPr lvl="1"/>
            <a:r>
              <a:rPr lang="en-US" noProof="0" dirty="0"/>
              <a:t>Second level</a:t>
            </a:r>
          </a:p>
          <a:p>
            <a:pPr lvl="2"/>
            <a:r>
              <a:rPr lang="en-US" noProof="0" dirty="0"/>
              <a:t>Third level</a:t>
            </a:r>
          </a:p>
        </p:txBody>
      </p:sp>
      <p:sp>
        <p:nvSpPr>
          <p:cNvPr id="8" name="Title 4"/>
          <p:cNvSpPr>
            <a:spLocks noGrp="1"/>
          </p:cNvSpPr>
          <p:nvPr>
            <p:ph type="title"/>
          </p:nvPr>
        </p:nvSpPr>
        <p:spPr>
          <a:xfrm>
            <a:off x="842674" y="794960"/>
            <a:ext cx="17793001" cy="984304"/>
          </a:xfrm>
          <a:prstGeom prst="rect">
            <a:avLst/>
          </a:prstGeom>
        </p:spPr>
        <p:txBody>
          <a:bodyPr anchor="t" anchorCtr="0"/>
          <a:lstStyle>
            <a:lvl1pPr>
              <a:defRPr sz="4800">
                <a:solidFill>
                  <a:srgbClr val="114B5F"/>
                </a:solidFill>
              </a:defRPr>
            </a:lvl1pPr>
          </a:lstStyle>
          <a:p>
            <a:r>
              <a:rPr lang="en-US" dirty="0"/>
              <a:t>Click to edit Master title style</a:t>
            </a:r>
            <a:endParaRPr lang="en-GB" dirty="0"/>
          </a:p>
        </p:txBody>
      </p:sp>
    </p:spTree>
    <p:extLst>
      <p:ext uri="{BB962C8B-B14F-4D97-AF65-F5344CB8AC3E}">
        <p14:creationId xmlns:p14="http://schemas.microsoft.com/office/powerpoint/2010/main" val="666966903"/>
      </p:ext>
    </p:extLst>
  </p:cSld>
  <p:clrMapOvr>
    <a:masterClrMapping/>
  </p:clrMapOvr>
  <p:hf hdr="0" ftr="0" dt="0"/>
</p:sldLayout>
</file>

<file path=ppt/slideLayouts/slideLayout80.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sp>
        <p:nvSpPr>
          <p:cNvPr id="38" name="Text Placeholder 37"/>
          <p:cNvSpPr>
            <a:spLocks noGrp="1"/>
          </p:cNvSpPr>
          <p:nvPr>
            <p:ph type="body" sz="quarter" idx="11"/>
          </p:nvPr>
        </p:nvSpPr>
        <p:spPr>
          <a:xfrm>
            <a:off x="878164" y="2636776"/>
            <a:ext cx="5760000" cy="6480000"/>
          </a:xfrm>
          <a:ln w="12700">
            <a:solidFill>
              <a:srgbClr val="F76C6C"/>
            </a:solidFill>
          </a:ln>
        </p:spPr>
        <p:txBody>
          <a:bodyPr lIns="360000" tIns="360000" rIns="360000" bIns="360000">
            <a:noAutofit/>
          </a:bodyPr>
          <a:lstStyle>
            <a:lvl1pPr>
              <a:defRPr sz="3200"/>
            </a:lvl1pPr>
          </a:lstStyle>
          <a:p>
            <a:pPr lvl="0"/>
            <a:r>
              <a:rPr lang="en-US" dirty="0"/>
              <a:t>Edit Master text styles</a:t>
            </a:r>
          </a:p>
        </p:txBody>
      </p:sp>
      <p:cxnSp>
        <p:nvCxnSpPr>
          <p:cNvPr id="10" name="Straight Connector 9"/>
          <p:cNvCxnSpPr/>
          <p:nvPr userDrawn="1"/>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cxnSp>
        <p:nvCxnSpPr>
          <p:cNvPr id="18" name="Straight Connector 17"/>
          <p:cNvCxnSpPr/>
          <p:nvPr userDrawn="1"/>
        </p:nvCxnSpPr>
        <p:spPr>
          <a:xfrm>
            <a:off x="807184" y="3741001"/>
            <a:ext cx="4706197" cy="0"/>
          </a:xfrm>
          <a:prstGeom prst="line">
            <a:avLst/>
          </a:prstGeom>
          <a:ln w="9525">
            <a:solidFill>
              <a:schemeClr val="bg1"/>
            </a:solidFill>
            <a:prstDash val="sysDash"/>
          </a:ln>
        </p:spPr>
        <p:style>
          <a:lnRef idx="1">
            <a:schemeClr val="accent1"/>
          </a:lnRef>
          <a:fillRef idx="0">
            <a:schemeClr val="accent1"/>
          </a:fillRef>
          <a:effectRef idx="0">
            <a:schemeClr val="accent1"/>
          </a:effectRef>
          <a:fontRef idx="minor">
            <a:schemeClr val="tx1"/>
          </a:fontRef>
        </p:style>
      </p:cxnSp>
      <p:sp>
        <p:nvSpPr>
          <p:cNvPr id="20" name="Rectangle 19"/>
          <p:cNvSpPr/>
          <p:nvPr/>
        </p:nvSpPr>
        <p:spPr>
          <a:xfrm>
            <a:off x="1802239" y="7025892"/>
            <a:ext cx="3787166" cy="21380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21" name="Picture 20"/>
          <p:cNvPicPr>
            <a:picLocks noChangeAspect="1"/>
          </p:cNvPicPr>
          <p:nvPr/>
        </p:nvPicPr>
        <p:blipFill>
          <a:blip r:embed="rId2" cstate="email">
            <a:extLst>
              <a:ext uri="{28A0092B-C50C-407E-A947-70E740481C1C}">
                <a14:useLocalDpi xmlns:a14="http://schemas.microsoft.com/office/drawing/2010/main" val="0"/>
              </a:ext>
            </a:extLst>
          </a:blip>
          <a:stretch>
            <a:fillRect/>
          </a:stretch>
        </p:blipFill>
        <p:spPr>
          <a:xfrm>
            <a:off x="1499785" y="6747906"/>
            <a:ext cx="4445779" cy="2912752"/>
          </a:xfrm>
          <a:prstGeom prst="rect">
            <a:avLst/>
          </a:prstGeom>
        </p:spPr>
      </p:pic>
      <p:sp>
        <p:nvSpPr>
          <p:cNvPr id="36" name="Text Placeholder 35"/>
          <p:cNvSpPr>
            <a:spLocks noGrp="1"/>
          </p:cNvSpPr>
          <p:nvPr userDrawn="1">
            <p:ph type="body" sz="quarter" idx="10"/>
          </p:nvPr>
        </p:nvSpPr>
        <p:spPr>
          <a:xfrm>
            <a:off x="2159637" y="7652609"/>
            <a:ext cx="3143884" cy="1200150"/>
          </a:xfrm>
        </p:spPr>
        <p:txBody>
          <a:bodyPr>
            <a:normAutofit/>
          </a:bodyPr>
          <a:lstStyle>
            <a:lvl1pPr marL="0" indent="0" algn="ctr">
              <a:buFontTx/>
              <a:buNone/>
              <a:defRPr sz="3200" b="1">
                <a:solidFill>
                  <a:schemeClr val="bg2"/>
                </a:solidFill>
              </a:defRPr>
            </a:lvl1pPr>
            <a:lvl5pPr marL="1828800" indent="0">
              <a:buNone/>
              <a:defRPr/>
            </a:lvl5pPr>
          </a:lstStyle>
          <a:p>
            <a:pPr lvl="0"/>
            <a:r>
              <a:rPr lang="en-US" dirty="0"/>
              <a:t>Edit Master text</a:t>
            </a:r>
            <a:endParaRPr lang="en-GB" dirty="0"/>
          </a:p>
        </p:txBody>
      </p:sp>
      <p:sp>
        <p:nvSpPr>
          <p:cNvPr id="39" name="Text Placeholder 37"/>
          <p:cNvSpPr>
            <a:spLocks noGrp="1"/>
          </p:cNvSpPr>
          <p:nvPr>
            <p:ph type="body" sz="quarter" idx="12"/>
          </p:nvPr>
        </p:nvSpPr>
        <p:spPr>
          <a:xfrm>
            <a:off x="13780092" y="2636776"/>
            <a:ext cx="5760000" cy="6480000"/>
          </a:xfrm>
          <a:ln w="12700">
            <a:solidFill>
              <a:srgbClr val="F76C6C"/>
            </a:solidFill>
          </a:ln>
        </p:spPr>
        <p:txBody>
          <a:bodyPr lIns="360000" tIns="360000" rIns="360000" bIns="360000">
            <a:noAutofit/>
          </a:bodyPr>
          <a:lstStyle>
            <a:lvl1pPr>
              <a:defRPr sz="3200"/>
            </a:lvl1pPr>
          </a:lstStyle>
          <a:p>
            <a:pPr lvl="0"/>
            <a:r>
              <a:rPr lang="en-US" dirty="0"/>
              <a:t>Edit Master text styles</a:t>
            </a:r>
          </a:p>
        </p:txBody>
      </p:sp>
      <p:cxnSp>
        <p:nvCxnSpPr>
          <p:cNvPr id="40" name="Straight Connector 39"/>
          <p:cNvCxnSpPr/>
          <p:nvPr userDrawn="1"/>
        </p:nvCxnSpPr>
        <p:spPr>
          <a:xfrm>
            <a:off x="13709112" y="3741001"/>
            <a:ext cx="4706197" cy="0"/>
          </a:xfrm>
          <a:prstGeom prst="line">
            <a:avLst/>
          </a:prstGeom>
          <a:ln w="9525">
            <a:solidFill>
              <a:schemeClr val="bg1"/>
            </a:solidFill>
            <a:prstDash val="sysDash"/>
          </a:ln>
        </p:spPr>
        <p:style>
          <a:lnRef idx="1">
            <a:schemeClr val="accent1"/>
          </a:lnRef>
          <a:fillRef idx="0">
            <a:schemeClr val="accent1"/>
          </a:fillRef>
          <a:effectRef idx="0">
            <a:schemeClr val="accent1"/>
          </a:effectRef>
          <a:fontRef idx="minor">
            <a:schemeClr val="tx1"/>
          </a:fontRef>
        </p:style>
      </p:cxnSp>
      <p:sp>
        <p:nvSpPr>
          <p:cNvPr id="41" name="Rectangle 40"/>
          <p:cNvSpPr/>
          <p:nvPr userDrawn="1"/>
        </p:nvSpPr>
        <p:spPr>
          <a:xfrm>
            <a:off x="14704167" y="7025892"/>
            <a:ext cx="3787166" cy="21380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42" name="Picture 41"/>
          <p:cNvPicPr>
            <a:picLocks noChangeAspect="1"/>
          </p:cNvPicPr>
          <p:nvPr userDrawn="1"/>
        </p:nvPicPr>
        <p:blipFill>
          <a:blip r:embed="rId2" cstate="email">
            <a:extLst>
              <a:ext uri="{28A0092B-C50C-407E-A947-70E740481C1C}">
                <a14:useLocalDpi xmlns:a14="http://schemas.microsoft.com/office/drawing/2010/main" val="0"/>
              </a:ext>
            </a:extLst>
          </a:blip>
          <a:stretch>
            <a:fillRect/>
          </a:stretch>
        </p:blipFill>
        <p:spPr>
          <a:xfrm>
            <a:off x="14401713" y="6747906"/>
            <a:ext cx="4445779" cy="2912752"/>
          </a:xfrm>
          <a:prstGeom prst="rect">
            <a:avLst/>
          </a:prstGeom>
        </p:spPr>
      </p:pic>
      <p:sp>
        <p:nvSpPr>
          <p:cNvPr id="43" name="Text Placeholder 35"/>
          <p:cNvSpPr>
            <a:spLocks noGrp="1"/>
          </p:cNvSpPr>
          <p:nvPr>
            <p:ph type="body" sz="quarter" idx="13"/>
          </p:nvPr>
        </p:nvSpPr>
        <p:spPr>
          <a:xfrm>
            <a:off x="15061565" y="7652609"/>
            <a:ext cx="3143884" cy="1200150"/>
          </a:xfrm>
        </p:spPr>
        <p:txBody>
          <a:bodyPr>
            <a:normAutofit/>
          </a:bodyPr>
          <a:lstStyle>
            <a:lvl1pPr marL="0" indent="0" algn="ctr">
              <a:buFontTx/>
              <a:buNone/>
              <a:defRPr sz="3200" b="1">
                <a:solidFill>
                  <a:schemeClr val="bg2"/>
                </a:solidFill>
              </a:defRPr>
            </a:lvl1pPr>
            <a:lvl5pPr marL="1828800" indent="0">
              <a:buNone/>
              <a:defRPr/>
            </a:lvl5pPr>
          </a:lstStyle>
          <a:p>
            <a:pPr lvl="0"/>
            <a:r>
              <a:rPr lang="en-US" dirty="0"/>
              <a:t>Edit Master text</a:t>
            </a:r>
            <a:endParaRPr lang="en-GB" dirty="0"/>
          </a:p>
        </p:txBody>
      </p:sp>
      <p:sp>
        <p:nvSpPr>
          <p:cNvPr id="44" name="Text Placeholder 37"/>
          <p:cNvSpPr>
            <a:spLocks noGrp="1"/>
          </p:cNvSpPr>
          <p:nvPr>
            <p:ph type="body" sz="quarter" idx="14"/>
          </p:nvPr>
        </p:nvSpPr>
        <p:spPr>
          <a:xfrm>
            <a:off x="7293638" y="2636776"/>
            <a:ext cx="5760000" cy="6480000"/>
          </a:xfrm>
          <a:ln w="12700">
            <a:solidFill>
              <a:srgbClr val="F76C6C"/>
            </a:solidFill>
          </a:ln>
        </p:spPr>
        <p:txBody>
          <a:bodyPr lIns="360000" tIns="360000" rIns="360000" bIns="360000">
            <a:noAutofit/>
          </a:bodyPr>
          <a:lstStyle>
            <a:lvl1pPr>
              <a:defRPr sz="3200"/>
            </a:lvl1pPr>
          </a:lstStyle>
          <a:p>
            <a:pPr lvl="0"/>
            <a:r>
              <a:rPr lang="en-US" dirty="0"/>
              <a:t>Edit Master text styles</a:t>
            </a:r>
          </a:p>
        </p:txBody>
      </p:sp>
      <p:cxnSp>
        <p:nvCxnSpPr>
          <p:cNvPr id="45" name="Straight Connector 44"/>
          <p:cNvCxnSpPr/>
          <p:nvPr userDrawn="1"/>
        </p:nvCxnSpPr>
        <p:spPr>
          <a:xfrm>
            <a:off x="7222658" y="3741001"/>
            <a:ext cx="4706197" cy="0"/>
          </a:xfrm>
          <a:prstGeom prst="line">
            <a:avLst/>
          </a:prstGeom>
          <a:ln w="9525">
            <a:solidFill>
              <a:schemeClr val="bg1"/>
            </a:solidFill>
            <a:prstDash val="sysDash"/>
          </a:ln>
        </p:spPr>
        <p:style>
          <a:lnRef idx="1">
            <a:schemeClr val="accent1"/>
          </a:lnRef>
          <a:fillRef idx="0">
            <a:schemeClr val="accent1"/>
          </a:fillRef>
          <a:effectRef idx="0">
            <a:schemeClr val="accent1"/>
          </a:effectRef>
          <a:fontRef idx="minor">
            <a:schemeClr val="tx1"/>
          </a:fontRef>
        </p:style>
      </p:cxnSp>
      <p:sp>
        <p:nvSpPr>
          <p:cNvPr id="46" name="Rectangle 45"/>
          <p:cNvSpPr/>
          <p:nvPr userDrawn="1"/>
        </p:nvSpPr>
        <p:spPr>
          <a:xfrm>
            <a:off x="8217713" y="7025892"/>
            <a:ext cx="3787166" cy="213808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47" name="Picture 46"/>
          <p:cNvPicPr>
            <a:picLocks noChangeAspect="1"/>
          </p:cNvPicPr>
          <p:nvPr userDrawn="1"/>
        </p:nvPicPr>
        <p:blipFill>
          <a:blip r:embed="rId2" cstate="email">
            <a:extLst>
              <a:ext uri="{28A0092B-C50C-407E-A947-70E740481C1C}">
                <a14:useLocalDpi xmlns:a14="http://schemas.microsoft.com/office/drawing/2010/main" val="0"/>
              </a:ext>
            </a:extLst>
          </a:blip>
          <a:stretch>
            <a:fillRect/>
          </a:stretch>
        </p:blipFill>
        <p:spPr>
          <a:xfrm>
            <a:off x="7915259" y="6747906"/>
            <a:ext cx="4445779" cy="2912752"/>
          </a:xfrm>
          <a:prstGeom prst="rect">
            <a:avLst/>
          </a:prstGeom>
        </p:spPr>
      </p:pic>
      <p:sp>
        <p:nvSpPr>
          <p:cNvPr id="48" name="Text Placeholder 35"/>
          <p:cNvSpPr>
            <a:spLocks noGrp="1"/>
          </p:cNvSpPr>
          <p:nvPr>
            <p:ph type="body" sz="quarter" idx="15"/>
          </p:nvPr>
        </p:nvSpPr>
        <p:spPr>
          <a:xfrm>
            <a:off x="8575111" y="7652609"/>
            <a:ext cx="3143884" cy="1200150"/>
          </a:xfrm>
        </p:spPr>
        <p:txBody>
          <a:bodyPr>
            <a:normAutofit/>
          </a:bodyPr>
          <a:lstStyle>
            <a:lvl1pPr marL="0" indent="0" algn="ctr">
              <a:buFontTx/>
              <a:buNone/>
              <a:defRPr sz="3200" b="1">
                <a:solidFill>
                  <a:schemeClr val="bg2"/>
                </a:solidFill>
              </a:defRPr>
            </a:lvl1pPr>
            <a:lvl5pPr marL="1828800" indent="0">
              <a:buNone/>
              <a:defRPr/>
            </a:lvl5pPr>
          </a:lstStyle>
          <a:p>
            <a:pPr lvl="0"/>
            <a:r>
              <a:rPr lang="en-US" dirty="0"/>
              <a:t>Edit Master text</a:t>
            </a:r>
            <a:endParaRPr lang="en-GB" dirty="0"/>
          </a:p>
        </p:txBody>
      </p:sp>
      <p:sp>
        <p:nvSpPr>
          <p:cNvPr id="22" name="Title 4"/>
          <p:cNvSpPr>
            <a:spLocks noGrp="1"/>
          </p:cNvSpPr>
          <p:nvPr>
            <p:ph type="title"/>
          </p:nvPr>
        </p:nvSpPr>
        <p:spPr>
          <a:xfrm>
            <a:off x="842674" y="794960"/>
            <a:ext cx="17793001" cy="984304"/>
          </a:xfrm>
          <a:prstGeom prst="rect">
            <a:avLst/>
          </a:prstGeom>
        </p:spPr>
        <p:txBody>
          <a:bodyPr anchor="t" anchorCtr="0"/>
          <a:lstStyle>
            <a:lvl1pPr>
              <a:defRPr sz="4800">
                <a:solidFill>
                  <a:srgbClr val="114B5F"/>
                </a:solidFill>
              </a:defRPr>
            </a:lvl1pPr>
          </a:lstStyle>
          <a:p>
            <a:r>
              <a:rPr lang="en-US" dirty="0"/>
              <a:t>Click to edit Master title style</a:t>
            </a:r>
            <a:endParaRPr lang="en-GB" dirty="0"/>
          </a:p>
        </p:txBody>
      </p:sp>
    </p:spTree>
    <p:extLst>
      <p:ext uri="{BB962C8B-B14F-4D97-AF65-F5344CB8AC3E}">
        <p14:creationId xmlns:p14="http://schemas.microsoft.com/office/powerpoint/2010/main" val="1530614788"/>
      </p:ext>
    </p:extLst>
  </p:cSld>
  <p:clrMapOvr>
    <a:masterClrMapping/>
  </p:clrMapOvr>
</p:sldLayout>
</file>

<file path=ppt/slideLayouts/slideLayout81.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6" name="Picture Placeholder 15"/>
          <p:cNvSpPr>
            <a:spLocks noGrp="1"/>
          </p:cNvSpPr>
          <p:nvPr>
            <p:ph type="pic" sz="quarter" idx="10"/>
          </p:nvPr>
        </p:nvSpPr>
        <p:spPr>
          <a:xfrm>
            <a:off x="842674" y="3580673"/>
            <a:ext cx="1620000" cy="1620000"/>
          </a:xfrm>
          <a:prstGeom prst="ellipse">
            <a:avLst/>
          </a:prstGeom>
          <a:noFill/>
        </p:spPr>
        <p:txBody>
          <a:bodyPr/>
          <a:lstStyle>
            <a:lvl1pPr marL="0" indent="0">
              <a:buFontTx/>
              <a:buNone/>
              <a:defRPr sz="1200"/>
            </a:lvl1pPr>
          </a:lstStyle>
          <a:p>
            <a:r>
              <a:rPr lang="en-US" dirty="0"/>
              <a:t>Click icon to add picture</a:t>
            </a:r>
            <a:endParaRPr lang="en-GB" dirty="0"/>
          </a:p>
        </p:txBody>
      </p:sp>
      <p:sp>
        <p:nvSpPr>
          <p:cNvPr id="27" name="Text Placeholder 17"/>
          <p:cNvSpPr>
            <a:spLocks noGrp="1"/>
          </p:cNvSpPr>
          <p:nvPr>
            <p:ph type="body" sz="quarter" idx="11" hasCustomPrompt="1"/>
          </p:nvPr>
        </p:nvSpPr>
        <p:spPr>
          <a:xfrm>
            <a:off x="2704237" y="3294946"/>
            <a:ext cx="4450943" cy="2191454"/>
          </a:xfrm>
          <a:prstGeom prst="rect">
            <a:avLst/>
          </a:prstGeom>
        </p:spPr>
        <p:txBody>
          <a:bodyPr anchor="ctr" anchorCtr="0">
            <a:normAutofit/>
          </a:bodyPr>
          <a:lstStyle>
            <a:lvl1pPr marL="0" indent="0">
              <a:spcBef>
                <a:spcPts val="0"/>
              </a:spcBef>
              <a:spcAft>
                <a:spcPts val="0"/>
              </a:spcAft>
              <a:buNone/>
              <a:defRPr sz="3200">
                <a:solidFill>
                  <a:schemeClr val="accent5"/>
                </a:solidFill>
              </a:defRPr>
            </a:lvl1pPr>
            <a:lvl2pPr marL="457200" indent="0">
              <a:buNone/>
              <a:defRPr/>
            </a:lvl2pPr>
            <a:lvl3pPr marL="914400" indent="0">
              <a:buNone/>
              <a:defRPr/>
            </a:lvl3pPr>
          </a:lstStyle>
          <a:p>
            <a:pPr lvl="0"/>
            <a:r>
              <a:rPr lang="en-US" dirty="0"/>
              <a:t>Click to edit Name</a:t>
            </a:r>
            <a:br>
              <a:rPr lang="en-US" dirty="0"/>
            </a:br>
            <a:r>
              <a:rPr lang="en-US" dirty="0"/>
              <a:t>Title </a:t>
            </a:r>
            <a:br>
              <a:rPr lang="en-US" dirty="0"/>
            </a:br>
            <a:r>
              <a:rPr lang="en-US" dirty="0"/>
              <a:t>T: 01204 </a:t>
            </a:r>
            <a:r>
              <a:rPr lang="en-US" dirty="0" err="1"/>
              <a:t>xxxxxxx</a:t>
            </a:r>
            <a:r>
              <a:rPr lang="en-US" dirty="0"/>
              <a:t/>
            </a:r>
            <a:br>
              <a:rPr lang="en-US" dirty="0"/>
            </a:br>
            <a:r>
              <a:rPr lang="en-US" dirty="0"/>
              <a:t>E: name@keoghs.co.uk</a:t>
            </a:r>
            <a:endParaRPr lang="en-GB" dirty="0"/>
          </a:p>
        </p:txBody>
      </p:sp>
      <p:sp>
        <p:nvSpPr>
          <p:cNvPr id="44" name="TextBox 43"/>
          <p:cNvSpPr txBox="1"/>
          <p:nvPr userDrawn="1"/>
        </p:nvSpPr>
        <p:spPr>
          <a:xfrm>
            <a:off x="842674" y="2291830"/>
            <a:ext cx="12256106" cy="707886"/>
          </a:xfrm>
          <a:prstGeom prst="rect">
            <a:avLst/>
          </a:prstGeom>
          <a:noFill/>
        </p:spPr>
        <p:txBody>
          <a:bodyPr wrap="square" rtlCol="0">
            <a:spAutoFit/>
          </a:bodyPr>
          <a:lstStyle/>
          <a:p>
            <a:pPr marL="0" lvl="0" indent="0">
              <a:buFontTx/>
              <a:buNone/>
            </a:pPr>
            <a:r>
              <a:rPr lang="en-US" sz="4000" b="1" dirty="0">
                <a:solidFill>
                  <a:schemeClr val="bg2"/>
                </a:solidFill>
              </a:rPr>
              <a:t>For more information please contact: </a:t>
            </a:r>
          </a:p>
        </p:txBody>
      </p:sp>
      <p:cxnSp>
        <p:nvCxnSpPr>
          <p:cNvPr id="51" name="Straight Connector 50"/>
          <p:cNvCxnSpPr/>
          <p:nvPr userDrawn="1"/>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sp>
        <p:nvSpPr>
          <p:cNvPr id="54" name="Picture Placeholder 15"/>
          <p:cNvSpPr>
            <a:spLocks noGrp="1"/>
          </p:cNvSpPr>
          <p:nvPr>
            <p:ph type="pic" sz="quarter" idx="12"/>
          </p:nvPr>
        </p:nvSpPr>
        <p:spPr>
          <a:xfrm>
            <a:off x="842674" y="5987370"/>
            <a:ext cx="1620000" cy="1620000"/>
          </a:xfrm>
          <a:prstGeom prst="ellipse">
            <a:avLst/>
          </a:prstGeom>
          <a:noFill/>
        </p:spPr>
        <p:txBody>
          <a:bodyPr/>
          <a:lstStyle>
            <a:lvl1pPr marL="0" indent="0">
              <a:buFontTx/>
              <a:buNone/>
              <a:defRPr sz="1200"/>
            </a:lvl1pPr>
          </a:lstStyle>
          <a:p>
            <a:r>
              <a:rPr lang="en-US" dirty="0"/>
              <a:t>Click icon to add picture</a:t>
            </a:r>
            <a:endParaRPr lang="en-GB" dirty="0"/>
          </a:p>
        </p:txBody>
      </p:sp>
      <p:sp>
        <p:nvSpPr>
          <p:cNvPr id="55" name="Picture Placeholder 15"/>
          <p:cNvSpPr>
            <a:spLocks noGrp="1"/>
          </p:cNvSpPr>
          <p:nvPr>
            <p:ph type="pic" sz="quarter" idx="13"/>
          </p:nvPr>
        </p:nvSpPr>
        <p:spPr>
          <a:xfrm>
            <a:off x="842674" y="8364810"/>
            <a:ext cx="1620000" cy="1620000"/>
          </a:xfrm>
          <a:prstGeom prst="ellipse">
            <a:avLst/>
          </a:prstGeom>
          <a:noFill/>
        </p:spPr>
        <p:txBody>
          <a:bodyPr/>
          <a:lstStyle>
            <a:lvl1pPr marL="0" indent="0">
              <a:buFontTx/>
              <a:buNone/>
              <a:defRPr sz="1200"/>
            </a:lvl1pPr>
          </a:lstStyle>
          <a:p>
            <a:r>
              <a:rPr lang="en-US" dirty="0"/>
              <a:t>Click icon to add picture</a:t>
            </a:r>
            <a:endParaRPr lang="en-GB" dirty="0"/>
          </a:p>
        </p:txBody>
      </p:sp>
      <p:sp>
        <p:nvSpPr>
          <p:cNvPr id="56" name="Text Placeholder 17"/>
          <p:cNvSpPr>
            <a:spLocks noGrp="1"/>
          </p:cNvSpPr>
          <p:nvPr>
            <p:ph type="body" sz="quarter" idx="14" hasCustomPrompt="1"/>
          </p:nvPr>
        </p:nvSpPr>
        <p:spPr>
          <a:xfrm>
            <a:off x="2704237" y="5701643"/>
            <a:ext cx="4450943" cy="2191454"/>
          </a:xfrm>
          <a:prstGeom prst="rect">
            <a:avLst/>
          </a:prstGeom>
        </p:spPr>
        <p:txBody>
          <a:bodyPr anchor="ctr" anchorCtr="0">
            <a:normAutofit/>
          </a:bodyPr>
          <a:lstStyle>
            <a:lvl1pPr marL="0" indent="0">
              <a:spcBef>
                <a:spcPts val="0"/>
              </a:spcBef>
              <a:spcAft>
                <a:spcPts val="0"/>
              </a:spcAft>
              <a:buNone/>
              <a:defRPr sz="3200">
                <a:solidFill>
                  <a:schemeClr val="accent5"/>
                </a:solidFill>
              </a:defRPr>
            </a:lvl1pPr>
            <a:lvl2pPr marL="457200" indent="0">
              <a:buNone/>
              <a:defRPr/>
            </a:lvl2pPr>
            <a:lvl3pPr marL="914400" indent="0">
              <a:buNone/>
              <a:defRPr/>
            </a:lvl3pPr>
          </a:lstStyle>
          <a:p>
            <a:pPr lvl="0"/>
            <a:r>
              <a:rPr lang="en-US" dirty="0"/>
              <a:t>Click to edit Name</a:t>
            </a:r>
            <a:br>
              <a:rPr lang="en-US" dirty="0"/>
            </a:br>
            <a:r>
              <a:rPr lang="en-US" dirty="0"/>
              <a:t>Title </a:t>
            </a:r>
            <a:br>
              <a:rPr lang="en-US" dirty="0"/>
            </a:br>
            <a:r>
              <a:rPr lang="en-US" dirty="0"/>
              <a:t>T: 01204 </a:t>
            </a:r>
            <a:r>
              <a:rPr lang="en-US" dirty="0" err="1"/>
              <a:t>xxxxxxx</a:t>
            </a:r>
            <a:r>
              <a:rPr lang="en-US" dirty="0"/>
              <a:t/>
            </a:r>
            <a:br>
              <a:rPr lang="en-US" dirty="0"/>
            </a:br>
            <a:r>
              <a:rPr lang="en-US" dirty="0"/>
              <a:t>E: name@keoghs.co.uk</a:t>
            </a:r>
            <a:endParaRPr lang="en-GB" dirty="0"/>
          </a:p>
        </p:txBody>
      </p:sp>
      <p:sp>
        <p:nvSpPr>
          <p:cNvPr id="57" name="Text Placeholder 17"/>
          <p:cNvSpPr>
            <a:spLocks noGrp="1"/>
          </p:cNvSpPr>
          <p:nvPr>
            <p:ph type="body" sz="quarter" idx="15" hasCustomPrompt="1"/>
          </p:nvPr>
        </p:nvSpPr>
        <p:spPr>
          <a:xfrm>
            <a:off x="2704237" y="8079083"/>
            <a:ext cx="4450943" cy="2191454"/>
          </a:xfrm>
          <a:prstGeom prst="rect">
            <a:avLst/>
          </a:prstGeom>
        </p:spPr>
        <p:txBody>
          <a:bodyPr anchor="ctr" anchorCtr="0">
            <a:normAutofit/>
          </a:bodyPr>
          <a:lstStyle>
            <a:lvl1pPr marL="0" indent="0">
              <a:spcBef>
                <a:spcPts val="0"/>
              </a:spcBef>
              <a:spcAft>
                <a:spcPts val="0"/>
              </a:spcAft>
              <a:buNone/>
              <a:defRPr sz="3200">
                <a:solidFill>
                  <a:schemeClr val="accent5"/>
                </a:solidFill>
              </a:defRPr>
            </a:lvl1pPr>
            <a:lvl2pPr marL="457200" indent="0">
              <a:buNone/>
              <a:defRPr/>
            </a:lvl2pPr>
            <a:lvl3pPr marL="914400" indent="0">
              <a:buNone/>
              <a:defRPr/>
            </a:lvl3pPr>
          </a:lstStyle>
          <a:p>
            <a:pPr lvl="0"/>
            <a:r>
              <a:rPr lang="en-US" dirty="0"/>
              <a:t>Click to edit Name</a:t>
            </a:r>
            <a:br>
              <a:rPr lang="en-US" dirty="0"/>
            </a:br>
            <a:r>
              <a:rPr lang="en-US" dirty="0"/>
              <a:t>Title </a:t>
            </a:r>
            <a:br>
              <a:rPr lang="en-US" dirty="0"/>
            </a:br>
            <a:r>
              <a:rPr lang="en-US" dirty="0"/>
              <a:t>T: 01204 </a:t>
            </a:r>
            <a:r>
              <a:rPr lang="en-US" dirty="0" err="1"/>
              <a:t>xxxxxxx</a:t>
            </a:r>
            <a:r>
              <a:rPr lang="en-US" dirty="0"/>
              <a:t/>
            </a:r>
            <a:br>
              <a:rPr lang="en-US" dirty="0"/>
            </a:br>
            <a:r>
              <a:rPr lang="en-US" dirty="0"/>
              <a:t>E: name@keoghs.co.uk</a:t>
            </a:r>
            <a:endParaRPr lang="en-GB" dirty="0"/>
          </a:p>
        </p:txBody>
      </p:sp>
      <p:sp>
        <p:nvSpPr>
          <p:cNvPr id="58" name="Picture Placeholder 15"/>
          <p:cNvSpPr>
            <a:spLocks noGrp="1"/>
          </p:cNvSpPr>
          <p:nvPr>
            <p:ph type="pic" sz="quarter" idx="16"/>
          </p:nvPr>
        </p:nvSpPr>
        <p:spPr>
          <a:xfrm>
            <a:off x="7807354" y="3580673"/>
            <a:ext cx="1620000" cy="1620000"/>
          </a:xfrm>
          <a:prstGeom prst="ellipse">
            <a:avLst/>
          </a:prstGeom>
          <a:noFill/>
        </p:spPr>
        <p:txBody>
          <a:bodyPr/>
          <a:lstStyle>
            <a:lvl1pPr marL="0" indent="0">
              <a:buFontTx/>
              <a:buNone/>
              <a:defRPr sz="1200"/>
            </a:lvl1pPr>
          </a:lstStyle>
          <a:p>
            <a:r>
              <a:rPr lang="en-US" dirty="0"/>
              <a:t>Click icon to add picture</a:t>
            </a:r>
            <a:endParaRPr lang="en-GB" dirty="0"/>
          </a:p>
        </p:txBody>
      </p:sp>
      <p:sp>
        <p:nvSpPr>
          <p:cNvPr id="59" name="Picture Placeholder 15"/>
          <p:cNvSpPr>
            <a:spLocks noGrp="1"/>
          </p:cNvSpPr>
          <p:nvPr>
            <p:ph type="pic" sz="quarter" idx="17"/>
          </p:nvPr>
        </p:nvSpPr>
        <p:spPr>
          <a:xfrm>
            <a:off x="7807354" y="5987370"/>
            <a:ext cx="1620000" cy="1620000"/>
          </a:xfrm>
          <a:prstGeom prst="ellipse">
            <a:avLst/>
          </a:prstGeom>
          <a:noFill/>
        </p:spPr>
        <p:txBody>
          <a:bodyPr/>
          <a:lstStyle>
            <a:lvl1pPr marL="0" indent="0">
              <a:buFontTx/>
              <a:buNone/>
              <a:defRPr sz="1200"/>
            </a:lvl1pPr>
          </a:lstStyle>
          <a:p>
            <a:r>
              <a:rPr lang="en-US" dirty="0"/>
              <a:t>Click icon to add picture</a:t>
            </a:r>
            <a:endParaRPr lang="en-GB" dirty="0"/>
          </a:p>
        </p:txBody>
      </p:sp>
      <p:sp>
        <p:nvSpPr>
          <p:cNvPr id="60" name="Picture Placeholder 15"/>
          <p:cNvSpPr>
            <a:spLocks noGrp="1"/>
          </p:cNvSpPr>
          <p:nvPr>
            <p:ph type="pic" sz="quarter" idx="18"/>
          </p:nvPr>
        </p:nvSpPr>
        <p:spPr>
          <a:xfrm>
            <a:off x="7807354" y="8364810"/>
            <a:ext cx="1620000" cy="1620000"/>
          </a:xfrm>
          <a:prstGeom prst="ellipse">
            <a:avLst/>
          </a:prstGeom>
          <a:noFill/>
        </p:spPr>
        <p:txBody>
          <a:bodyPr/>
          <a:lstStyle>
            <a:lvl1pPr marL="0" indent="0">
              <a:buFontTx/>
              <a:buNone/>
              <a:defRPr sz="1200"/>
            </a:lvl1pPr>
          </a:lstStyle>
          <a:p>
            <a:r>
              <a:rPr lang="en-US" dirty="0"/>
              <a:t>Click icon to add picture</a:t>
            </a:r>
            <a:endParaRPr lang="en-GB" dirty="0"/>
          </a:p>
        </p:txBody>
      </p:sp>
      <p:sp>
        <p:nvSpPr>
          <p:cNvPr id="61" name="Text Placeholder 17"/>
          <p:cNvSpPr>
            <a:spLocks noGrp="1"/>
          </p:cNvSpPr>
          <p:nvPr>
            <p:ph type="body" sz="quarter" idx="19" hasCustomPrompt="1"/>
          </p:nvPr>
        </p:nvSpPr>
        <p:spPr>
          <a:xfrm>
            <a:off x="9714637" y="3294946"/>
            <a:ext cx="4450943" cy="2191454"/>
          </a:xfrm>
          <a:prstGeom prst="rect">
            <a:avLst/>
          </a:prstGeom>
        </p:spPr>
        <p:txBody>
          <a:bodyPr anchor="ctr" anchorCtr="0">
            <a:normAutofit/>
          </a:bodyPr>
          <a:lstStyle>
            <a:lvl1pPr marL="0" indent="0">
              <a:spcBef>
                <a:spcPts val="0"/>
              </a:spcBef>
              <a:spcAft>
                <a:spcPts val="0"/>
              </a:spcAft>
              <a:buNone/>
              <a:defRPr sz="3200">
                <a:solidFill>
                  <a:schemeClr val="accent5"/>
                </a:solidFill>
              </a:defRPr>
            </a:lvl1pPr>
            <a:lvl2pPr marL="457200" indent="0">
              <a:buNone/>
              <a:defRPr/>
            </a:lvl2pPr>
            <a:lvl3pPr marL="914400" indent="0">
              <a:buNone/>
              <a:defRPr/>
            </a:lvl3pPr>
          </a:lstStyle>
          <a:p>
            <a:pPr lvl="0"/>
            <a:r>
              <a:rPr lang="en-US" dirty="0"/>
              <a:t>Click to edit Name</a:t>
            </a:r>
            <a:br>
              <a:rPr lang="en-US" dirty="0"/>
            </a:br>
            <a:r>
              <a:rPr lang="en-US" dirty="0"/>
              <a:t>Title </a:t>
            </a:r>
            <a:br>
              <a:rPr lang="en-US" dirty="0"/>
            </a:br>
            <a:r>
              <a:rPr lang="en-US" dirty="0"/>
              <a:t>T: 01204 </a:t>
            </a:r>
            <a:r>
              <a:rPr lang="en-US" dirty="0" err="1"/>
              <a:t>xxxxxxx</a:t>
            </a:r>
            <a:r>
              <a:rPr lang="en-US" dirty="0"/>
              <a:t/>
            </a:r>
            <a:br>
              <a:rPr lang="en-US" dirty="0"/>
            </a:br>
            <a:r>
              <a:rPr lang="en-US" dirty="0"/>
              <a:t>E: name@keoghs.co.uk</a:t>
            </a:r>
            <a:endParaRPr lang="en-GB" dirty="0"/>
          </a:p>
        </p:txBody>
      </p:sp>
      <p:sp>
        <p:nvSpPr>
          <p:cNvPr id="62" name="Text Placeholder 17"/>
          <p:cNvSpPr>
            <a:spLocks noGrp="1"/>
          </p:cNvSpPr>
          <p:nvPr>
            <p:ph type="body" sz="quarter" idx="20" hasCustomPrompt="1"/>
          </p:nvPr>
        </p:nvSpPr>
        <p:spPr>
          <a:xfrm>
            <a:off x="9714637" y="5701643"/>
            <a:ext cx="4450943" cy="2191454"/>
          </a:xfrm>
          <a:prstGeom prst="rect">
            <a:avLst/>
          </a:prstGeom>
        </p:spPr>
        <p:txBody>
          <a:bodyPr anchor="ctr" anchorCtr="0">
            <a:normAutofit/>
          </a:bodyPr>
          <a:lstStyle>
            <a:lvl1pPr marL="0" indent="0">
              <a:spcBef>
                <a:spcPts val="0"/>
              </a:spcBef>
              <a:spcAft>
                <a:spcPts val="0"/>
              </a:spcAft>
              <a:buNone/>
              <a:defRPr sz="3200">
                <a:solidFill>
                  <a:schemeClr val="accent5"/>
                </a:solidFill>
              </a:defRPr>
            </a:lvl1pPr>
            <a:lvl2pPr marL="457200" indent="0">
              <a:buNone/>
              <a:defRPr/>
            </a:lvl2pPr>
            <a:lvl3pPr marL="914400" indent="0">
              <a:buNone/>
              <a:defRPr/>
            </a:lvl3pPr>
          </a:lstStyle>
          <a:p>
            <a:pPr lvl="0"/>
            <a:r>
              <a:rPr lang="en-US" dirty="0"/>
              <a:t>Click to edit Name</a:t>
            </a:r>
            <a:br>
              <a:rPr lang="en-US" dirty="0"/>
            </a:br>
            <a:r>
              <a:rPr lang="en-US" dirty="0"/>
              <a:t>Title </a:t>
            </a:r>
            <a:br>
              <a:rPr lang="en-US" dirty="0"/>
            </a:br>
            <a:r>
              <a:rPr lang="en-US" dirty="0"/>
              <a:t>T: 01204 </a:t>
            </a:r>
            <a:r>
              <a:rPr lang="en-US" dirty="0" err="1"/>
              <a:t>xxxxxxx</a:t>
            </a:r>
            <a:r>
              <a:rPr lang="en-US" dirty="0"/>
              <a:t/>
            </a:r>
            <a:br>
              <a:rPr lang="en-US" dirty="0"/>
            </a:br>
            <a:r>
              <a:rPr lang="en-US" dirty="0"/>
              <a:t>E: name@keoghs.co.uk</a:t>
            </a:r>
            <a:endParaRPr lang="en-GB" dirty="0"/>
          </a:p>
        </p:txBody>
      </p:sp>
      <p:sp>
        <p:nvSpPr>
          <p:cNvPr id="63" name="Text Placeholder 17"/>
          <p:cNvSpPr>
            <a:spLocks noGrp="1"/>
          </p:cNvSpPr>
          <p:nvPr>
            <p:ph type="body" sz="quarter" idx="21" hasCustomPrompt="1"/>
          </p:nvPr>
        </p:nvSpPr>
        <p:spPr>
          <a:xfrm>
            <a:off x="9714637" y="8079083"/>
            <a:ext cx="4450943" cy="2191454"/>
          </a:xfrm>
          <a:prstGeom prst="rect">
            <a:avLst/>
          </a:prstGeom>
        </p:spPr>
        <p:txBody>
          <a:bodyPr anchor="ctr" anchorCtr="0">
            <a:normAutofit/>
          </a:bodyPr>
          <a:lstStyle>
            <a:lvl1pPr marL="0" indent="0">
              <a:spcBef>
                <a:spcPts val="0"/>
              </a:spcBef>
              <a:spcAft>
                <a:spcPts val="0"/>
              </a:spcAft>
              <a:buNone/>
              <a:defRPr sz="3200">
                <a:solidFill>
                  <a:schemeClr val="accent5"/>
                </a:solidFill>
              </a:defRPr>
            </a:lvl1pPr>
            <a:lvl2pPr marL="457200" indent="0">
              <a:buNone/>
              <a:defRPr/>
            </a:lvl2pPr>
            <a:lvl3pPr marL="914400" indent="0">
              <a:buNone/>
              <a:defRPr/>
            </a:lvl3pPr>
          </a:lstStyle>
          <a:p>
            <a:pPr lvl="0"/>
            <a:r>
              <a:rPr lang="en-US" dirty="0"/>
              <a:t>Click to edit Name</a:t>
            </a:r>
            <a:br>
              <a:rPr lang="en-US" dirty="0"/>
            </a:br>
            <a:r>
              <a:rPr lang="en-US" dirty="0"/>
              <a:t>Title </a:t>
            </a:r>
            <a:br>
              <a:rPr lang="en-US" dirty="0"/>
            </a:br>
            <a:r>
              <a:rPr lang="en-US" dirty="0"/>
              <a:t>T: 01204 </a:t>
            </a:r>
            <a:r>
              <a:rPr lang="en-US" dirty="0" err="1"/>
              <a:t>xxxxxxx</a:t>
            </a:r>
            <a:r>
              <a:rPr lang="en-US" dirty="0"/>
              <a:t/>
            </a:r>
            <a:br>
              <a:rPr lang="en-US" dirty="0"/>
            </a:br>
            <a:r>
              <a:rPr lang="en-US" dirty="0"/>
              <a:t>E: name@keoghs.co.uk</a:t>
            </a:r>
            <a:endParaRPr lang="en-GB" dirty="0"/>
          </a:p>
        </p:txBody>
      </p:sp>
      <p:sp>
        <p:nvSpPr>
          <p:cNvPr id="18" name="Title 4"/>
          <p:cNvSpPr>
            <a:spLocks noGrp="1"/>
          </p:cNvSpPr>
          <p:nvPr>
            <p:ph type="title"/>
          </p:nvPr>
        </p:nvSpPr>
        <p:spPr>
          <a:xfrm>
            <a:off x="842674" y="794960"/>
            <a:ext cx="17793001" cy="984304"/>
          </a:xfrm>
          <a:prstGeom prst="rect">
            <a:avLst/>
          </a:prstGeom>
        </p:spPr>
        <p:txBody>
          <a:bodyPr anchor="t" anchorCtr="0"/>
          <a:lstStyle>
            <a:lvl1pPr>
              <a:defRPr sz="4800">
                <a:solidFill>
                  <a:srgbClr val="114B5F"/>
                </a:solidFill>
              </a:defRPr>
            </a:lvl1pPr>
          </a:lstStyle>
          <a:p>
            <a:r>
              <a:rPr lang="en-US" dirty="0"/>
              <a:t>Click to edit Master title style</a:t>
            </a:r>
            <a:endParaRPr lang="en-GB" dirty="0"/>
          </a:p>
        </p:txBody>
      </p:sp>
    </p:spTree>
    <p:extLst>
      <p:ext uri="{BB962C8B-B14F-4D97-AF65-F5344CB8AC3E}">
        <p14:creationId xmlns:p14="http://schemas.microsoft.com/office/powerpoint/2010/main" val="4123500266"/>
      </p:ext>
    </p:extLst>
  </p:cSld>
  <p:clrMapOvr>
    <a:masterClrMapping/>
  </p:clrMapOvr>
</p:sldLayout>
</file>

<file path=ppt/slideLayouts/slideLayout82.xml><?xml version="1.0" encoding="utf-8"?>
<p:sldLayout xmlns:a="http://schemas.openxmlformats.org/drawingml/2006/main" xmlns:r="http://schemas.openxmlformats.org/officeDocument/2006/relationships" xmlns:p="http://schemas.openxmlformats.org/presentationml/2006/main">
  <p:cSld name="1_Title and Content">
    <p:bg>
      <p:bgPr>
        <a:solidFill>
          <a:schemeClr val="accent3"/>
        </a:solidFill>
        <a:effectLst/>
      </p:bgPr>
    </p:bg>
    <p:spTree>
      <p:nvGrpSpPr>
        <p:cNvPr id="1" name=""/>
        <p:cNvGrpSpPr/>
        <p:nvPr/>
      </p:nvGrpSpPr>
      <p:grpSpPr>
        <a:xfrm>
          <a:off x="0" y="0"/>
          <a:ext cx="0" cy="0"/>
          <a:chOff x="0" y="0"/>
          <a:chExt cx="0" cy="0"/>
        </a:xfrm>
      </p:grpSpPr>
      <p:sp>
        <p:nvSpPr>
          <p:cNvPr id="7" name="Title Placeholder 1"/>
          <p:cNvSpPr>
            <a:spLocks noGrp="1"/>
          </p:cNvSpPr>
          <p:nvPr>
            <p:ph type="title"/>
          </p:nvPr>
        </p:nvSpPr>
        <p:spPr>
          <a:xfrm>
            <a:off x="0" y="4610100"/>
            <a:ext cx="20320000" cy="2209800"/>
          </a:xfrm>
          <a:prstGeom prst="rect">
            <a:avLst/>
          </a:prstGeom>
        </p:spPr>
        <p:txBody>
          <a:bodyPr vert="horz" lIns="91440" tIns="45720" rIns="91440" bIns="45720" rtlCol="0" anchor="ctr">
            <a:normAutofit/>
          </a:bodyPr>
          <a:lstStyle>
            <a:lvl1pPr>
              <a:defRPr>
                <a:solidFill>
                  <a:schemeClr val="bg1"/>
                </a:solidFill>
              </a:defRPr>
            </a:lvl1pPr>
          </a:lstStyle>
          <a:p>
            <a:r>
              <a:rPr lang="en-US"/>
              <a:t>Click to edit Master title style</a:t>
            </a:r>
            <a:endParaRPr lang="en-GB" dirty="0"/>
          </a:p>
        </p:txBody>
      </p:sp>
    </p:spTree>
    <p:extLst>
      <p:ext uri="{BB962C8B-B14F-4D97-AF65-F5344CB8AC3E}">
        <p14:creationId xmlns:p14="http://schemas.microsoft.com/office/powerpoint/2010/main" val="3401400929"/>
      </p:ext>
    </p:extLst>
  </p:cSld>
  <p:clrMapOvr>
    <a:masterClrMapping/>
  </p:clrMapOvr>
</p:sldLayout>
</file>

<file path=ppt/slideLayouts/slideLayout83.xml><?xml version="1.0" encoding="utf-8"?>
<p:sldLayout xmlns:a="http://schemas.openxmlformats.org/drawingml/2006/main" xmlns:r="http://schemas.openxmlformats.org/officeDocument/2006/relationships" xmlns:p="http://schemas.openxmlformats.org/presentationml/2006/main" userDrawn="1">
  <p:cSld name="1_Intro-1">
    <p:spTree>
      <p:nvGrpSpPr>
        <p:cNvPr id="1" name=""/>
        <p:cNvGrpSpPr/>
        <p:nvPr/>
      </p:nvGrpSpPr>
      <p:grpSpPr>
        <a:xfrm>
          <a:off x="0" y="0"/>
          <a:ext cx="0" cy="0"/>
          <a:chOff x="0" y="0"/>
          <a:chExt cx="0" cy="0"/>
        </a:xfrm>
      </p:grpSpPr>
      <p:pic>
        <p:nvPicPr>
          <p:cNvPr id="6" name="Comp 1">
            <a:hlinkClick r:id="" action="ppaction://media"/>
          </p:cNvPr>
          <p:cNvPicPr>
            <a:picLocks noChangeAspect="1"/>
          </p:cNvPicPr>
          <p:nvPr userDrawn="1">
            <a:videoFile r:link="rId2"/>
            <p:extLst>
              <p:ext uri="{DAA4B4D4-6D71-4841-9C94-3DE7FCFB9230}">
                <p14:media xmlns:p14="http://schemas.microsoft.com/office/powerpoint/2010/main" r:embed="rId1"/>
              </p:ext>
            </p:extLst>
          </p:nvPr>
        </p:nvPicPr>
        <p:blipFill>
          <a:blip r:embed="rId4"/>
          <a:stretch>
            <a:fillRect/>
          </a:stretch>
        </p:blipFill>
        <p:spPr>
          <a:xfrm>
            <a:off x="0" y="19049"/>
            <a:ext cx="20320000" cy="11430000"/>
          </a:xfrm>
          <a:prstGeom prst="rect">
            <a:avLst/>
          </a:prstGeom>
        </p:spPr>
      </p:pic>
      <p:sp>
        <p:nvSpPr>
          <p:cNvPr id="4" name="Rectangle 3"/>
          <p:cNvSpPr/>
          <p:nvPr/>
        </p:nvSpPr>
        <p:spPr>
          <a:xfrm>
            <a:off x="0" y="19051"/>
            <a:ext cx="20319999" cy="11410950"/>
          </a:xfrm>
          <a:prstGeom prst="rect">
            <a:avLst/>
          </a:prstGeom>
          <a:gradFill flip="none" rotWithShape="1">
            <a:gsLst>
              <a:gs pos="7000">
                <a:srgbClr val="114B5F"/>
              </a:gs>
              <a:gs pos="100000">
                <a:srgbClr val="F76C6C">
                  <a:alpha val="32000"/>
                </a:srgb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371532" eaLnBrk="1" fontAlgn="auto" hangingPunct="1">
              <a:spcBef>
                <a:spcPts val="0"/>
              </a:spcBef>
              <a:spcAft>
                <a:spcPts val="0"/>
              </a:spcAft>
              <a:defRPr/>
            </a:pPr>
            <a:endParaRPr lang="en-GB" sz="2700"/>
          </a:p>
        </p:txBody>
      </p:sp>
      <p:sp>
        <p:nvSpPr>
          <p:cNvPr id="2" name="Title 1"/>
          <p:cNvSpPr>
            <a:spLocks noGrp="1"/>
          </p:cNvSpPr>
          <p:nvPr>
            <p:ph type="title"/>
          </p:nvPr>
        </p:nvSpPr>
        <p:spPr>
          <a:xfrm>
            <a:off x="0" y="7450248"/>
            <a:ext cx="20320000" cy="2209800"/>
          </a:xfrm>
          <a:prstGeom prst="rect">
            <a:avLst/>
          </a:prstGeom>
        </p:spPr>
        <p:txBody>
          <a:bodyPr/>
          <a:lstStyle>
            <a:lvl1pPr algn="ctr">
              <a:defRPr>
                <a:solidFill>
                  <a:schemeClr val="bg1"/>
                </a:solidFill>
              </a:defRPr>
            </a:lvl1pPr>
          </a:lstStyle>
          <a:p>
            <a:r>
              <a:rPr lang="en-US"/>
              <a:t>Click to edit Master title style</a:t>
            </a:r>
            <a:endParaRPr lang="en-GB" dirty="0"/>
          </a:p>
        </p:txBody>
      </p:sp>
    </p:spTree>
    <p:extLst>
      <p:ext uri="{BB962C8B-B14F-4D97-AF65-F5344CB8AC3E}">
        <p14:creationId xmlns:p14="http://schemas.microsoft.com/office/powerpoint/2010/main" val="48426577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1" presetClass="mediacall" presetSubtype="0" fill="hold" nodeType="afterEffect">
                                  <p:stCondLst>
                                    <p:cond delay="0"/>
                                  </p:stCondLst>
                                  <p:childTnLst>
                                    <p:cmd type="call" cmd="playFrom(0.0)">
                                      <p:cBhvr>
                                        <p:cTn id="6" dur="14999" fill="hold"/>
                                        <p:tgtEl>
                                          <p:spTgt spid="6"/>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7" repeatCount="indefinite" fill="hold" display="0">
                  <p:stCondLst>
                    <p:cond delay="indefinite"/>
                  </p:stCondLst>
                  <p:endCondLst>
                    <p:cond evt="onNext" delay="0">
                      <p:tgtEl>
                        <p:sldTgt/>
                      </p:tgtEl>
                    </p:cond>
                  </p:endCondLst>
                </p:cTn>
                <p:tgtEl>
                  <p:spTgt spid="6"/>
                </p:tgtEl>
              </p:cMediaNode>
            </p:video>
          </p:childTnLst>
        </p:cTn>
      </p:par>
    </p:tnLst>
  </p:timing>
</p:sldLayout>
</file>

<file path=ppt/slideLayouts/slideLayout84.xml><?xml version="1.0" encoding="utf-8"?>
<p:sldLayout xmlns:a="http://schemas.openxmlformats.org/drawingml/2006/main" xmlns:r="http://schemas.openxmlformats.org/officeDocument/2006/relationships" xmlns:p="http://schemas.openxmlformats.org/presentationml/2006/main" matchingName="Title slide" type="title">
  <p:cSld name="Title slide">
    <p:spTree>
      <p:nvGrpSpPr>
        <p:cNvPr id="1" name="Shape 8"/>
        <p:cNvGrpSpPr/>
        <p:nvPr/>
      </p:nvGrpSpPr>
      <p:grpSpPr>
        <a:xfrm>
          <a:off x="0" y="0"/>
          <a:ext cx="0" cy="0"/>
          <a:chOff x="0" y="0"/>
          <a:chExt cx="0" cy="0"/>
        </a:xfrm>
      </p:grpSpPr>
      <p:pic>
        <p:nvPicPr>
          <p:cNvPr id="9" name="Google Shape;9;p2"/>
          <p:cNvPicPr preferRelativeResize="0"/>
          <p:nvPr/>
        </p:nvPicPr>
        <p:blipFill rotWithShape="1">
          <a:blip r:embed="rId2">
            <a:alphaModFix amt="58999"/>
          </a:blip>
          <a:srcRect/>
          <a:stretch/>
        </p:blipFill>
        <p:spPr>
          <a:xfrm>
            <a:off x="0" y="0"/>
            <a:ext cx="20320000" cy="11430000"/>
          </a:xfrm>
          <a:prstGeom prst="rect">
            <a:avLst/>
          </a:prstGeom>
          <a:noFill/>
          <a:ln>
            <a:noFill/>
          </a:ln>
        </p:spPr>
      </p:pic>
      <p:sp>
        <p:nvSpPr>
          <p:cNvPr id="10" name="Google Shape;10;p2"/>
          <p:cNvSpPr txBox="1">
            <a:spLocks noGrp="1"/>
          </p:cNvSpPr>
          <p:nvPr>
            <p:ph type="ctrTitle"/>
          </p:nvPr>
        </p:nvSpPr>
        <p:spPr>
          <a:xfrm>
            <a:off x="1838944" y="1723611"/>
            <a:ext cx="9380667" cy="3554000"/>
          </a:xfrm>
          <a:prstGeom prst="rect">
            <a:avLst/>
          </a:prstGeom>
        </p:spPr>
        <p:txBody>
          <a:bodyPr spcFirstLastPara="1" wrap="square" lIns="91425" tIns="91425" rIns="91425" bIns="91425" anchor="b" anchorCtr="0">
            <a:noAutofit/>
          </a:bodyPr>
          <a:lstStyle>
            <a:lvl1pPr lvl="0" algn="l">
              <a:spcBef>
                <a:spcPts val="0"/>
              </a:spcBef>
              <a:spcAft>
                <a:spcPts val="0"/>
              </a:spcAft>
              <a:buClr>
                <a:srgbClr val="191919"/>
              </a:buClr>
              <a:buSzPts val="5200"/>
              <a:buNone/>
              <a:defRPr sz="12222" b="0"/>
            </a:lvl1pPr>
            <a:lvl2pPr lvl="1" algn="ctr">
              <a:spcBef>
                <a:spcPts val="0"/>
              </a:spcBef>
              <a:spcAft>
                <a:spcPts val="0"/>
              </a:spcAft>
              <a:buClr>
                <a:srgbClr val="191919"/>
              </a:buClr>
              <a:buSzPts val="5200"/>
              <a:buNone/>
              <a:defRPr sz="11555">
                <a:solidFill>
                  <a:srgbClr val="191919"/>
                </a:solidFill>
              </a:defRPr>
            </a:lvl2pPr>
            <a:lvl3pPr lvl="2" algn="ctr">
              <a:spcBef>
                <a:spcPts val="0"/>
              </a:spcBef>
              <a:spcAft>
                <a:spcPts val="0"/>
              </a:spcAft>
              <a:buClr>
                <a:srgbClr val="191919"/>
              </a:buClr>
              <a:buSzPts val="5200"/>
              <a:buNone/>
              <a:defRPr sz="11555">
                <a:solidFill>
                  <a:srgbClr val="191919"/>
                </a:solidFill>
              </a:defRPr>
            </a:lvl3pPr>
            <a:lvl4pPr lvl="3" algn="ctr">
              <a:spcBef>
                <a:spcPts val="0"/>
              </a:spcBef>
              <a:spcAft>
                <a:spcPts val="0"/>
              </a:spcAft>
              <a:buClr>
                <a:srgbClr val="191919"/>
              </a:buClr>
              <a:buSzPts val="5200"/>
              <a:buNone/>
              <a:defRPr sz="11555">
                <a:solidFill>
                  <a:srgbClr val="191919"/>
                </a:solidFill>
              </a:defRPr>
            </a:lvl4pPr>
            <a:lvl5pPr lvl="4" algn="ctr">
              <a:spcBef>
                <a:spcPts val="0"/>
              </a:spcBef>
              <a:spcAft>
                <a:spcPts val="0"/>
              </a:spcAft>
              <a:buClr>
                <a:srgbClr val="191919"/>
              </a:buClr>
              <a:buSzPts val="5200"/>
              <a:buNone/>
              <a:defRPr sz="11555">
                <a:solidFill>
                  <a:srgbClr val="191919"/>
                </a:solidFill>
              </a:defRPr>
            </a:lvl5pPr>
            <a:lvl6pPr lvl="5" algn="ctr">
              <a:spcBef>
                <a:spcPts val="0"/>
              </a:spcBef>
              <a:spcAft>
                <a:spcPts val="0"/>
              </a:spcAft>
              <a:buClr>
                <a:srgbClr val="191919"/>
              </a:buClr>
              <a:buSzPts val="5200"/>
              <a:buNone/>
              <a:defRPr sz="11555">
                <a:solidFill>
                  <a:srgbClr val="191919"/>
                </a:solidFill>
              </a:defRPr>
            </a:lvl6pPr>
            <a:lvl7pPr lvl="6" algn="ctr">
              <a:spcBef>
                <a:spcPts val="0"/>
              </a:spcBef>
              <a:spcAft>
                <a:spcPts val="0"/>
              </a:spcAft>
              <a:buClr>
                <a:srgbClr val="191919"/>
              </a:buClr>
              <a:buSzPts val="5200"/>
              <a:buNone/>
              <a:defRPr sz="11555">
                <a:solidFill>
                  <a:srgbClr val="191919"/>
                </a:solidFill>
              </a:defRPr>
            </a:lvl7pPr>
            <a:lvl8pPr lvl="7" algn="ctr">
              <a:spcBef>
                <a:spcPts val="0"/>
              </a:spcBef>
              <a:spcAft>
                <a:spcPts val="0"/>
              </a:spcAft>
              <a:buClr>
                <a:srgbClr val="191919"/>
              </a:buClr>
              <a:buSzPts val="5200"/>
              <a:buNone/>
              <a:defRPr sz="11555">
                <a:solidFill>
                  <a:srgbClr val="191919"/>
                </a:solidFill>
              </a:defRPr>
            </a:lvl8pPr>
            <a:lvl9pPr lvl="8" algn="ctr">
              <a:spcBef>
                <a:spcPts val="0"/>
              </a:spcBef>
              <a:spcAft>
                <a:spcPts val="0"/>
              </a:spcAft>
              <a:buClr>
                <a:srgbClr val="191919"/>
              </a:buClr>
              <a:buSzPts val="5200"/>
              <a:buNone/>
              <a:defRPr sz="11555">
                <a:solidFill>
                  <a:srgbClr val="191919"/>
                </a:solidFill>
              </a:defRPr>
            </a:lvl9pPr>
          </a:lstStyle>
          <a:p>
            <a:endParaRPr/>
          </a:p>
        </p:txBody>
      </p:sp>
      <p:sp>
        <p:nvSpPr>
          <p:cNvPr id="11" name="Google Shape;11;p2"/>
          <p:cNvSpPr txBox="1">
            <a:spLocks noGrp="1"/>
          </p:cNvSpPr>
          <p:nvPr>
            <p:ph type="subTitle" idx="1"/>
          </p:nvPr>
        </p:nvSpPr>
        <p:spPr>
          <a:xfrm>
            <a:off x="1838945" y="5448055"/>
            <a:ext cx="6077333" cy="1568667"/>
          </a:xfrm>
          <a:prstGeom prst="rect">
            <a:avLst/>
          </a:prstGeom>
        </p:spPr>
        <p:txBody>
          <a:bodyPr spcFirstLastPara="1" wrap="square" lIns="91425" tIns="91425" rIns="91425" bIns="91425" anchor="t" anchorCtr="0">
            <a:noAutofit/>
          </a:bodyPr>
          <a:lstStyle>
            <a:lvl1pPr lvl="0">
              <a:lnSpc>
                <a:spcPct val="100000"/>
              </a:lnSpc>
              <a:spcBef>
                <a:spcPts val="0"/>
              </a:spcBef>
              <a:spcAft>
                <a:spcPts val="0"/>
              </a:spcAft>
              <a:buSzPts val="1400"/>
              <a:buNone/>
              <a:defRPr sz="3556">
                <a:solidFill>
                  <a:schemeClr val="dk1"/>
                </a:solidFill>
                <a:latin typeface="Lato"/>
                <a:ea typeface="Lato"/>
                <a:cs typeface="Lato"/>
                <a:sym typeface="Lato"/>
              </a:defRPr>
            </a:lvl1pPr>
            <a:lvl2pPr lvl="1" algn="ctr">
              <a:lnSpc>
                <a:spcPct val="100000"/>
              </a:lnSpc>
              <a:spcBef>
                <a:spcPts val="0"/>
              </a:spcBef>
              <a:spcAft>
                <a:spcPts val="0"/>
              </a:spcAft>
              <a:buSzPts val="1800"/>
              <a:buNone/>
              <a:defRPr sz="4000"/>
            </a:lvl2pPr>
            <a:lvl3pPr lvl="2" algn="ctr">
              <a:lnSpc>
                <a:spcPct val="100000"/>
              </a:lnSpc>
              <a:spcBef>
                <a:spcPts val="0"/>
              </a:spcBef>
              <a:spcAft>
                <a:spcPts val="0"/>
              </a:spcAft>
              <a:buSzPts val="1800"/>
              <a:buNone/>
              <a:defRPr sz="4000"/>
            </a:lvl3pPr>
            <a:lvl4pPr lvl="3" algn="ctr">
              <a:lnSpc>
                <a:spcPct val="100000"/>
              </a:lnSpc>
              <a:spcBef>
                <a:spcPts val="0"/>
              </a:spcBef>
              <a:spcAft>
                <a:spcPts val="0"/>
              </a:spcAft>
              <a:buSzPts val="1800"/>
              <a:buNone/>
              <a:defRPr sz="4000"/>
            </a:lvl4pPr>
            <a:lvl5pPr lvl="4" algn="ctr">
              <a:lnSpc>
                <a:spcPct val="100000"/>
              </a:lnSpc>
              <a:spcBef>
                <a:spcPts val="0"/>
              </a:spcBef>
              <a:spcAft>
                <a:spcPts val="0"/>
              </a:spcAft>
              <a:buSzPts val="1800"/>
              <a:buNone/>
              <a:defRPr sz="4000"/>
            </a:lvl5pPr>
            <a:lvl6pPr lvl="5" algn="ctr">
              <a:lnSpc>
                <a:spcPct val="100000"/>
              </a:lnSpc>
              <a:spcBef>
                <a:spcPts val="0"/>
              </a:spcBef>
              <a:spcAft>
                <a:spcPts val="0"/>
              </a:spcAft>
              <a:buSzPts val="1800"/>
              <a:buNone/>
              <a:defRPr sz="4000"/>
            </a:lvl6pPr>
            <a:lvl7pPr lvl="6" algn="ctr">
              <a:lnSpc>
                <a:spcPct val="100000"/>
              </a:lnSpc>
              <a:spcBef>
                <a:spcPts val="0"/>
              </a:spcBef>
              <a:spcAft>
                <a:spcPts val="0"/>
              </a:spcAft>
              <a:buSzPts val="1800"/>
              <a:buNone/>
              <a:defRPr sz="4000"/>
            </a:lvl7pPr>
            <a:lvl8pPr lvl="7" algn="ctr">
              <a:lnSpc>
                <a:spcPct val="100000"/>
              </a:lnSpc>
              <a:spcBef>
                <a:spcPts val="0"/>
              </a:spcBef>
              <a:spcAft>
                <a:spcPts val="0"/>
              </a:spcAft>
              <a:buSzPts val="1800"/>
              <a:buNone/>
              <a:defRPr sz="4000"/>
            </a:lvl8pPr>
            <a:lvl9pPr lvl="8" algn="ctr">
              <a:lnSpc>
                <a:spcPct val="100000"/>
              </a:lnSpc>
              <a:spcBef>
                <a:spcPts val="0"/>
              </a:spcBef>
              <a:spcAft>
                <a:spcPts val="0"/>
              </a:spcAft>
              <a:buSzPts val="1800"/>
              <a:buNone/>
              <a:defRPr sz="4000"/>
            </a:lvl9pPr>
          </a:lstStyle>
          <a:p>
            <a:endParaRPr/>
          </a:p>
        </p:txBody>
      </p:sp>
      <p:grpSp>
        <p:nvGrpSpPr>
          <p:cNvPr id="12" name="Google Shape;12;p2"/>
          <p:cNvGrpSpPr/>
          <p:nvPr/>
        </p:nvGrpSpPr>
        <p:grpSpPr>
          <a:xfrm flipH="1">
            <a:off x="-82" y="9200497"/>
            <a:ext cx="20320000" cy="2242180"/>
            <a:chOff x="-37" y="4134602"/>
            <a:chExt cx="9144000" cy="1008981"/>
          </a:xfrm>
        </p:grpSpPr>
        <p:sp>
          <p:nvSpPr>
            <p:cNvPr id="13" name="Google Shape;13;p2"/>
            <p:cNvSpPr/>
            <p:nvPr/>
          </p:nvSpPr>
          <p:spPr>
            <a:xfrm>
              <a:off x="-37" y="4170349"/>
              <a:ext cx="9144000" cy="937485"/>
            </a:xfrm>
            <a:custGeom>
              <a:avLst/>
              <a:gdLst/>
              <a:ahLst/>
              <a:cxnLst/>
              <a:rect l="l" t="t" r="r" b="b"/>
              <a:pathLst>
                <a:path w="285750" h="81326" extrusionOk="0">
                  <a:moveTo>
                    <a:pt x="84150" y="1"/>
                  </a:moveTo>
                  <a:lnTo>
                    <a:pt x="83270" y="47"/>
                  </a:lnTo>
                  <a:lnTo>
                    <a:pt x="82437" y="186"/>
                  </a:lnTo>
                  <a:lnTo>
                    <a:pt x="80723" y="464"/>
                  </a:lnTo>
                  <a:lnTo>
                    <a:pt x="78917" y="835"/>
                  </a:lnTo>
                  <a:lnTo>
                    <a:pt x="77111" y="1205"/>
                  </a:lnTo>
                  <a:lnTo>
                    <a:pt x="75258" y="1668"/>
                  </a:lnTo>
                  <a:lnTo>
                    <a:pt x="73359" y="2178"/>
                  </a:lnTo>
                  <a:lnTo>
                    <a:pt x="71414" y="2687"/>
                  </a:lnTo>
                  <a:lnTo>
                    <a:pt x="67478" y="3845"/>
                  </a:lnTo>
                  <a:lnTo>
                    <a:pt x="63402" y="5095"/>
                  </a:lnTo>
                  <a:lnTo>
                    <a:pt x="59280" y="6438"/>
                  </a:lnTo>
                  <a:lnTo>
                    <a:pt x="51037" y="9217"/>
                  </a:lnTo>
                  <a:lnTo>
                    <a:pt x="46961" y="10606"/>
                  </a:lnTo>
                  <a:lnTo>
                    <a:pt x="42932" y="11950"/>
                  </a:lnTo>
                  <a:lnTo>
                    <a:pt x="39042" y="13154"/>
                  </a:lnTo>
                  <a:lnTo>
                    <a:pt x="35290" y="14265"/>
                  </a:lnTo>
                  <a:lnTo>
                    <a:pt x="33484" y="14775"/>
                  </a:lnTo>
                  <a:lnTo>
                    <a:pt x="31724" y="15238"/>
                  </a:lnTo>
                  <a:lnTo>
                    <a:pt x="30011" y="15655"/>
                  </a:lnTo>
                  <a:lnTo>
                    <a:pt x="28390" y="16025"/>
                  </a:lnTo>
                  <a:lnTo>
                    <a:pt x="26815" y="16349"/>
                  </a:lnTo>
                  <a:lnTo>
                    <a:pt x="25287" y="16627"/>
                  </a:lnTo>
                  <a:lnTo>
                    <a:pt x="23851" y="16812"/>
                  </a:lnTo>
                  <a:lnTo>
                    <a:pt x="22462" y="16951"/>
                  </a:lnTo>
                  <a:lnTo>
                    <a:pt x="19868" y="17183"/>
                  </a:lnTo>
                  <a:lnTo>
                    <a:pt x="17414" y="17368"/>
                  </a:lnTo>
                  <a:lnTo>
                    <a:pt x="15098" y="17646"/>
                  </a:lnTo>
                  <a:lnTo>
                    <a:pt x="12921" y="17878"/>
                  </a:lnTo>
                  <a:lnTo>
                    <a:pt x="9077" y="18433"/>
                  </a:lnTo>
                  <a:lnTo>
                    <a:pt x="5882" y="18896"/>
                  </a:lnTo>
                  <a:lnTo>
                    <a:pt x="3335" y="19360"/>
                  </a:lnTo>
                  <a:lnTo>
                    <a:pt x="1528" y="19730"/>
                  </a:lnTo>
                  <a:lnTo>
                    <a:pt x="0" y="20101"/>
                  </a:lnTo>
                  <a:lnTo>
                    <a:pt x="0" y="81325"/>
                  </a:lnTo>
                  <a:lnTo>
                    <a:pt x="285750" y="81325"/>
                  </a:lnTo>
                  <a:lnTo>
                    <a:pt x="285750" y="16951"/>
                  </a:lnTo>
                  <a:lnTo>
                    <a:pt x="281906" y="16396"/>
                  </a:lnTo>
                  <a:lnTo>
                    <a:pt x="277460" y="15793"/>
                  </a:lnTo>
                  <a:lnTo>
                    <a:pt x="271578" y="15006"/>
                  </a:lnTo>
                  <a:lnTo>
                    <a:pt x="264492" y="14173"/>
                  </a:lnTo>
                  <a:lnTo>
                    <a:pt x="256388" y="13339"/>
                  </a:lnTo>
                  <a:lnTo>
                    <a:pt x="252034" y="12922"/>
                  </a:lnTo>
                  <a:lnTo>
                    <a:pt x="247496" y="12505"/>
                  </a:lnTo>
                  <a:lnTo>
                    <a:pt x="242818" y="12135"/>
                  </a:lnTo>
                  <a:lnTo>
                    <a:pt x="238002" y="11811"/>
                  </a:lnTo>
                  <a:lnTo>
                    <a:pt x="233139" y="11486"/>
                  </a:lnTo>
                  <a:lnTo>
                    <a:pt x="228137" y="11255"/>
                  </a:lnTo>
                  <a:lnTo>
                    <a:pt x="223135" y="11023"/>
                  </a:lnTo>
                  <a:lnTo>
                    <a:pt x="218133" y="10931"/>
                  </a:lnTo>
                  <a:lnTo>
                    <a:pt x="213132" y="10838"/>
                  </a:lnTo>
                  <a:lnTo>
                    <a:pt x="208130" y="10838"/>
                  </a:lnTo>
                  <a:lnTo>
                    <a:pt x="203221" y="10977"/>
                  </a:lnTo>
                  <a:lnTo>
                    <a:pt x="198404" y="11162"/>
                  </a:lnTo>
                  <a:lnTo>
                    <a:pt x="196042" y="11301"/>
                  </a:lnTo>
                  <a:lnTo>
                    <a:pt x="193680" y="11440"/>
                  </a:lnTo>
                  <a:lnTo>
                    <a:pt x="191365" y="11625"/>
                  </a:lnTo>
                  <a:lnTo>
                    <a:pt x="189141" y="11857"/>
                  </a:lnTo>
                  <a:lnTo>
                    <a:pt x="186918" y="12088"/>
                  </a:lnTo>
                  <a:lnTo>
                    <a:pt x="184695" y="12366"/>
                  </a:lnTo>
                  <a:lnTo>
                    <a:pt x="182565" y="12691"/>
                  </a:lnTo>
                  <a:lnTo>
                    <a:pt x="180527" y="13015"/>
                  </a:lnTo>
                  <a:lnTo>
                    <a:pt x="178490" y="13385"/>
                  </a:lnTo>
                  <a:lnTo>
                    <a:pt x="176498" y="13756"/>
                  </a:lnTo>
                  <a:lnTo>
                    <a:pt x="174599" y="14219"/>
                  </a:lnTo>
                  <a:lnTo>
                    <a:pt x="172747" y="14682"/>
                  </a:lnTo>
                  <a:lnTo>
                    <a:pt x="170987" y="15191"/>
                  </a:lnTo>
                  <a:lnTo>
                    <a:pt x="169273" y="15747"/>
                  </a:lnTo>
                  <a:lnTo>
                    <a:pt x="167652" y="16349"/>
                  </a:lnTo>
                  <a:lnTo>
                    <a:pt x="166124" y="16951"/>
                  </a:lnTo>
                  <a:lnTo>
                    <a:pt x="164596" y="17553"/>
                  </a:lnTo>
                  <a:lnTo>
                    <a:pt x="163114" y="18109"/>
                  </a:lnTo>
                  <a:lnTo>
                    <a:pt x="161585" y="18572"/>
                  </a:lnTo>
                  <a:lnTo>
                    <a:pt x="160057" y="18989"/>
                  </a:lnTo>
                  <a:lnTo>
                    <a:pt x="158529" y="19360"/>
                  </a:lnTo>
                  <a:lnTo>
                    <a:pt x="157047" y="19637"/>
                  </a:lnTo>
                  <a:lnTo>
                    <a:pt x="155518" y="19869"/>
                  </a:lnTo>
                  <a:lnTo>
                    <a:pt x="153990" y="20054"/>
                  </a:lnTo>
                  <a:lnTo>
                    <a:pt x="152508" y="20193"/>
                  </a:lnTo>
                  <a:lnTo>
                    <a:pt x="150980" y="20286"/>
                  </a:lnTo>
                  <a:lnTo>
                    <a:pt x="147969" y="20286"/>
                  </a:lnTo>
                  <a:lnTo>
                    <a:pt x="146487" y="20193"/>
                  </a:lnTo>
                  <a:lnTo>
                    <a:pt x="144959" y="20101"/>
                  </a:lnTo>
                  <a:lnTo>
                    <a:pt x="143477" y="19915"/>
                  </a:lnTo>
                  <a:lnTo>
                    <a:pt x="141995" y="19730"/>
                  </a:lnTo>
                  <a:lnTo>
                    <a:pt x="140513" y="19498"/>
                  </a:lnTo>
                  <a:lnTo>
                    <a:pt x="139031" y="19221"/>
                  </a:lnTo>
                  <a:lnTo>
                    <a:pt x="137549" y="18896"/>
                  </a:lnTo>
                  <a:lnTo>
                    <a:pt x="136067" y="18572"/>
                  </a:lnTo>
                  <a:lnTo>
                    <a:pt x="134585" y="18202"/>
                  </a:lnTo>
                  <a:lnTo>
                    <a:pt x="133149" y="17831"/>
                  </a:lnTo>
                  <a:lnTo>
                    <a:pt x="130232" y="16951"/>
                  </a:lnTo>
                  <a:lnTo>
                    <a:pt x="127360" y="15979"/>
                  </a:lnTo>
                  <a:lnTo>
                    <a:pt x="124535" y="14914"/>
                  </a:lnTo>
                  <a:lnTo>
                    <a:pt x="121710" y="13802"/>
                  </a:lnTo>
                  <a:lnTo>
                    <a:pt x="118931" y="12644"/>
                  </a:lnTo>
                  <a:lnTo>
                    <a:pt x="116245" y="11440"/>
                  </a:lnTo>
                  <a:lnTo>
                    <a:pt x="113559" y="10236"/>
                  </a:lnTo>
                  <a:lnTo>
                    <a:pt x="108326" y="7874"/>
                  </a:lnTo>
                  <a:lnTo>
                    <a:pt x="103324" y="5558"/>
                  </a:lnTo>
                  <a:lnTo>
                    <a:pt x="100916" y="4493"/>
                  </a:lnTo>
                  <a:lnTo>
                    <a:pt x="98554" y="3521"/>
                  </a:lnTo>
                  <a:lnTo>
                    <a:pt x="96284" y="2641"/>
                  </a:lnTo>
                  <a:lnTo>
                    <a:pt x="94061" y="1853"/>
                  </a:lnTo>
                  <a:lnTo>
                    <a:pt x="91931" y="1159"/>
                  </a:lnTo>
                  <a:lnTo>
                    <a:pt x="90912" y="881"/>
                  </a:lnTo>
                  <a:lnTo>
                    <a:pt x="89893" y="649"/>
                  </a:lnTo>
                  <a:lnTo>
                    <a:pt x="88874" y="418"/>
                  </a:lnTo>
                  <a:lnTo>
                    <a:pt x="87902" y="279"/>
                  </a:lnTo>
                  <a:lnTo>
                    <a:pt x="86929" y="140"/>
                  </a:lnTo>
                  <a:lnTo>
                    <a:pt x="86003" y="47"/>
                  </a:lnTo>
                  <a:lnTo>
                    <a:pt x="85077" y="1"/>
                  </a:lnTo>
                  <a:close/>
                </a:path>
              </a:pathLst>
            </a:cu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14" name="Google Shape;14;p2"/>
            <p:cNvSpPr/>
            <p:nvPr/>
          </p:nvSpPr>
          <p:spPr>
            <a:xfrm>
              <a:off x="0" y="4134602"/>
              <a:ext cx="9143916" cy="937442"/>
            </a:xfrm>
            <a:custGeom>
              <a:avLst/>
              <a:gdLst/>
              <a:ahLst/>
              <a:cxnLst/>
              <a:rect l="l" t="t" r="r" b="b"/>
              <a:pathLst>
                <a:path w="285057" h="22555" extrusionOk="0">
                  <a:moveTo>
                    <a:pt x="1" y="0"/>
                  </a:moveTo>
                  <a:lnTo>
                    <a:pt x="1" y="22554"/>
                  </a:lnTo>
                  <a:lnTo>
                    <a:pt x="285056" y="22554"/>
                  </a:lnTo>
                  <a:lnTo>
                    <a:pt x="285056" y="16904"/>
                  </a:lnTo>
                  <a:lnTo>
                    <a:pt x="281860" y="16673"/>
                  </a:lnTo>
                  <a:lnTo>
                    <a:pt x="273246" y="16117"/>
                  </a:lnTo>
                  <a:lnTo>
                    <a:pt x="267365" y="15654"/>
                  </a:lnTo>
                  <a:lnTo>
                    <a:pt x="260695" y="15144"/>
                  </a:lnTo>
                  <a:lnTo>
                    <a:pt x="253424" y="14496"/>
                  </a:lnTo>
                  <a:lnTo>
                    <a:pt x="245736" y="13801"/>
                  </a:lnTo>
                  <a:lnTo>
                    <a:pt x="237771" y="12968"/>
                  </a:lnTo>
                  <a:lnTo>
                    <a:pt x="229759" y="12088"/>
                  </a:lnTo>
                  <a:lnTo>
                    <a:pt x="225822" y="11625"/>
                  </a:lnTo>
                  <a:lnTo>
                    <a:pt x="221885" y="11115"/>
                  </a:lnTo>
                  <a:lnTo>
                    <a:pt x="218088" y="10606"/>
                  </a:lnTo>
                  <a:lnTo>
                    <a:pt x="214336" y="10050"/>
                  </a:lnTo>
                  <a:lnTo>
                    <a:pt x="210770" y="9494"/>
                  </a:lnTo>
                  <a:lnTo>
                    <a:pt x="207297" y="8892"/>
                  </a:lnTo>
                  <a:lnTo>
                    <a:pt x="204009" y="8290"/>
                  </a:lnTo>
                  <a:lnTo>
                    <a:pt x="200952" y="7688"/>
                  </a:lnTo>
                  <a:lnTo>
                    <a:pt x="198081" y="7040"/>
                  </a:lnTo>
                  <a:lnTo>
                    <a:pt x="195441" y="6391"/>
                  </a:lnTo>
                  <a:lnTo>
                    <a:pt x="193079" y="5697"/>
                  </a:lnTo>
                  <a:lnTo>
                    <a:pt x="192014" y="5326"/>
                  </a:lnTo>
                  <a:lnTo>
                    <a:pt x="190995" y="5002"/>
                  </a:lnTo>
                  <a:lnTo>
                    <a:pt x="190022" y="4632"/>
                  </a:lnTo>
                  <a:lnTo>
                    <a:pt x="189096" y="4354"/>
                  </a:lnTo>
                  <a:lnTo>
                    <a:pt x="188123" y="4030"/>
                  </a:lnTo>
                  <a:lnTo>
                    <a:pt x="187151" y="3798"/>
                  </a:lnTo>
                  <a:lnTo>
                    <a:pt x="186132" y="3566"/>
                  </a:lnTo>
                  <a:lnTo>
                    <a:pt x="185159" y="3381"/>
                  </a:lnTo>
                  <a:lnTo>
                    <a:pt x="183214" y="3057"/>
                  </a:lnTo>
                  <a:lnTo>
                    <a:pt x="181223" y="2872"/>
                  </a:lnTo>
                  <a:lnTo>
                    <a:pt x="179231" y="2733"/>
                  </a:lnTo>
                  <a:lnTo>
                    <a:pt x="177193" y="2733"/>
                  </a:lnTo>
                  <a:lnTo>
                    <a:pt x="175156" y="2779"/>
                  </a:lnTo>
                  <a:lnTo>
                    <a:pt x="173118" y="2918"/>
                  </a:lnTo>
                  <a:lnTo>
                    <a:pt x="171034" y="3103"/>
                  </a:lnTo>
                  <a:lnTo>
                    <a:pt x="168996" y="3381"/>
                  </a:lnTo>
                  <a:lnTo>
                    <a:pt x="166866" y="3705"/>
                  </a:lnTo>
                  <a:lnTo>
                    <a:pt x="164735" y="4076"/>
                  </a:lnTo>
                  <a:lnTo>
                    <a:pt x="162605" y="4493"/>
                  </a:lnTo>
                  <a:lnTo>
                    <a:pt x="160475" y="4956"/>
                  </a:lnTo>
                  <a:lnTo>
                    <a:pt x="158298" y="5465"/>
                  </a:lnTo>
                  <a:lnTo>
                    <a:pt x="153852" y="6484"/>
                  </a:lnTo>
                  <a:lnTo>
                    <a:pt x="149359" y="7596"/>
                  </a:lnTo>
                  <a:lnTo>
                    <a:pt x="144775" y="8707"/>
                  </a:lnTo>
                  <a:lnTo>
                    <a:pt x="140097" y="9772"/>
                  </a:lnTo>
                  <a:lnTo>
                    <a:pt x="137735" y="10282"/>
                  </a:lnTo>
                  <a:lnTo>
                    <a:pt x="135327" y="10745"/>
                  </a:lnTo>
                  <a:lnTo>
                    <a:pt x="132918" y="11162"/>
                  </a:lnTo>
                  <a:lnTo>
                    <a:pt x="130464" y="11532"/>
                  </a:lnTo>
                  <a:lnTo>
                    <a:pt x="127963" y="11903"/>
                  </a:lnTo>
                  <a:lnTo>
                    <a:pt x="125462" y="12180"/>
                  </a:lnTo>
                  <a:lnTo>
                    <a:pt x="122961" y="12366"/>
                  </a:lnTo>
                  <a:lnTo>
                    <a:pt x="120414" y="12505"/>
                  </a:lnTo>
                  <a:lnTo>
                    <a:pt x="117635" y="12597"/>
                  </a:lnTo>
                  <a:lnTo>
                    <a:pt x="114532" y="12597"/>
                  </a:lnTo>
                  <a:lnTo>
                    <a:pt x="111105" y="12505"/>
                  </a:lnTo>
                  <a:lnTo>
                    <a:pt x="107354" y="12319"/>
                  </a:lnTo>
                  <a:lnTo>
                    <a:pt x="103371" y="12088"/>
                  </a:lnTo>
                  <a:lnTo>
                    <a:pt x="99110" y="11810"/>
                  </a:lnTo>
                  <a:lnTo>
                    <a:pt x="94664" y="11486"/>
                  </a:lnTo>
                  <a:lnTo>
                    <a:pt x="90033" y="11069"/>
                  </a:lnTo>
                  <a:lnTo>
                    <a:pt x="85263" y="10606"/>
                  </a:lnTo>
                  <a:lnTo>
                    <a:pt x="80353" y="10143"/>
                  </a:lnTo>
                  <a:lnTo>
                    <a:pt x="70257" y="9078"/>
                  </a:lnTo>
                  <a:lnTo>
                    <a:pt x="60068" y="7920"/>
                  </a:lnTo>
                  <a:lnTo>
                    <a:pt x="49926" y="6716"/>
                  </a:lnTo>
                  <a:lnTo>
                    <a:pt x="40108" y="5465"/>
                  </a:lnTo>
                  <a:lnTo>
                    <a:pt x="30891" y="4261"/>
                  </a:lnTo>
                  <a:lnTo>
                    <a:pt x="22416" y="3150"/>
                  </a:lnTo>
                  <a:lnTo>
                    <a:pt x="14960" y="2131"/>
                  </a:lnTo>
                  <a:lnTo>
                    <a:pt x="4076" y="602"/>
                  </a:lnTo>
                  <a:lnTo>
                    <a:pt x="1" y="0"/>
                  </a:lnTo>
                  <a:close/>
                </a:path>
              </a:pathLst>
            </a:custGeom>
            <a:solidFill>
              <a:schemeClr val="l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15" name="Google Shape;15;p2"/>
            <p:cNvSpPr/>
            <p:nvPr/>
          </p:nvSpPr>
          <p:spPr>
            <a:xfrm>
              <a:off x="0" y="4569614"/>
              <a:ext cx="9143916" cy="502399"/>
            </a:xfrm>
            <a:custGeom>
              <a:avLst/>
              <a:gdLst/>
              <a:ahLst/>
              <a:cxnLst/>
              <a:rect l="l" t="t" r="r" b="b"/>
              <a:pathLst>
                <a:path w="285057" h="13941" extrusionOk="0">
                  <a:moveTo>
                    <a:pt x="238141" y="0"/>
                  </a:moveTo>
                  <a:lnTo>
                    <a:pt x="234529" y="47"/>
                  </a:lnTo>
                  <a:lnTo>
                    <a:pt x="230777" y="186"/>
                  </a:lnTo>
                  <a:lnTo>
                    <a:pt x="226933" y="325"/>
                  </a:lnTo>
                  <a:lnTo>
                    <a:pt x="222997" y="602"/>
                  </a:lnTo>
                  <a:lnTo>
                    <a:pt x="218921" y="927"/>
                  </a:lnTo>
                  <a:lnTo>
                    <a:pt x="214799" y="1343"/>
                  </a:lnTo>
                  <a:lnTo>
                    <a:pt x="210585" y="1853"/>
                  </a:lnTo>
                  <a:lnTo>
                    <a:pt x="206278" y="2455"/>
                  </a:lnTo>
                  <a:lnTo>
                    <a:pt x="204009" y="2733"/>
                  </a:lnTo>
                  <a:lnTo>
                    <a:pt x="201647" y="3057"/>
                  </a:lnTo>
                  <a:lnTo>
                    <a:pt x="199053" y="3289"/>
                  </a:lnTo>
                  <a:lnTo>
                    <a:pt x="196367" y="3566"/>
                  </a:lnTo>
                  <a:lnTo>
                    <a:pt x="193542" y="3798"/>
                  </a:lnTo>
                  <a:lnTo>
                    <a:pt x="190578" y="4030"/>
                  </a:lnTo>
                  <a:lnTo>
                    <a:pt x="184279" y="4400"/>
                  </a:lnTo>
                  <a:lnTo>
                    <a:pt x="177518" y="4724"/>
                  </a:lnTo>
                  <a:lnTo>
                    <a:pt x="170386" y="5002"/>
                  </a:lnTo>
                  <a:lnTo>
                    <a:pt x="162883" y="5187"/>
                  </a:lnTo>
                  <a:lnTo>
                    <a:pt x="155056" y="5326"/>
                  </a:lnTo>
                  <a:lnTo>
                    <a:pt x="146998" y="5465"/>
                  </a:lnTo>
                  <a:lnTo>
                    <a:pt x="138708" y="5512"/>
                  </a:lnTo>
                  <a:lnTo>
                    <a:pt x="130232" y="5512"/>
                  </a:lnTo>
                  <a:lnTo>
                    <a:pt x="121711" y="5465"/>
                  </a:lnTo>
                  <a:lnTo>
                    <a:pt x="113050" y="5419"/>
                  </a:lnTo>
                  <a:lnTo>
                    <a:pt x="104436" y="5280"/>
                  </a:lnTo>
                  <a:lnTo>
                    <a:pt x="95776" y="5187"/>
                  </a:lnTo>
                  <a:lnTo>
                    <a:pt x="87254" y="5002"/>
                  </a:lnTo>
                  <a:lnTo>
                    <a:pt x="70581" y="4632"/>
                  </a:lnTo>
                  <a:lnTo>
                    <a:pt x="54789" y="4215"/>
                  </a:lnTo>
                  <a:lnTo>
                    <a:pt x="40293" y="3752"/>
                  </a:lnTo>
                  <a:lnTo>
                    <a:pt x="27418" y="3242"/>
                  </a:lnTo>
                  <a:lnTo>
                    <a:pt x="16534" y="2825"/>
                  </a:lnTo>
                  <a:lnTo>
                    <a:pt x="8105" y="2409"/>
                  </a:lnTo>
                  <a:lnTo>
                    <a:pt x="2455" y="2131"/>
                  </a:lnTo>
                  <a:lnTo>
                    <a:pt x="834" y="1992"/>
                  </a:lnTo>
                  <a:lnTo>
                    <a:pt x="1" y="1946"/>
                  </a:lnTo>
                  <a:lnTo>
                    <a:pt x="1" y="13940"/>
                  </a:lnTo>
                  <a:lnTo>
                    <a:pt x="285056" y="13940"/>
                  </a:lnTo>
                  <a:lnTo>
                    <a:pt x="285056" y="5512"/>
                  </a:lnTo>
                  <a:lnTo>
                    <a:pt x="283574" y="5095"/>
                  </a:lnTo>
                  <a:lnTo>
                    <a:pt x="281768" y="4632"/>
                  </a:lnTo>
                  <a:lnTo>
                    <a:pt x="279267" y="4076"/>
                  </a:lnTo>
                  <a:lnTo>
                    <a:pt x="276118" y="3428"/>
                  </a:lnTo>
                  <a:lnTo>
                    <a:pt x="272366" y="2733"/>
                  </a:lnTo>
                  <a:lnTo>
                    <a:pt x="270236" y="2362"/>
                  </a:lnTo>
                  <a:lnTo>
                    <a:pt x="268013" y="2038"/>
                  </a:lnTo>
                  <a:lnTo>
                    <a:pt x="265605" y="1714"/>
                  </a:lnTo>
                  <a:lnTo>
                    <a:pt x="263057" y="1390"/>
                  </a:lnTo>
                  <a:lnTo>
                    <a:pt x="260371" y="1112"/>
                  </a:lnTo>
                  <a:lnTo>
                    <a:pt x="257593" y="834"/>
                  </a:lnTo>
                  <a:lnTo>
                    <a:pt x="254629" y="602"/>
                  </a:lnTo>
                  <a:lnTo>
                    <a:pt x="251572" y="371"/>
                  </a:lnTo>
                  <a:lnTo>
                    <a:pt x="248423" y="232"/>
                  </a:lnTo>
                  <a:lnTo>
                    <a:pt x="245088" y="93"/>
                  </a:lnTo>
                  <a:lnTo>
                    <a:pt x="241661" y="47"/>
                  </a:lnTo>
                  <a:lnTo>
                    <a:pt x="238141" y="0"/>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16" name="Google Shape;16;p2"/>
            <p:cNvSpPr/>
            <p:nvPr/>
          </p:nvSpPr>
          <p:spPr>
            <a:xfrm>
              <a:off x="0" y="4612402"/>
              <a:ext cx="9143916" cy="531181"/>
            </a:xfrm>
            <a:custGeom>
              <a:avLst/>
              <a:gdLst/>
              <a:ahLst/>
              <a:cxnLst/>
              <a:rect l="l" t="t" r="r" b="b"/>
              <a:pathLst>
                <a:path w="285057" h="21397" extrusionOk="0">
                  <a:moveTo>
                    <a:pt x="60439" y="1"/>
                  </a:moveTo>
                  <a:lnTo>
                    <a:pt x="57058" y="47"/>
                  </a:lnTo>
                  <a:lnTo>
                    <a:pt x="55530" y="47"/>
                  </a:lnTo>
                  <a:lnTo>
                    <a:pt x="54048" y="140"/>
                  </a:lnTo>
                  <a:lnTo>
                    <a:pt x="52658" y="232"/>
                  </a:lnTo>
                  <a:lnTo>
                    <a:pt x="51362" y="371"/>
                  </a:lnTo>
                  <a:lnTo>
                    <a:pt x="50157" y="510"/>
                  </a:lnTo>
                  <a:lnTo>
                    <a:pt x="49046" y="695"/>
                  </a:lnTo>
                  <a:lnTo>
                    <a:pt x="48073" y="927"/>
                  </a:lnTo>
                  <a:lnTo>
                    <a:pt x="47147" y="1205"/>
                  </a:lnTo>
                  <a:lnTo>
                    <a:pt x="43674" y="2270"/>
                  </a:lnTo>
                  <a:lnTo>
                    <a:pt x="40015" y="3335"/>
                  </a:lnTo>
                  <a:lnTo>
                    <a:pt x="36171" y="4400"/>
                  </a:lnTo>
                  <a:lnTo>
                    <a:pt x="32234" y="5419"/>
                  </a:lnTo>
                  <a:lnTo>
                    <a:pt x="28298" y="6392"/>
                  </a:lnTo>
                  <a:lnTo>
                    <a:pt x="24361" y="7318"/>
                  </a:lnTo>
                  <a:lnTo>
                    <a:pt x="16859" y="9032"/>
                  </a:lnTo>
                  <a:lnTo>
                    <a:pt x="10190" y="10467"/>
                  </a:lnTo>
                  <a:lnTo>
                    <a:pt x="4864" y="11579"/>
                  </a:lnTo>
                  <a:lnTo>
                    <a:pt x="1" y="12551"/>
                  </a:lnTo>
                  <a:lnTo>
                    <a:pt x="1" y="21397"/>
                  </a:lnTo>
                  <a:lnTo>
                    <a:pt x="285056" y="21397"/>
                  </a:lnTo>
                  <a:lnTo>
                    <a:pt x="285056" y="1205"/>
                  </a:lnTo>
                  <a:lnTo>
                    <a:pt x="280934" y="1853"/>
                  </a:lnTo>
                  <a:lnTo>
                    <a:pt x="275840" y="2687"/>
                  </a:lnTo>
                  <a:lnTo>
                    <a:pt x="263382" y="4910"/>
                  </a:lnTo>
                  <a:lnTo>
                    <a:pt x="248700" y="7503"/>
                  </a:lnTo>
                  <a:lnTo>
                    <a:pt x="240874" y="8846"/>
                  </a:lnTo>
                  <a:lnTo>
                    <a:pt x="232861" y="10143"/>
                  </a:lnTo>
                  <a:lnTo>
                    <a:pt x="224849" y="11440"/>
                  </a:lnTo>
                  <a:lnTo>
                    <a:pt x="216884" y="12551"/>
                  </a:lnTo>
                  <a:lnTo>
                    <a:pt x="212993" y="13107"/>
                  </a:lnTo>
                  <a:lnTo>
                    <a:pt x="209196" y="13570"/>
                  </a:lnTo>
                  <a:lnTo>
                    <a:pt x="205491" y="14033"/>
                  </a:lnTo>
                  <a:lnTo>
                    <a:pt x="201878" y="14404"/>
                  </a:lnTo>
                  <a:lnTo>
                    <a:pt x="198405" y="14728"/>
                  </a:lnTo>
                  <a:lnTo>
                    <a:pt x="195070" y="15006"/>
                  </a:lnTo>
                  <a:lnTo>
                    <a:pt x="191875" y="15191"/>
                  </a:lnTo>
                  <a:lnTo>
                    <a:pt x="188864" y="15330"/>
                  </a:lnTo>
                  <a:lnTo>
                    <a:pt x="186039" y="15423"/>
                  </a:lnTo>
                  <a:lnTo>
                    <a:pt x="183446" y="15376"/>
                  </a:lnTo>
                  <a:lnTo>
                    <a:pt x="181037" y="15284"/>
                  </a:lnTo>
                  <a:lnTo>
                    <a:pt x="179926" y="15191"/>
                  </a:lnTo>
                  <a:lnTo>
                    <a:pt x="178907" y="15052"/>
                  </a:lnTo>
                  <a:lnTo>
                    <a:pt x="174044" y="14404"/>
                  </a:lnTo>
                  <a:lnTo>
                    <a:pt x="167746" y="13478"/>
                  </a:lnTo>
                  <a:lnTo>
                    <a:pt x="151721" y="10977"/>
                  </a:lnTo>
                  <a:lnTo>
                    <a:pt x="142366" y="9495"/>
                  </a:lnTo>
                  <a:lnTo>
                    <a:pt x="132455" y="8013"/>
                  </a:lnTo>
                  <a:lnTo>
                    <a:pt x="122128" y="6484"/>
                  </a:lnTo>
                  <a:lnTo>
                    <a:pt x="111661" y="4956"/>
                  </a:lnTo>
                  <a:lnTo>
                    <a:pt x="101194" y="3567"/>
                  </a:lnTo>
                  <a:lnTo>
                    <a:pt x="96053" y="2965"/>
                  </a:lnTo>
                  <a:lnTo>
                    <a:pt x="91005" y="2363"/>
                  </a:lnTo>
                  <a:lnTo>
                    <a:pt x="86096" y="1807"/>
                  </a:lnTo>
                  <a:lnTo>
                    <a:pt x="81280" y="1344"/>
                  </a:lnTo>
                  <a:lnTo>
                    <a:pt x="76695" y="881"/>
                  </a:lnTo>
                  <a:lnTo>
                    <a:pt x="72249" y="556"/>
                  </a:lnTo>
                  <a:lnTo>
                    <a:pt x="68081" y="279"/>
                  </a:lnTo>
                  <a:lnTo>
                    <a:pt x="64098" y="93"/>
                  </a:lnTo>
                  <a:lnTo>
                    <a:pt x="60439" y="1"/>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grpSp>
        <p:nvGrpSpPr>
          <p:cNvPr id="17" name="Google Shape;17;p2"/>
          <p:cNvGrpSpPr/>
          <p:nvPr/>
        </p:nvGrpSpPr>
        <p:grpSpPr>
          <a:xfrm flipH="1">
            <a:off x="352343" y="3875111"/>
            <a:ext cx="20299002" cy="7370853"/>
            <a:chOff x="-144993" y="1743800"/>
            <a:chExt cx="9134551" cy="3316884"/>
          </a:xfrm>
        </p:grpSpPr>
        <p:sp>
          <p:nvSpPr>
            <p:cNvPr id="18" name="Google Shape;18;p2"/>
            <p:cNvSpPr/>
            <p:nvPr/>
          </p:nvSpPr>
          <p:spPr>
            <a:xfrm>
              <a:off x="-144993" y="1743800"/>
              <a:ext cx="862075" cy="3316884"/>
            </a:xfrm>
            <a:custGeom>
              <a:avLst/>
              <a:gdLst/>
              <a:ahLst/>
              <a:cxnLst/>
              <a:rect l="l" t="t" r="r" b="b"/>
              <a:pathLst>
                <a:path w="24361" h="93737" extrusionOk="0">
                  <a:moveTo>
                    <a:pt x="11069" y="0"/>
                  </a:moveTo>
                  <a:lnTo>
                    <a:pt x="10606" y="47"/>
                  </a:lnTo>
                  <a:lnTo>
                    <a:pt x="10189" y="139"/>
                  </a:lnTo>
                  <a:lnTo>
                    <a:pt x="9957" y="232"/>
                  </a:lnTo>
                  <a:lnTo>
                    <a:pt x="9818" y="371"/>
                  </a:lnTo>
                  <a:lnTo>
                    <a:pt x="9679" y="510"/>
                  </a:lnTo>
                  <a:lnTo>
                    <a:pt x="9541" y="649"/>
                  </a:lnTo>
                  <a:lnTo>
                    <a:pt x="9263" y="1297"/>
                  </a:lnTo>
                  <a:lnTo>
                    <a:pt x="9031" y="1899"/>
                  </a:lnTo>
                  <a:lnTo>
                    <a:pt x="8800" y="2548"/>
                  </a:lnTo>
                  <a:lnTo>
                    <a:pt x="8661" y="3196"/>
                  </a:lnTo>
                  <a:lnTo>
                    <a:pt x="8522" y="3844"/>
                  </a:lnTo>
                  <a:lnTo>
                    <a:pt x="8429" y="4539"/>
                  </a:lnTo>
                  <a:lnTo>
                    <a:pt x="8383" y="5187"/>
                  </a:lnTo>
                  <a:lnTo>
                    <a:pt x="8336" y="5836"/>
                  </a:lnTo>
                  <a:lnTo>
                    <a:pt x="8336" y="7179"/>
                  </a:lnTo>
                  <a:lnTo>
                    <a:pt x="8429" y="8522"/>
                  </a:lnTo>
                  <a:lnTo>
                    <a:pt x="8661" y="11208"/>
                  </a:lnTo>
                  <a:lnTo>
                    <a:pt x="8938" y="14172"/>
                  </a:lnTo>
                  <a:lnTo>
                    <a:pt x="9124" y="17090"/>
                  </a:lnTo>
                  <a:lnTo>
                    <a:pt x="9216" y="20054"/>
                  </a:lnTo>
                  <a:lnTo>
                    <a:pt x="9216" y="21489"/>
                  </a:lnTo>
                  <a:lnTo>
                    <a:pt x="9216" y="22971"/>
                  </a:lnTo>
                  <a:lnTo>
                    <a:pt x="9124" y="25194"/>
                  </a:lnTo>
                  <a:lnTo>
                    <a:pt x="8985" y="27417"/>
                  </a:lnTo>
                  <a:lnTo>
                    <a:pt x="8707" y="31863"/>
                  </a:lnTo>
                  <a:lnTo>
                    <a:pt x="8383" y="36263"/>
                  </a:lnTo>
                  <a:lnTo>
                    <a:pt x="8058" y="40709"/>
                  </a:lnTo>
                  <a:lnTo>
                    <a:pt x="7873" y="40061"/>
                  </a:lnTo>
                  <a:lnTo>
                    <a:pt x="7595" y="39412"/>
                  </a:lnTo>
                  <a:lnTo>
                    <a:pt x="7225" y="38857"/>
                  </a:lnTo>
                  <a:lnTo>
                    <a:pt x="6808" y="38347"/>
                  </a:lnTo>
                  <a:lnTo>
                    <a:pt x="6669" y="38254"/>
                  </a:lnTo>
                  <a:lnTo>
                    <a:pt x="6438" y="38208"/>
                  </a:lnTo>
                  <a:lnTo>
                    <a:pt x="6252" y="38208"/>
                  </a:lnTo>
                  <a:lnTo>
                    <a:pt x="6160" y="38254"/>
                  </a:lnTo>
                  <a:lnTo>
                    <a:pt x="6067" y="38347"/>
                  </a:lnTo>
                  <a:lnTo>
                    <a:pt x="5835" y="38671"/>
                  </a:lnTo>
                  <a:lnTo>
                    <a:pt x="5650" y="39042"/>
                  </a:lnTo>
                  <a:lnTo>
                    <a:pt x="5465" y="39412"/>
                  </a:lnTo>
                  <a:lnTo>
                    <a:pt x="5326" y="39783"/>
                  </a:lnTo>
                  <a:lnTo>
                    <a:pt x="5233" y="40153"/>
                  </a:lnTo>
                  <a:lnTo>
                    <a:pt x="5141" y="40570"/>
                  </a:lnTo>
                  <a:lnTo>
                    <a:pt x="5048" y="41357"/>
                  </a:lnTo>
                  <a:lnTo>
                    <a:pt x="5048" y="42191"/>
                  </a:lnTo>
                  <a:lnTo>
                    <a:pt x="5048" y="43025"/>
                  </a:lnTo>
                  <a:lnTo>
                    <a:pt x="5094" y="44646"/>
                  </a:lnTo>
                  <a:lnTo>
                    <a:pt x="5141" y="46730"/>
                  </a:lnTo>
                  <a:lnTo>
                    <a:pt x="5187" y="48814"/>
                  </a:lnTo>
                  <a:lnTo>
                    <a:pt x="5419" y="52935"/>
                  </a:lnTo>
                  <a:lnTo>
                    <a:pt x="5511" y="54927"/>
                  </a:lnTo>
                  <a:lnTo>
                    <a:pt x="5558" y="56965"/>
                  </a:lnTo>
                  <a:lnTo>
                    <a:pt x="5558" y="56965"/>
                  </a:lnTo>
                  <a:lnTo>
                    <a:pt x="5326" y="56177"/>
                  </a:lnTo>
                  <a:lnTo>
                    <a:pt x="5141" y="55436"/>
                  </a:lnTo>
                  <a:lnTo>
                    <a:pt x="4956" y="54649"/>
                  </a:lnTo>
                  <a:lnTo>
                    <a:pt x="4817" y="53862"/>
                  </a:lnTo>
                  <a:lnTo>
                    <a:pt x="4770" y="53074"/>
                  </a:lnTo>
                  <a:lnTo>
                    <a:pt x="4724" y="52287"/>
                  </a:lnTo>
                  <a:lnTo>
                    <a:pt x="4678" y="50759"/>
                  </a:lnTo>
                  <a:lnTo>
                    <a:pt x="4817" y="47656"/>
                  </a:lnTo>
                  <a:lnTo>
                    <a:pt x="4817" y="45896"/>
                  </a:lnTo>
                  <a:lnTo>
                    <a:pt x="4770" y="44090"/>
                  </a:lnTo>
                  <a:lnTo>
                    <a:pt x="4678" y="42330"/>
                  </a:lnTo>
                  <a:lnTo>
                    <a:pt x="4585" y="40524"/>
                  </a:lnTo>
                  <a:lnTo>
                    <a:pt x="4261" y="36958"/>
                  </a:lnTo>
                  <a:lnTo>
                    <a:pt x="4029" y="33392"/>
                  </a:lnTo>
                  <a:lnTo>
                    <a:pt x="3937" y="31400"/>
                  </a:lnTo>
                  <a:lnTo>
                    <a:pt x="3844" y="30428"/>
                  </a:lnTo>
                  <a:lnTo>
                    <a:pt x="3751" y="29918"/>
                  </a:lnTo>
                  <a:lnTo>
                    <a:pt x="3659" y="29455"/>
                  </a:lnTo>
                  <a:lnTo>
                    <a:pt x="3520" y="29038"/>
                  </a:lnTo>
                  <a:lnTo>
                    <a:pt x="3335" y="28621"/>
                  </a:lnTo>
                  <a:lnTo>
                    <a:pt x="3103" y="28251"/>
                  </a:lnTo>
                  <a:lnTo>
                    <a:pt x="2779" y="27927"/>
                  </a:lnTo>
                  <a:lnTo>
                    <a:pt x="2455" y="27649"/>
                  </a:lnTo>
                  <a:lnTo>
                    <a:pt x="2038" y="27464"/>
                  </a:lnTo>
                  <a:lnTo>
                    <a:pt x="1528" y="27278"/>
                  </a:lnTo>
                  <a:lnTo>
                    <a:pt x="973" y="27232"/>
                  </a:lnTo>
                  <a:lnTo>
                    <a:pt x="648" y="27232"/>
                  </a:lnTo>
                  <a:lnTo>
                    <a:pt x="463" y="27325"/>
                  </a:lnTo>
                  <a:lnTo>
                    <a:pt x="278" y="27417"/>
                  </a:lnTo>
                  <a:lnTo>
                    <a:pt x="139" y="27510"/>
                  </a:lnTo>
                  <a:lnTo>
                    <a:pt x="46" y="27695"/>
                  </a:lnTo>
                  <a:lnTo>
                    <a:pt x="0" y="27834"/>
                  </a:lnTo>
                  <a:lnTo>
                    <a:pt x="0" y="28019"/>
                  </a:lnTo>
                  <a:lnTo>
                    <a:pt x="232" y="28668"/>
                  </a:lnTo>
                  <a:lnTo>
                    <a:pt x="324" y="29316"/>
                  </a:lnTo>
                  <a:lnTo>
                    <a:pt x="417" y="30011"/>
                  </a:lnTo>
                  <a:lnTo>
                    <a:pt x="463" y="30706"/>
                  </a:lnTo>
                  <a:lnTo>
                    <a:pt x="463" y="32049"/>
                  </a:lnTo>
                  <a:lnTo>
                    <a:pt x="463" y="33392"/>
                  </a:lnTo>
                  <a:lnTo>
                    <a:pt x="556" y="35244"/>
                  </a:lnTo>
                  <a:lnTo>
                    <a:pt x="648" y="37097"/>
                  </a:lnTo>
                  <a:lnTo>
                    <a:pt x="648" y="38023"/>
                  </a:lnTo>
                  <a:lnTo>
                    <a:pt x="648" y="38949"/>
                  </a:lnTo>
                  <a:lnTo>
                    <a:pt x="648" y="39875"/>
                  </a:lnTo>
                  <a:lnTo>
                    <a:pt x="556" y="40802"/>
                  </a:lnTo>
                  <a:lnTo>
                    <a:pt x="371" y="42469"/>
                  </a:lnTo>
                  <a:lnTo>
                    <a:pt x="232" y="44229"/>
                  </a:lnTo>
                  <a:lnTo>
                    <a:pt x="139" y="45989"/>
                  </a:lnTo>
                  <a:lnTo>
                    <a:pt x="93" y="47795"/>
                  </a:lnTo>
                  <a:lnTo>
                    <a:pt x="93" y="49555"/>
                  </a:lnTo>
                  <a:lnTo>
                    <a:pt x="185" y="51315"/>
                  </a:lnTo>
                  <a:lnTo>
                    <a:pt x="324" y="53074"/>
                  </a:lnTo>
                  <a:lnTo>
                    <a:pt x="556" y="54742"/>
                  </a:lnTo>
                  <a:lnTo>
                    <a:pt x="695" y="55575"/>
                  </a:lnTo>
                  <a:lnTo>
                    <a:pt x="880" y="56409"/>
                  </a:lnTo>
                  <a:lnTo>
                    <a:pt x="1297" y="57984"/>
                  </a:lnTo>
                  <a:lnTo>
                    <a:pt x="1714" y="59604"/>
                  </a:lnTo>
                  <a:lnTo>
                    <a:pt x="1899" y="60438"/>
                  </a:lnTo>
                  <a:lnTo>
                    <a:pt x="2038" y="61272"/>
                  </a:lnTo>
                  <a:lnTo>
                    <a:pt x="2223" y="62661"/>
                  </a:lnTo>
                  <a:lnTo>
                    <a:pt x="2408" y="64097"/>
                  </a:lnTo>
                  <a:lnTo>
                    <a:pt x="2547" y="64791"/>
                  </a:lnTo>
                  <a:lnTo>
                    <a:pt x="2686" y="65486"/>
                  </a:lnTo>
                  <a:lnTo>
                    <a:pt x="2918" y="66181"/>
                  </a:lnTo>
                  <a:lnTo>
                    <a:pt x="3196" y="66829"/>
                  </a:lnTo>
                  <a:lnTo>
                    <a:pt x="3566" y="67478"/>
                  </a:lnTo>
                  <a:lnTo>
                    <a:pt x="3983" y="68126"/>
                  </a:lnTo>
                  <a:lnTo>
                    <a:pt x="4446" y="68682"/>
                  </a:lnTo>
                  <a:lnTo>
                    <a:pt x="4956" y="69237"/>
                  </a:lnTo>
                  <a:lnTo>
                    <a:pt x="5511" y="69701"/>
                  </a:lnTo>
                  <a:lnTo>
                    <a:pt x="6113" y="70164"/>
                  </a:lnTo>
                  <a:lnTo>
                    <a:pt x="6715" y="70534"/>
                  </a:lnTo>
                  <a:lnTo>
                    <a:pt x="7364" y="70812"/>
                  </a:lnTo>
                  <a:lnTo>
                    <a:pt x="7179" y="72572"/>
                  </a:lnTo>
                  <a:lnTo>
                    <a:pt x="7086" y="73452"/>
                  </a:lnTo>
                  <a:lnTo>
                    <a:pt x="7040" y="74332"/>
                  </a:lnTo>
                  <a:lnTo>
                    <a:pt x="7086" y="75767"/>
                  </a:lnTo>
                  <a:lnTo>
                    <a:pt x="7179" y="77203"/>
                  </a:lnTo>
                  <a:lnTo>
                    <a:pt x="7317" y="78639"/>
                  </a:lnTo>
                  <a:lnTo>
                    <a:pt x="7410" y="80075"/>
                  </a:lnTo>
                  <a:lnTo>
                    <a:pt x="7456" y="81603"/>
                  </a:lnTo>
                  <a:lnTo>
                    <a:pt x="7456" y="83131"/>
                  </a:lnTo>
                  <a:lnTo>
                    <a:pt x="7503" y="86188"/>
                  </a:lnTo>
                  <a:lnTo>
                    <a:pt x="7549" y="87716"/>
                  </a:lnTo>
                  <a:lnTo>
                    <a:pt x="7642" y="89244"/>
                  </a:lnTo>
                  <a:lnTo>
                    <a:pt x="7827" y="90773"/>
                  </a:lnTo>
                  <a:lnTo>
                    <a:pt x="7966" y="91514"/>
                  </a:lnTo>
                  <a:lnTo>
                    <a:pt x="8151" y="92208"/>
                  </a:lnTo>
                  <a:lnTo>
                    <a:pt x="8197" y="92440"/>
                  </a:lnTo>
                  <a:lnTo>
                    <a:pt x="8290" y="92625"/>
                  </a:lnTo>
                  <a:lnTo>
                    <a:pt x="8522" y="92996"/>
                  </a:lnTo>
                  <a:lnTo>
                    <a:pt x="8846" y="93274"/>
                  </a:lnTo>
                  <a:lnTo>
                    <a:pt x="9263" y="93505"/>
                  </a:lnTo>
                  <a:lnTo>
                    <a:pt x="9679" y="93644"/>
                  </a:lnTo>
                  <a:lnTo>
                    <a:pt x="10143" y="93737"/>
                  </a:lnTo>
                  <a:lnTo>
                    <a:pt x="10652" y="93737"/>
                  </a:lnTo>
                  <a:lnTo>
                    <a:pt x="11161" y="93690"/>
                  </a:lnTo>
                  <a:lnTo>
                    <a:pt x="11671" y="93598"/>
                  </a:lnTo>
                  <a:lnTo>
                    <a:pt x="12180" y="93459"/>
                  </a:lnTo>
                  <a:lnTo>
                    <a:pt x="12643" y="93274"/>
                  </a:lnTo>
                  <a:lnTo>
                    <a:pt x="13060" y="93042"/>
                  </a:lnTo>
                  <a:lnTo>
                    <a:pt x="13431" y="92764"/>
                  </a:lnTo>
                  <a:lnTo>
                    <a:pt x="13709" y="92440"/>
                  </a:lnTo>
                  <a:lnTo>
                    <a:pt x="13940" y="92116"/>
                  </a:lnTo>
                  <a:lnTo>
                    <a:pt x="14079" y="91699"/>
                  </a:lnTo>
                  <a:lnTo>
                    <a:pt x="14218" y="91004"/>
                  </a:lnTo>
                  <a:lnTo>
                    <a:pt x="14311" y="90310"/>
                  </a:lnTo>
                  <a:lnTo>
                    <a:pt x="14403" y="88874"/>
                  </a:lnTo>
                  <a:lnTo>
                    <a:pt x="14450" y="87392"/>
                  </a:lnTo>
                  <a:lnTo>
                    <a:pt x="14403" y="85910"/>
                  </a:lnTo>
                  <a:lnTo>
                    <a:pt x="14264" y="82992"/>
                  </a:lnTo>
                  <a:lnTo>
                    <a:pt x="14218" y="81510"/>
                  </a:lnTo>
                  <a:lnTo>
                    <a:pt x="14218" y="80075"/>
                  </a:lnTo>
                  <a:lnTo>
                    <a:pt x="14218" y="78546"/>
                  </a:lnTo>
                  <a:lnTo>
                    <a:pt x="14311" y="76972"/>
                  </a:lnTo>
                  <a:lnTo>
                    <a:pt x="14311" y="75443"/>
                  </a:lnTo>
                  <a:lnTo>
                    <a:pt x="14311" y="74656"/>
                  </a:lnTo>
                  <a:lnTo>
                    <a:pt x="14264" y="73915"/>
                  </a:lnTo>
                  <a:lnTo>
                    <a:pt x="14125" y="72711"/>
                  </a:lnTo>
                  <a:lnTo>
                    <a:pt x="13940" y="71507"/>
                  </a:lnTo>
                  <a:lnTo>
                    <a:pt x="14403" y="71321"/>
                  </a:lnTo>
                  <a:lnTo>
                    <a:pt x="14820" y="71136"/>
                  </a:lnTo>
                  <a:lnTo>
                    <a:pt x="15237" y="70905"/>
                  </a:lnTo>
                  <a:lnTo>
                    <a:pt x="15654" y="70627"/>
                  </a:lnTo>
                  <a:lnTo>
                    <a:pt x="16395" y="70025"/>
                  </a:lnTo>
                  <a:lnTo>
                    <a:pt x="17089" y="69376"/>
                  </a:lnTo>
                  <a:lnTo>
                    <a:pt x="17738" y="68635"/>
                  </a:lnTo>
                  <a:lnTo>
                    <a:pt x="18294" y="67848"/>
                  </a:lnTo>
                  <a:lnTo>
                    <a:pt x="18849" y="66968"/>
                  </a:lnTo>
                  <a:lnTo>
                    <a:pt x="19313" y="66088"/>
                  </a:lnTo>
                  <a:lnTo>
                    <a:pt x="19729" y="65162"/>
                  </a:lnTo>
                  <a:lnTo>
                    <a:pt x="20100" y="64189"/>
                  </a:lnTo>
                  <a:lnTo>
                    <a:pt x="20424" y="63263"/>
                  </a:lnTo>
                  <a:lnTo>
                    <a:pt x="20702" y="62291"/>
                  </a:lnTo>
                  <a:lnTo>
                    <a:pt x="20933" y="61318"/>
                  </a:lnTo>
                  <a:lnTo>
                    <a:pt x="21119" y="60345"/>
                  </a:lnTo>
                  <a:lnTo>
                    <a:pt x="21258" y="59419"/>
                  </a:lnTo>
                  <a:lnTo>
                    <a:pt x="21350" y="58493"/>
                  </a:lnTo>
                  <a:lnTo>
                    <a:pt x="21628" y="55622"/>
                  </a:lnTo>
                  <a:lnTo>
                    <a:pt x="21906" y="52797"/>
                  </a:lnTo>
                  <a:lnTo>
                    <a:pt x="22091" y="51407"/>
                  </a:lnTo>
                  <a:lnTo>
                    <a:pt x="22277" y="49971"/>
                  </a:lnTo>
                  <a:lnTo>
                    <a:pt x="22508" y="48582"/>
                  </a:lnTo>
                  <a:lnTo>
                    <a:pt x="22786" y="47146"/>
                  </a:lnTo>
                  <a:lnTo>
                    <a:pt x="23064" y="45942"/>
                  </a:lnTo>
                  <a:lnTo>
                    <a:pt x="23434" y="44738"/>
                  </a:lnTo>
                  <a:lnTo>
                    <a:pt x="23759" y="43488"/>
                  </a:lnTo>
                  <a:lnTo>
                    <a:pt x="24083" y="42237"/>
                  </a:lnTo>
                  <a:lnTo>
                    <a:pt x="24175" y="41635"/>
                  </a:lnTo>
                  <a:lnTo>
                    <a:pt x="24268" y="41033"/>
                  </a:lnTo>
                  <a:lnTo>
                    <a:pt x="24361" y="40385"/>
                  </a:lnTo>
                  <a:lnTo>
                    <a:pt x="24361" y="39783"/>
                  </a:lnTo>
                  <a:lnTo>
                    <a:pt x="24361" y="39181"/>
                  </a:lnTo>
                  <a:lnTo>
                    <a:pt x="24268" y="38532"/>
                  </a:lnTo>
                  <a:lnTo>
                    <a:pt x="24129" y="37930"/>
                  </a:lnTo>
                  <a:lnTo>
                    <a:pt x="23944" y="37375"/>
                  </a:lnTo>
                  <a:lnTo>
                    <a:pt x="23897" y="37236"/>
                  </a:lnTo>
                  <a:lnTo>
                    <a:pt x="23805" y="37189"/>
                  </a:lnTo>
                  <a:lnTo>
                    <a:pt x="23666" y="37143"/>
                  </a:lnTo>
                  <a:lnTo>
                    <a:pt x="23573" y="37097"/>
                  </a:lnTo>
                  <a:lnTo>
                    <a:pt x="23295" y="37097"/>
                  </a:lnTo>
                  <a:lnTo>
                    <a:pt x="23064" y="37189"/>
                  </a:lnTo>
                  <a:lnTo>
                    <a:pt x="22647" y="37513"/>
                  </a:lnTo>
                  <a:lnTo>
                    <a:pt x="22277" y="37838"/>
                  </a:lnTo>
                  <a:lnTo>
                    <a:pt x="21906" y="38162"/>
                  </a:lnTo>
                  <a:lnTo>
                    <a:pt x="21582" y="38532"/>
                  </a:lnTo>
                  <a:lnTo>
                    <a:pt x="20933" y="39273"/>
                  </a:lnTo>
                  <a:lnTo>
                    <a:pt x="20378" y="40107"/>
                  </a:lnTo>
                  <a:lnTo>
                    <a:pt x="20378" y="39459"/>
                  </a:lnTo>
                  <a:lnTo>
                    <a:pt x="20331" y="38764"/>
                  </a:lnTo>
                  <a:lnTo>
                    <a:pt x="20239" y="38162"/>
                  </a:lnTo>
                  <a:lnTo>
                    <a:pt x="20100" y="37560"/>
                  </a:lnTo>
                  <a:lnTo>
                    <a:pt x="19915" y="36958"/>
                  </a:lnTo>
                  <a:lnTo>
                    <a:pt x="19637" y="36402"/>
                  </a:lnTo>
                  <a:lnTo>
                    <a:pt x="19266" y="35893"/>
                  </a:lnTo>
                  <a:lnTo>
                    <a:pt x="18849" y="35383"/>
                  </a:lnTo>
                  <a:lnTo>
                    <a:pt x="18757" y="35290"/>
                  </a:lnTo>
                  <a:lnTo>
                    <a:pt x="18618" y="35244"/>
                  </a:lnTo>
                  <a:lnTo>
                    <a:pt x="18340" y="35152"/>
                  </a:lnTo>
                  <a:lnTo>
                    <a:pt x="18016" y="35198"/>
                  </a:lnTo>
                  <a:lnTo>
                    <a:pt x="17877" y="35244"/>
                  </a:lnTo>
                  <a:lnTo>
                    <a:pt x="17738" y="35290"/>
                  </a:lnTo>
                  <a:lnTo>
                    <a:pt x="17414" y="35568"/>
                  </a:lnTo>
                  <a:lnTo>
                    <a:pt x="17136" y="35893"/>
                  </a:lnTo>
                  <a:lnTo>
                    <a:pt x="16904" y="36170"/>
                  </a:lnTo>
                  <a:lnTo>
                    <a:pt x="16673" y="36495"/>
                  </a:lnTo>
                  <a:lnTo>
                    <a:pt x="16256" y="37097"/>
                  </a:lnTo>
                  <a:lnTo>
                    <a:pt x="15978" y="37791"/>
                  </a:lnTo>
                  <a:lnTo>
                    <a:pt x="15746" y="38532"/>
                  </a:lnTo>
                  <a:lnTo>
                    <a:pt x="15607" y="39273"/>
                  </a:lnTo>
                  <a:lnTo>
                    <a:pt x="15469" y="40061"/>
                  </a:lnTo>
                  <a:lnTo>
                    <a:pt x="15376" y="40894"/>
                  </a:lnTo>
                  <a:lnTo>
                    <a:pt x="15144" y="42978"/>
                  </a:lnTo>
                  <a:lnTo>
                    <a:pt x="15005" y="45062"/>
                  </a:lnTo>
                  <a:lnTo>
                    <a:pt x="14774" y="49277"/>
                  </a:lnTo>
                  <a:lnTo>
                    <a:pt x="14728" y="51268"/>
                  </a:lnTo>
                  <a:lnTo>
                    <a:pt x="14589" y="53260"/>
                  </a:lnTo>
                  <a:lnTo>
                    <a:pt x="14542" y="54279"/>
                  </a:lnTo>
                  <a:lnTo>
                    <a:pt x="14403" y="55251"/>
                  </a:lnTo>
                  <a:lnTo>
                    <a:pt x="14218" y="56224"/>
                  </a:lnTo>
                  <a:lnTo>
                    <a:pt x="13987" y="57196"/>
                  </a:lnTo>
                  <a:lnTo>
                    <a:pt x="13801" y="57752"/>
                  </a:lnTo>
                  <a:lnTo>
                    <a:pt x="13570" y="58261"/>
                  </a:lnTo>
                  <a:lnTo>
                    <a:pt x="13338" y="58678"/>
                  </a:lnTo>
                  <a:lnTo>
                    <a:pt x="13060" y="59095"/>
                  </a:lnTo>
                  <a:lnTo>
                    <a:pt x="12968" y="55853"/>
                  </a:lnTo>
                  <a:lnTo>
                    <a:pt x="12921" y="52611"/>
                  </a:lnTo>
                  <a:lnTo>
                    <a:pt x="12875" y="46128"/>
                  </a:lnTo>
                  <a:lnTo>
                    <a:pt x="12829" y="40477"/>
                  </a:lnTo>
                  <a:lnTo>
                    <a:pt x="12782" y="34827"/>
                  </a:lnTo>
                  <a:lnTo>
                    <a:pt x="12551" y="23527"/>
                  </a:lnTo>
                  <a:lnTo>
                    <a:pt x="12458" y="17877"/>
                  </a:lnTo>
                  <a:lnTo>
                    <a:pt x="12412" y="12227"/>
                  </a:lnTo>
                  <a:lnTo>
                    <a:pt x="12412" y="9402"/>
                  </a:lnTo>
                  <a:lnTo>
                    <a:pt x="12458" y="6530"/>
                  </a:lnTo>
                  <a:lnTo>
                    <a:pt x="12458" y="5141"/>
                  </a:lnTo>
                  <a:lnTo>
                    <a:pt x="12458" y="3705"/>
                  </a:lnTo>
                  <a:lnTo>
                    <a:pt x="12412" y="2316"/>
                  </a:lnTo>
                  <a:lnTo>
                    <a:pt x="12319" y="927"/>
                  </a:lnTo>
                  <a:lnTo>
                    <a:pt x="12273" y="695"/>
                  </a:lnTo>
                  <a:lnTo>
                    <a:pt x="12180" y="510"/>
                  </a:lnTo>
                  <a:lnTo>
                    <a:pt x="12041" y="371"/>
                  </a:lnTo>
                  <a:lnTo>
                    <a:pt x="11902" y="232"/>
                  </a:lnTo>
                  <a:lnTo>
                    <a:pt x="11717" y="139"/>
                  </a:lnTo>
                  <a:lnTo>
                    <a:pt x="11486" y="47"/>
                  </a:lnTo>
                  <a:lnTo>
                    <a:pt x="11069" y="0"/>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19" name="Google Shape;19;p2"/>
            <p:cNvSpPr/>
            <p:nvPr/>
          </p:nvSpPr>
          <p:spPr>
            <a:xfrm>
              <a:off x="8644525" y="2973331"/>
              <a:ext cx="345034" cy="1683864"/>
            </a:xfrm>
            <a:custGeom>
              <a:avLst/>
              <a:gdLst/>
              <a:ahLst/>
              <a:cxnLst/>
              <a:rect l="l" t="t" r="r" b="b"/>
              <a:pathLst>
                <a:path w="16256" h="79334" extrusionOk="0">
                  <a:moveTo>
                    <a:pt x="7457" y="1"/>
                  </a:moveTo>
                  <a:lnTo>
                    <a:pt x="7179" y="93"/>
                  </a:lnTo>
                  <a:lnTo>
                    <a:pt x="6901" y="186"/>
                  </a:lnTo>
                  <a:lnTo>
                    <a:pt x="6762" y="371"/>
                  </a:lnTo>
                  <a:lnTo>
                    <a:pt x="6669" y="510"/>
                  </a:lnTo>
                  <a:lnTo>
                    <a:pt x="6669" y="649"/>
                  </a:lnTo>
                  <a:lnTo>
                    <a:pt x="6391" y="2455"/>
                  </a:lnTo>
                  <a:lnTo>
                    <a:pt x="6160" y="4261"/>
                  </a:lnTo>
                  <a:lnTo>
                    <a:pt x="5975" y="6114"/>
                  </a:lnTo>
                  <a:lnTo>
                    <a:pt x="5882" y="7966"/>
                  </a:lnTo>
                  <a:lnTo>
                    <a:pt x="5836" y="10560"/>
                  </a:lnTo>
                  <a:lnTo>
                    <a:pt x="5882" y="13153"/>
                  </a:lnTo>
                  <a:lnTo>
                    <a:pt x="5975" y="15747"/>
                  </a:lnTo>
                  <a:lnTo>
                    <a:pt x="6113" y="18340"/>
                  </a:lnTo>
                  <a:lnTo>
                    <a:pt x="6484" y="23620"/>
                  </a:lnTo>
                  <a:lnTo>
                    <a:pt x="6762" y="28946"/>
                  </a:lnTo>
                  <a:lnTo>
                    <a:pt x="6901" y="31586"/>
                  </a:lnTo>
                  <a:lnTo>
                    <a:pt x="6993" y="34226"/>
                  </a:lnTo>
                  <a:lnTo>
                    <a:pt x="7040" y="36912"/>
                  </a:lnTo>
                  <a:lnTo>
                    <a:pt x="7086" y="39551"/>
                  </a:lnTo>
                  <a:lnTo>
                    <a:pt x="7040" y="41635"/>
                  </a:lnTo>
                  <a:lnTo>
                    <a:pt x="6993" y="43673"/>
                  </a:lnTo>
                  <a:lnTo>
                    <a:pt x="6854" y="45757"/>
                  </a:lnTo>
                  <a:lnTo>
                    <a:pt x="6716" y="47795"/>
                  </a:lnTo>
                  <a:lnTo>
                    <a:pt x="6391" y="51917"/>
                  </a:lnTo>
                  <a:lnTo>
                    <a:pt x="6067" y="56039"/>
                  </a:lnTo>
                  <a:lnTo>
                    <a:pt x="5743" y="55807"/>
                  </a:lnTo>
                  <a:lnTo>
                    <a:pt x="5465" y="55529"/>
                  </a:lnTo>
                  <a:lnTo>
                    <a:pt x="5187" y="55251"/>
                  </a:lnTo>
                  <a:lnTo>
                    <a:pt x="4956" y="54927"/>
                  </a:lnTo>
                  <a:lnTo>
                    <a:pt x="4539" y="54232"/>
                  </a:lnTo>
                  <a:lnTo>
                    <a:pt x="4307" y="53723"/>
                  </a:lnTo>
                  <a:lnTo>
                    <a:pt x="4215" y="53353"/>
                  </a:lnTo>
                  <a:lnTo>
                    <a:pt x="4122" y="52982"/>
                  </a:lnTo>
                  <a:lnTo>
                    <a:pt x="4076" y="52241"/>
                  </a:lnTo>
                  <a:lnTo>
                    <a:pt x="4029" y="51454"/>
                  </a:lnTo>
                  <a:lnTo>
                    <a:pt x="4029" y="50713"/>
                  </a:lnTo>
                  <a:lnTo>
                    <a:pt x="3983" y="48073"/>
                  </a:lnTo>
                  <a:lnTo>
                    <a:pt x="4029" y="45479"/>
                  </a:lnTo>
                  <a:lnTo>
                    <a:pt x="4076" y="43117"/>
                  </a:lnTo>
                  <a:lnTo>
                    <a:pt x="4122" y="41960"/>
                  </a:lnTo>
                  <a:lnTo>
                    <a:pt x="4076" y="40802"/>
                  </a:lnTo>
                  <a:lnTo>
                    <a:pt x="4076" y="39644"/>
                  </a:lnTo>
                  <a:lnTo>
                    <a:pt x="3937" y="38486"/>
                  </a:lnTo>
                  <a:lnTo>
                    <a:pt x="3798" y="37328"/>
                  </a:lnTo>
                  <a:lnTo>
                    <a:pt x="3566" y="36171"/>
                  </a:lnTo>
                  <a:lnTo>
                    <a:pt x="3474" y="35939"/>
                  </a:lnTo>
                  <a:lnTo>
                    <a:pt x="3288" y="35754"/>
                  </a:lnTo>
                  <a:lnTo>
                    <a:pt x="3103" y="35569"/>
                  </a:lnTo>
                  <a:lnTo>
                    <a:pt x="2825" y="35476"/>
                  </a:lnTo>
                  <a:lnTo>
                    <a:pt x="2547" y="35383"/>
                  </a:lnTo>
                  <a:lnTo>
                    <a:pt x="2223" y="35337"/>
                  </a:lnTo>
                  <a:lnTo>
                    <a:pt x="1899" y="35291"/>
                  </a:lnTo>
                  <a:lnTo>
                    <a:pt x="1575" y="35291"/>
                  </a:lnTo>
                  <a:lnTo>
                    <a:pt x="1251" y="35337"/>
                  </a:lnTo>
                  <a:lnTo>
                    <a:pt x="926" y="35430"/>
                  </a:lnTo>
                  <a:lnTo>
                    <a:pt x="649" y="35522"/>
                  </a:lnTo>
                  <a:lnTo>
                    <a:pt x="371" y="35661"/>
                  </a:lnTo>
                  <a:lnTo>
                    <a:pt x="185" y="35800"/>
                  </a:lnTo>
                  <a:lnTo>
                    <a:pt x="46" y="36032"/>
                  </a:lnTo>
                  <a:lnTo>
                    <a:pt x="0" y="36217"/>
                  </a:lnTo>
                  <a:lnTo>
                    <a:pt x="0" y="36495"/>
                  </a:lnTo>
                  <a:lnTo>
                    <a:pt x="139" y="37467"/>
                  </a:lnTo>
                  <a:lnTo>
                    <a:pt x="278" y="38440"/>
                  </a:lnTo>
                  <a:lnTo>
                    <a:pt x="510" y="40385"/>
                  </a:lnTo>
                  <a:lnTo>
                    <a:pt x="649" y="42330"/>
                  </a:lnTo>
                  <a:lnTo>
                    <a:pt x="741" y="44275"/>
                  </a:lnTo>
                  <a:lnTo>
                    <a:pt x="880" y="48212"/>
                  </a:lnTo>
                  <a:lnTo>
                    <a:pt x="1019" y="50157"/>
                  </a:lnTo>
                  <a:lnTo>
                    <a:pt x="1204" y="52148"/>
                  </a:lnTo>
                  <a:lnTo>
                    <a:pt x="1390" y="53353"/>
                  </a:lnTo>
                  <a:lnTo>
                    <a:pt x="1528" y="53908"/>
                  </a:lnTo>
                  <a:lnTo>
                    <a:pt x="1667" y="54510"/>
                  </a:lnTo>
                  <a:lnTo>
                    <a:pt x="1853" y="55020"/>
                  </a:lnTo>
                  <a:lnTo>
                    <a:pt x="2038" y="55529"/>
                  </a:lnTo>
                  <a:lnTo>
                    <a:pt x="2269" y="56039"/>
                  </a:lnTo>
                  <a:lnTo>
                    <a:pt x="2547" y="56502"/>
                  </a:lnTo>
                  <a:lnTo>
                    <a:pt x="2872" y="56919"/>
                  </a:lnTo>
                  <a:lnTo>
                    <a:pt x="3196" y="57289"/>
                  </a:lnTo>
                  <a:lnTo>
                    <a:pt x="3566" y="57660"/>
                  </a:lnTo>
                  <a:lnTo>
                    <a:pt x="3937" y="57937"/>
                  </a:lnTo>
                  <a:lnTo>
                    <a:pt x="4400" y="58215"/>
                  </a:lnTo>
                  <a:lnTo>
                    <a:pt x="4863" y="58447"/>
                  </a:lnTo>
                  <a:lnTo>
                    <a:pt x="5372" y="58632"/>
                  </a:lnTo>
                  <a:lnTo>
                    <a:pt x="5882" y="58771"/>
                  </a:lnTo>
                  <a:lnTo>
                    <a:pt x="5836" y="59790"/>
                  </a:lnTo>
                  <a:lnTo>
                    <a:pt x="5743" y="62244"/>
                  </a:lnTo>
                  <a:lnTo>
                    <a:pt x="5604" y="64653"/>
                  </a:lnTo>
                  <a:lnTo>
                    <a:pt x="5558" y="67061"/>
                  </a:lnTo>
                  <a:lnTo>
                    <a:pt x="5558" y="68265"/>
                  </a:lnTo>
                  <a:lnTo>
                    <a:pt x="5604" y="69469"/>
                  </a:lnTo>
                  <a:lnTo>
                    <a:pt x="5650" y="71692"/>
                  </a:lnTo>
                  <a:lnTo>
                    <a:pt x="5650" y="72804"/>
                  </a:lnTo>
                  <a:lnTo>
                    <a:pt x="5650" y="73915"/>
                  </a:lnTo>
                  <a:lnTo>
                    <a:pt x="5558" y="74471"/>
                  </a:lnTo>
                  <a:lnTo>
                    <a:pt x="5511" y="74980"/>
                  </a:lnTo>
                  <a:lnTo>
                    <a:pt x="5372" y="76046"/>
                  </a:lnTo>
                  <a:lnTo>
                    <a:pt x="5326" y="76555"/>
                  </a:lnTo>
                  <a:lnTo>
                    <a:pt x="5326" y="77064"/>
                  </a:lnTo>
                  <a:lnTo>
                    <a:pt x="5465" y="77574"/>
                  </a:lnTo>
                  <a:lnTo>
                    <a:pt x="5650" y="78130"/>
                  </a:lnTo>
                  <a:lnTo>
                    <a:pt x="5789" y="78361"/>
                  </a:lnTo>
                  <a:lnTo>
                    <a:pt x="5975" y="78593"/>
                  </a:lnTo>
                  <a:lnTo>
                    <a:pt x="6160" y="78778"/>
                  </a:lnTo>
                  <a:lnTo>
                    <a:pt x="6438" y="78963"/>
                  </a:lnTo>
                  <a:lnTo>
                    <a:pt x="6669" y="79102"/>
                  </a:lnTo>
                  <a:lnTo>
                    <a:pt x="6947" y="79195"/>
                  </a:lnTo>
                  <a:lnTo>
                    <a:pt x="7271" y="79287"/>
                  </a:lnTo>
                  <a:lnTo>
                    <a:pt x="7549" y="79334"/>
                  </a:lnTo>
                  <a:lnTo>
                    <a:pt x="8198" y="79334"/>
                  </a:lnTo>
                  <a:lnTo>
                    <a:pt x="8800" y="79287"/>
                  </a:lnTo>
                  <a:lnTo>
                    <a:pt x="9402" y="79102"/>
                  </a:lnTo>
                  <a:lnTo>
                    <a:pt x="9633" y="78963"/>
                  </a:lnTo>
                  <a:lnTo>
                    <a:pt x="9865" y="78824"/>
                  </a:lnTo>
                  <a:lnTo>
                    <a:pt x="10328" y="78500"/>
                  </a:lnTo>
                  <a:lnTo>
                    <a:pt x="10698" y="78130"/>
                  </a:lnTo>
                  <a:lnTo>
                    <a:pt x="11069" y="77713"/>
                  </a:lnTo>
                  <a:lnTo>
                    <a:pt x="11347" y="77296"/>
                  </a:lnTo>
                  <a:lnTo>
                    <a:pt x="11578" y="76833"/>
                  </a:lnTo>
                  <a:lnTo>
                    <a:pt x="11764" y="76370"/>
                  </a:lnTo>
                  <a:lnTo>
                    <a:pt x="11949" y="75860"/>
                  </a:lnTo>
                  <a:lnTo>
                    <a:pt x="12041" y="75305"/>
                  </a:lnTo>
                  <a:lnTo>
                    <a:pt x="12134" y="74749"/>
                  </a:lnTo>
                  <a:lnTo>
                    <a:pt x="12180" y="74193"/>
                  </a:lnTo>
                  <a:lnTo>
                    <a:pt x="12180" y="73637"/>
                  </a:lnTo>
                  <a:lnTo>
                    <a:pt x="12180" y="73035"/>
                  </a:lnTo>
                  <a:lnTo>
                    <a:pt x="12041" y="71831"/>
                  </a:lnTo>
                  <a:lnTo>
                    <a:pt x="11856" y="70581"/>
                  </a:lnTo>
                  <a:lnTo>
                    <a:pt x="11625" y="69330"/>
                  </a:lnTo>
                  <a:lnTo>
                    <a:pt x="11347" y="68034"/>
                  </a:lnTo>
                  <a:lnTo>
                    <a:pt x="10745" y="65579"/>
                  </a:lnTo>
                  <a:lnTo>
                    <a:pt x="10467" y="64421"/>
                  </a:lnTo>
                  <a:lnTo>
                    <a:pt x="10235" y="63310"/>
                  </a:lnTo>
                  <a:lnTo>
                    <a:pt x="10050" y="62244"/>
                  </a:lnTo>
                  <a:lnTo>
                    <a:pt x="10004" y="61318"/>
                  </a:lnTo>
                  <a:lnTo>
                    <a:pt x="9957" y="58678"/>
                  </a:lnTo>
                  <a:lnTo>
                    <a:pt x="10004" y="55992"/>
                  </a:lnTo>
                  <a:lnTo>
                    <a:pt x="10143" y="53353"/>
                  </a:lnTo>
                  <a:lnTo>
                    <a:pt x="10282" y="50713"/>
                  </a:lnTo>
                  <a:lnTo>
                    <a:pt x="10559" y="45387"/>
                  </a:lnTo>
                  <a:lnTo>
                    <a:pt x="10652" y="42701"/>
                  </a:lnTo>
                  <a:lnTo>
                    <a:pt x="10698" y="40061"/>
                  </a:lnTo>
                  <a:lnTo>
                    <a:pt x="10698" y="37375"/>
                  </a:lnTo>
                  <a:lnTo>
                    <a:pt x="10652" y="34642"/>
                  </a:lnTo>
                  <a:lnTo>
                    <a:pt x="11115" y="34689"/>
                  </a:lnTo>
                  <a:lnTo>
                    <a:pt x="11578" y="34689"/>
                  </a:lnTo>
                  <a:lnTo>
                    <a:pt x="11995" y="34642"/>
                  </a:lnTo>
                  <a:lnTo>
                    <a:pt x="12412" y="34596"/>
                  </a:lnTo>
                  <a:lnTo>
                    <a:pt x="12829" y="34503"/>
                  </a:lnTo>
                  <a:lnTo>
                    <a:pt x="13199" y="34364"/>
                  </a:lnTo>
                  <a:lnTo>
                    <a:pt x="13570" y="34179"/>
                  </a:lnTo>
                  <a:lnTo>
                    <a:pt x="13894" y="33994"/>
                  </a:lnTo>
                  <a:lnTo>
                    <a:pt x="14218" y="33762"/>
                  </a:lnTo>
                  <a:lnTo>
                    <a:pt x="14496" y="33485"/>
                  </a:lnTo>
                  <a:lnTo>
                    <a:pt x="14774" y="33207"/>
                  </a:lnTo>
                  <a:lnTo>
                    <a:pt x="15006" y="32882"/>
                  </a:lnTo>
                  <a:lnTo>
                    <a:pt x="15237" y="32512"/>
                  </a:lnTo>
                  <a:lnTo>
                    <a:pt x="15422" y="32095"/>
                  </a:lnTo>
                  <a:lnTo>
                    <a:pt x="15561" y="31678"/>
                  </a:lnTo>
                  <a:lnTo>
                    <a:pt x="15654" y="31169"/>
                  </a:lnTo>
                  <a:lnTo>
                    <a:pt x="15885" y="30150"/>
                  </a:lnTo>
                  <a:lnTo>
                    <a:pt x="16071" y="29039"/>
                  </a:lnTo>
                  <a:lnTo>
                    <a:pt x="16163" y="27881"/>
                  </a:lnTo>
                  <a:lnTo>
                    <a:pt x="16256" y="26677"/>
                  </a:lnTo>
                  <a:lnTo>
                    <a:pt x="16210" y="26075"/>
                  </a:lnTo>
                  <a:lnTo>
                    <a:pt x="16163" y="25519"/>
                  </a:lnTo>
                  <a:lnTo>
                    <a:pt x="16117" y="24917"/>
                  </a:lnTo>
                  <a:lnTo>
                    <a:pt x="16024" y="24361"/>
                  </a:lnTo>
                  <a:lnTo>
                    <a:pt x="15839" y="23852"/>
                  </a:lnTo>
                  <a:lnTo>
                    <a:pt x="15654" y="23342"/>
                  </a:lnTo>
                  <a:lnTo>
                    <a:pt x="15422" y="22879"/>
                  </a:lnTo>
                  <a:lnTo>
                    <a:pt x="15144" y="22462"/>
                  </a:lnTo>
                  <a:lnTo>
                    <a:pt x="15052" y="22416"/>
                  </a:lnTo>
                  <a:lnTo>
                    <a:pt x="15006" y="22416"/>
                  </a:lnTo>
                  <a:lnTo>
                    <a:pt x="14867" y="22462"/>
                  </a:lnTo>
                  <a:lnTo>
                    <a:pt x="14403" y="22972"/>
                  </a:lnTo>
                  <a:lnTo>
                    <a:pt x="14033" y="23527"/>
                  </a:lnTo>
                  <a:lnTo>
                    <a:pt x="13709" y="24083"/>
                  </a:lnTo>
                  <a:lnTo>
                    <a:pt x="13477" y="24685"/>
                  </a:lnTo>
                  <a:lnTo>
                    <a:pt x="13292" y="25334"/>
                  </a:lnTo>
                  <a:lnTo>
                    <a:pt x="13107" y="25982"/>
                  </a:lnTo>
                  <a:lnTo>
                    <a:pt x="12921" y="27325"/>
                  </a:lnTo>
                  <a:lnTo>
                    <a:pt x="12829" y="27973"/>
                  </a:lnTo>
                  <a:lnTo>
                    <a:pt x="12782" y="28714"/>
                  </a:lnTo>
                  <a:lnTo>
                    <a:pt x="12736" y="29455"/>
                  </a:lnTo>
                  <a:lnTo>
                    <a:pt x="12597" y="30150"/>
                  </a:lnTo>
                  <a:lnTo>
                    <a:pt x="12505" y="30474"/>
                  </a:lnTo>
                  <a:lnTo>
                    <a:pt x="12366" y="30798"/>
                  </a:lnTo>
                  <a:lnTo>
                    <a:pt x="12227" y="31076"/>
                  </a:lnTo>
                  <a:lnTo>
                    <a:pt x="12041" y="31308"/>
                  </a:lnTo>
                  <a:lnTo>
                    <a:pt x="11810" y="31493"/>
                  </a:lnTo>
                  <a:lnTo>
                    <a:pt x="11532" y="31632"/>
                  </a:lnTo>
                  <a:lnTo>
                    <a:pt x="11208" y="31725"/>
                  </a:lnTo>
                  <a:lnTo>
                    <a:pt x="10837" y="31771"/>
                  </a:lnTo>
                  <a:lnTo>
                    <a:pt x="10606" y="31771"/>
                  </a:lnTo>
                  <a:lnTo>
                    <a:pt x="10374" y="25287"/>
                  </a:lnTo>
                  <a:lnTo>
                    <a:pt x="10189" y="18850"/>
                  </a:lnTo>
                  <a:lnTo>
                    <a:pt x="10096" y="16117"/>
                  </a:lnTo>
                  <a:lnTo>
                    <a:pt x="10004" y="13431"/>
                  </a:lnTo>
                  <a:lnTo>
                    <a:pt x="9865" y="10699"/>
                  </a:lnTo>
                  <a:lnTo>
                    <a:pt x="9680" y="7966"/>
                  </a:lnTo>
                  <a:lnTo>
                    <a:pt x="9633" y="6994"/>
                  </a:lnTo>
                  <a:lnTo>
                    <a:pt x="9633" y="5975"/>
                  </a:lnTo>
                  <a:lnTo>
                    <a:pt x="9633" y="4956"/>
                  </a:lnTo>
                  <a:lnTo>
                    <a:pt x="9633" y="3937"/>
                  </a:lnTo>
                  <a:lnTo>
                    <a:pt x="9494" y="2965"/>
                  </a:lnTo>
                  <a:lnTo>
                    <a:pt x="9448" y="2455"/>
                  </a:lnTo>
                  <a:lnTo>
                    <a:pt x="9309" y="1992"/>
                  </a:lnTo>
                  <a:lnTo>
                    <a:pt x="9170" y="1575"/>
                  </a:lnTo>
                  <a:lnTo>
                    <a:pt x="8985" y="1112"/>
                  </a:lnTo>
                  <a:lnTo>
                    <a:pt x="8753" y="695"/>
                  </a:lnTo>
                  <a:lnTo>
                    <a:pt x="8475" y="325"/>
                  </a:lnTo>
                  <a:lnTo>
                    <a:pt x="8244" y="140"/>
                  </a:lnTo>
                  <a:lnTo>
                    <a:pt x="8012" y="47"/>
                  </a:lnTo>
                  <a:lnTo>
                    <a:pt x="7734" y="1"/>
                  </a:lnTo>
                  <a:close/>
                </a:path>
              </a:pathLst>
            </a:cu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grpSp>
        <p:nvGrpSpPr>
          <p:cNvPr id="20" name="Google Shape;20;p2"/>
          <p:cNvGrpSpPr/>
          <p:nvPr/>
        </p:nvGrpSpPr>
        <p:grpSpPr>
          <a:xfrm>
            <a:off x="921445" y="681333"/>
            <a:ext cx="18477111" cy="481333"/>
            <a:chOff x="414650" y="306600"/>
            <a:chExt cx="8314700" cy="216600"/>
          </a:xfrm>
        </p:grpSpPr>
        <p:grpSp>
          <p:nvGrpSpPr>
            <p:cNvPr id="21" name="Google Shape;21;p2"/>
            <p:cNvGrpSpPr/>
            <p:nvPr/>
          </p:nvGrpSpPr>
          <p:grpSpPr>
            <a:xfrm>
              <a:off x="713281" y="389286"/>
              <a:ext cx="7717437" cy="51251"/>
              <a:chOff x="450050" y="465475"/>
              <a:chExt cx="8367600" cy="51241"/>
            </a:xfrm>
          </p:grpSpPr>
          <p:cxnSp>
            <p:nvCxnSpPr>
              <p:cNvPr id="22" name="Google Shape;22;p2"/>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23" name="Google Shape;23;p2"/>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24" name="Google Shape;24;p2"/>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25" name="Google Shape;25;p2"/>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Tree>
    <p:extLst>
      <p:ext uri="{BB962C8B-B14F-4D97-AF65-F5344CB8AC3E}">
        <p14:creationId xmlns:p14="http://schemas.microsoft.com/office/powerpoint/2010/main" val="311947176"/>
      </p:ext>
    </p:extLst>
  </p:cSld>
  <p:clrMapOvr>
    <a:masterClrMapping/>
  </p:clrMapOvr>
</p:sldLayout>
</file>

<file path=ppt/slideLayouts/slideLayout85.xml><?xml version="1.0" encoding="utf-8"?>
<p:sldLayout xmlns:a="http://schemas.openxmlformats.org/drawingml/2006/main" xmlns:r="http://schemas.openxmlformats.org/officeDocument/2006/relationships" xmlns:p="http://schemas.openxmlformats.org/presentationml/2006/main" matchingName="Section header" type="secHead">
  <p:cSld name="Section header">
    <p:spTree>
      <p:nvGrpSpPr>
        <p:cNvPr id="1" name="Shape 26"/>
        <p:cNvGrpSpPr/>
        <p:nvPr/>
      </p:nvGrpSpPr>
      <p:grpSpPr>
        <a:xfrm>
          <a:off x="0" y="0"/>
          <a:ext cx="0" cy="0"/>
          <a:chOff x="0" y="0"/>
          <a:chExt cx="0" cy="0"/>
        </a:xfrm>
      </p:grpSpPr>
      <p:pic>
        <p:nvPicPr>
          <p:cNvPr id="27" name="Google Shape;27;p3"/>
          <p:cNvPicPr preferRelativeResize="0"/>
          <p:nvPr/>
        </p:nvPicPr>
        <p:blipFill rotWithShape="1">
          <a:blip r:embed="rId2">
            <a:alphaModFix amt="58999"/>
          </a:blip>
          <a:srcRect/>
          <a:stretch/>
        </p:blipFill>
        <p:spPr>
          <a:xfrm>
            <a:off x="0" y="0"/>
            <a:ext cx="20320000" cy="11430000"/>
          </a:xfrm>
          <a:prstGeom prst="rect">
            <a:avLst/>
          </a:prstGeom>
          <a:noFill/>
          <a:ln>
            <a:noFill/>
          </a:ln>
        </p:spPr>
      </p:pic>
      <p:sp>
        <p:nvSpPr>
          <p:cNvPr id="28" name="Google Shape;28;p3"/>
          <p:cNvSpPr txBox="1">
            <a:spLocks noGrp="1"/>
          </p:cNvSpPr>
          <p:nvPr>
            <p:ph type="title"/>
          </p:nvPr>
        </p:nvSpPr>
        <p:spPr>
          <a:xfrm>
            <a:off x="9680389" y="4113278"/>
            <a:ext cx="9054667" cy="3509333"/>
          </a:xfrm>
          <a:prstGeom prst="rect">
            <a:avLst/>
          </a:prstGeom>
        </p:spPr>
        <p:txBody>
          <a:bodyPr spcFirstLastPara="1" wrap="square" lIns="91425" tIns="91425" rIns="91425" bIns="91425" anchor="b" anchorCtr="0">
            <a:noAutofit/>
          </a:bodyPr>
          <a:lstStyle>
            <a:lvl1pPr lvl="0" algn="l">
              <a:spcBef>
                <a:spcPts val="0"/>
              </a:spcBef>
              <a:spcAft>
                <a:spcPts val="0"/>
              </a:spcAft>
              <a:buSzPts val="3600"/>
              <a:buNone/>
              <a:defRPr sz="10000"/>
            </a:lvl1pPr>
            <a:lvl2pPr lvl="1" algn="ctr">
              <a:spcBef>
                <a:spcPts val="0"/>
              </a:spcBef>
              <a:spcAft>
                <a:spcPts val="0"/>
              </a:spcAft>
              <a:buSzPts val="3600"/>
              <a:buNone/>
              <a:defRPr sz="8000"/>
            </a:lvl2pPr>
            <a:lvl3pPr lvl="2" algn="ctr">
              <a:spcBef>
                <a:spcPts val="0"/>
              </a:spcBef>
              <a:spcAft>
                <a:spcPts val="0"/>
              </a:spcAft>
              <a:buSzPts val="3600"/>
              <a:buNone/>
              <a:defRPr sz="8000"/>
            </a:lvl3pPr>
            <a:lvl4pPr lvl="3" algn="ctr">
              <a:spcBef>
                <a:spcPts val="0"/>
              </a:spcBef>
              <a:spcAft>
                <a:spcPts val="0"/>
              </a:spcAft>
              <a:buSzPts val="3600"/>
              <a:buNone/>
              <a:defRPr sz="8000"/>
            </a:lvl4pPr>
            <a:lvl5pPr lvl="4" algn="ctr">
              <a:spcBef>
                <a:spcPts val="0"/>
              </a:spcBef>
              <a:spcAft>
                <a:spcPts val="0"/>
              </a:spcAft>
              <a:buSzPts val="3600"/>
              <a:buNone/>
              <a:defRPr sz="8000"/>
            </a:lvl5pPr>
            <a:lvl6pPr lvl="5" algn="ctr">
              <a:spcBef>
                <a:spcPts val="0"/>
              </a:spcBef>
              <a:spcAft>
                <a:spcPts val="0"/>
              </a:spcAft>
              <a:buSzPts val="3600"/>
              <a:buNone/>
              <a:defRPr sz="8000"/>
            </a:lvl6pPr>
            <a:lvl7pPr lvl="6" algn="ctr">
              <a:spcBef>
                <a:spcPts val="0"/>
              </a:spcBef>
              <a:spcAft>
                <a:spcPts val="0"/>
              </a:spcAft>
              <a:buSzPts val="3600"/>
              <a:buNone/>
              <a:defRPr sz="8000"/>
            </a:lvl7pPr>
            <a:lvl8pPr lvl="7" algn="ctr">
              <a:spcBef>
                <a:spcPts val="0"/>
              </a:spcBef>
              <a:spcAft>
                <a:spcPts val="0"/>
              </a:spcAft>
              <a:buSzPts val="3600"/>
              <a:buNone/>
              <a:defRPr sz="8000"/>
            </a:lvl8pPr>
            <a:lvl9pPr lvl="8" algn="ctr">
              <a:spcBef>
                <a:spcPts val="0"/>
              </a:spcBef>
              <a:spcAft>
                <a:spcPts val="0"/>
              </a:spcAft>
              <a:buSzPts val="3600"/>
              <a:buNone/>
              <a:defRPr sz="8000"/>
            </a:lvl9pPr>
          </a:lstStyle>
          <a:p>
            <a:endParaRPr/>
          </a:p>
        </p:txBody>
      </p:sp>
      <p:sp>
        <p:nvSpPr>
          <p:cNvPr id="29" name="Google Shape;29;p3"/>
          <p:cNvSpPr txBox="1">
            <a:spLocks noGrp="1"/>
          </p:cNvSpPr>
          <p:nvPr>
            <p:ph type="title" idx="2" hasCustomPrompt="1"/>
          </p:nvPr>
        </p:nvSpPr>
        <p:spPr>
          <a:xfrm>
            <a:off x="9680389" y="1603862"/>
            <a:ext cx="2932000" cy="2529333"/>
          </a:xfrm>
          <a:prstGeom prst="rect">
            <a:avLst/>
          </a:prstGeom>
          <a:noFill/>
        </p:spPr>
        <p:txBody>
          <a:bodyPr spcFirstLastPara="1" wrap="square" lIns="91425" tIns="91425" rIns="91425" bIns="91425" anchor="b" anchorCtr="0">
            <a:noAutofit/>
          </a:bodyPr>
          <a:lstStyle>
            <a:lvl1pPr lvl="0" algn="l" rtl="0">
              <a:spcBef>
                <a:spcPts val="0"/>
              </a:spcBef>
              <a:spcAft>
                <a:spcPts val="0"/>
              </a:spcAft>
              <a:buClr>
                <a:schemeClr val="lt1"/>
              </a:buClr>
              <a:buSzPts val="6000"/>
              <a:buNone/>
              <a:defRPr sz="13333">
                <a:solidFill>
                  <a:schemeClr val="dk2"/>
                </a:solidFill>
              </a:defRPr>
            </a:lvl1pPr>
            <a:lvl2pPr lvl="1" algn="ctr" rtl="0">
              <a:spcBef>
                <a:spcPts val="0"/>
              </a:spcBef>
              <a:spcAft>
                <a:spcPts val="0"/>
              </a:spcAft>
              <a:buClr>
                <a:schemeClr val="lt1"/>
              </a:buClr>
              <a:buSzPts val="6000"/>
              <a:buNone/>
              <a:defRPr sz="13333">
                <a:solidFill>
                  <a:schemeClr val="lt1"/>
                </a:solidFill>
              </a:defRPr>
            </a:lvl2pPr>
            <a:lvl3pPr lvl="2" algn="ctr" rtl="0">
              <a:spcBef>
                <a:spcPts val="0"/>
              </a:spcBef>
              <a:spcAft>
                <a:spcPts val="0"/>
              </a:spcAft>
              <a:buClr>
                <a:schemeClr val="lt1"/>
              </a:buClr>
              <a:buSzPts val="6000"/>
              <a:buNone/>
              <a:defRPr sz="13333">
                <a:solidFill>
                  <a:schemeClr val="lt1"/>
                </a:solidFill>
              </a:defRPr>
            </a:lvl3pPr>
            <a:lvl4pPr lvl="3" algn="ctr" rtl="0">
              <a:spcBef>
                <a:spcPts val="0"/>
              </a:spcBef>
              <a:spcAft>
                <a:spcPts val="0"/>
              </a:spcAft>
              <a:buClr>
                <a:schemeClr val="lt1"/>
              </a:buClr>
              <a:buSzPts val="6000"/>
              <a:buNone/>
              <a:defRPr sz="13333">
                <a:solidFill>
                  <a:schemeClr val="lt1"/>
                </a:solidFill>
              </a:defRPr>
            </a:lvl4pPr>
            <a:lvl5pPr lvl="4" algn="ctr" rtl="0">
              <a:spcBef>
                <a:spcPts val="0"/>
              </a:spcBef>
              <a:spcAft>
                <a:spcPts val="0"/>
              </a:spcAft>
              <a:buClr>
                <a:schemeClr val="lt1"/>
              </a:buClr>
              <a:buSzPts val="6000"/>
              <a:buNone/>
              <a:defRPr sz="13333">
                <a:solidFill>
                  <a:schemeClr val="lt1"/>
                </a:solidFill>
              </a:defRPr>
            </a:lvl5pPr>
            <a:lvl6pPr lvl="5" algn="ctr" rtl="0">
              <a:spcBef>
                <a:spcPts val="0"/>
              </a:spcBef>
              <a:spcAft>
                <a:spcPts val="0"/>
              </a:spcAft>
              <a:buClr>
                <a:schemeClr val="lt1"/>
              </a:buClr>
              <a:buSzPts val="6000"/>
              <a:buNone/>
              <a:defRPr sz="13333">
                <a:solidFill>
                  <a:schemeClr val="lt1"/>
                </a:solidFill>
              </a:defRPr>
            </a:lvl6pPr>
            <a:lvl7pPr lvl="6" algn="ctr" rtl="0">
              <a:spcBef>
                <a:spcPts val="0"/>
              </a:spcBef>
              <a:spcAft>
                <a:spcPts val="0"/>
              </a:spcAft>
              <a:buClr>
                <a:schemeClr val="lt1"/>
              </a:buClr>
              <a:buSzPts val="6000"/>
              <a:buNone/>
              <a:defRPr sz="13333">
                <a:solidFill>
                  <a:schemeClr val="lt1"/>
                </a:solidFill>
              </a:defRPr>
            </a:lvl7pPr>
            <a:lvl8pPr lvl="7" algn="ctr" rtl="0">
              <a:spcBef>
                <a:spcPts val="0"/>
              </a:spcBef>
              <a:spcAft>
                <a:spcPts val="0"/>
              </a:spcAft>
              <a:buClr>
                <a:schemeClr val="lt1"/>
              </a:buClr>
              <a:buSzPts val="6000"/>
              <a:buNone/>
              <a:defRPr sz="13333">
                <a:solidFill>
                  <a:schemeClr val="lt1"/>
                </a:solidFill>
              </a:defRPr>
            </a:lvl8pPr>
            <a:lvl9pPr lvl="8" algn="ctr" rtl="0">
              <a:spcBef>
                <a:spcPts val="0"/>
              </a:spcBef>
              <a:spcAft>
                <a:spcPts val="0"/>
              </a:spcAft>
              <a:buClr>
                <a:schemeClr val="lt1"/>
              </a:buClr>
              <a:buSzPts val="6000"/>
              <a:buNone/>
              <a:defRPr sz="13333">
                <a:solidFill>
                  <a:schemeClr val="lt1"/>
                </a:solidFill>
              </a:defRPr>
            </a:lvl9pPr>
          </a:lstStyle>
          <a:p>
            <a:r>
              <a:t>xx%</a:t>
            </a:r>
          </a:p>
        </p:txBody>
      </p:sp>
      <p:sp>
        <p:nvSpPr>
          <p:cNvPr id="30" name="Google Shape;30;p3"/>
          <p:cNvSpPr txBox="1">
            <a:spLocks noGrp="1"/>
          </p:cNvSpPr>
          <p:nvPr>
            <p:ph type="subTitle" idx="1"/>
          </p:nvPr>
        </p:nvSpPr>
        <p:spPr>
          <a:xfrm>
            <a:off x="9680389" y="7602694"/>
            <a:ext cx="9054667" cy="833333"/>
          </a:xfrm>
          <a:prstGeom prst="rect">
            <a:avLst/>
          </a:prstGeom>
        </p:spPr>
        <p:txBody>
          <a:bodyPr spcFirstLastPara="1" wrap="square" lIns="91425" tIns="91425" rIns="91425" bIns="91425" anchor="t" anchorCtr="0">
            <a:noAutofit/>
          </a:bodyPr>
          <a:lstStyle>
            <a:lvl1pPr lvl="0" rtl="0">
              <a:lnSpc>
                <a:spcPct val="100000"/>
              </a:lnSpc>
              <a:spcBef>
                <a:spcPts val="0"/>
              </a:spcBef>
              <a:spcAft>
                <a:spcPts val="0"/>
              </a:spcAft>
              <a:buSzPts val="1400"/>
              <a:buNone/>
              <a:defRPr sz="3556"/>
            </a:lvl1pPr>
            <a:lvl2pPr lvl="1" algn="ctr" rtl="0">
              <a:lnSpc>
                <a:spcPct val="100000"/>
              </a:lnSpc>
              <a:spcBef>
                <a:spcPts val="0"/>
              </a:spcBef>
              <a:spcAft>
                <a:spcPts val="0"/>
              </a:spcAft>
              <a:buSzPts val="1400"/>
              <a:buNone/>
              <a:defRPr/>
            </a:lvl2pPr>
            <a:lvl3pPr lvl="2" algn="ctr" rtl="0">
              <a:lnSpc>
                <a:spcPct val="100000"/>
              </a:lnSpc>
              <a:spcBef>
                <a:spcPts val="3556"/>
              </a:spcBef>
              <a:spcAft>
                <a:spcPts val="0"/>
              </a:spcAft>
              <a:buSzPts val="1400"/>
              <a:buNone/>
              <a:defRPr/>
            </a:lvl3pPr>
            <a:lvl4pPr lvl="3" algn="ctr" rtl="0">
              <a:lnSpc>
                <a:spcPct val="100000"/>
              </a:lnSpc>
              <a:spcBef>
                <a:spcPts val="3556"/>
              </a:spcBef>
              <a:spcAft>
                <a:spcPts val="0"/>
              </a:spcAft>
              <a:buSzPts val="1400"/>
              <a:buNone/>
              <a:defRPr/>
            </a:lvl4pPr>
            <a:lvl5pPr lvl="4" algn="ctr" rtl="0">
              <a:lnSpc>
                <a:spcPct val="100000"/>
              </a:lnSpc>
              <a:spcBef>
                <a:spcPts val="3556"/>
              </a:spcBef>
              <a:spcAft>
                <a:spcPts val="0"/>
              </a:spcAft>
              <a:buSzPts val="1400"/>
              <a:buNone/>
              <a:defRPr/>
            </a:lvl5pPr>
            <a:lvl6pPr lvl="5" algn="ctr" rtl="0">
              <a:lnSpc>
                <a:spcPct val="100000"/>
              </a:lnSpc>
              <a:spcBef>
                <a:spcPts val="3556"/>
              </a:spcBef>
              <a:spcAft>
                <a:spcPts val="0"/>
              </a:spcAft>
              <a:buSzPts val="1400"/>
              <a:buNone/>
              <a:defRPr/>
            </a:lvl6pPr>
            <a:lvl7pPr lvl="6" algn="ctr" rtl="0">
              <a:lnSpc>
                <a:spcPct val="100000"/>
              </a:lnSpc>
              <a:spcBef>
                <a:spcPts val="3556"/>
              </a:spcBef>
              <a:spcAft>
                <a:spcPts val="0"/>
              </a:spcAft>
              <a:buSzPts val="1400"/>
              <a:buNone/>
              <a:defRPr/>
            </a:lvl7pPr>
            <a:lvl8pPr lvl="7" algn="ctr" rtl="0">
              <a:lnSpc>
                <a:spcPct val="100000"/>
              </a:lnSpc>
              <a:spcBef>
                <a:spcPts val="3556"/>
              </a:spcBef>
              <a:spcAft>
                <a:spcPts val="0"/>
              </a:spcAft>
              <a:buSzPts val="1400"/>
              <a:buNone/>
              <a:defRPr/>
            </a:lvl8pPr>
            <a:lvl9pPr lvl="8" algn="ctr" rtl="0">
              <a:lnSpc>
                <a:spcPct val="100000"/>
              </a:lnSpc>
              <a:spcBef>
                <a:spcPts val="3556"/>
              </a:spcBef>
              <a:spcAft>
                <a:spcPts val="3556"/>
              </a:spcAft>
              <a:buSzPts val="1400"/>
              <a:buNone/>
              <a:defRPr/>
            </a:lvl9pPr>
          </a:lstStyle>
          <a:p>
            <a:endParaRPr/>
          </a:p>
        </p:txBody>
      </p:sp>
      <p:grpSp>
        <p:nvGrpSpPr>
          <p:cNvPr id="31" name="Google Shape;31;p3"/>
          <p:cNvGrpSpPr/>
          <p:nvPr/>
        </p:nvGrpSpPr>
        <p:grpSpPr>
          <a:xfrm>
            <a:off x="921445" y="681333"/>
            <a:ext cx="18477111" cy="481333"/>
            <a:chOff x="414650" y="306600"/>
            <a:chExt cx="8314700" cy="216600"/>
          </a:xfrm>
        </p:grpSpPr>
        <p:grpSp>
          <p:nvGrpSpPr>
            <p:cNvPr id="32" name="Google Shape;32;p3"/>
            <p:cNvGrpSpPr/>
            <p:nvPr/>
          </p:nvGrpSpPr>
          <p:grpSpPr>
            <a:xfrm>
              <a:off x="713281" y="389286"/>
              <a:ext cx="7717437" cy="51251"/>
              <a:chOff x="450050" y="465475"/>
              <a:chExt cx="8367600" cy="51241"/>
            </a:xfrm>
          </p:grpSpPr>
          <p:cxnSp>
            <p:nvCxnSpPr>
              <p:cNvPr id="33" name="Google Shape;33;p3"/>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34" name="Google Shape;34;p3"/>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35" name="Google Shape;35;p3"/>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36" name="Google Shape;36;p3"/>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grpSp>
        <p:nvGrpSpPr>
          <p:cNvPr id="37" name="Google Shape;37;p3"/>
          <p:cNvGrpSpPr/>
          <p:nvPr/>
        </p:nvGrpSpPr>
        <p:grpSpPr>
          <a:xfrm>
            <a:off x="946" y="9279018"/>
            <a:ext cx="20319753" cy="2242200"/>
            <a:chOff x="-42862" y="4175650"/>
            <a:chExt cx="9229725" cy="1008990"/>
          </a:xfrm>
        </p:grpSpPr>
        <p:sp>
          <p:nvSpPr>
            <p:cNvPr id="38" name="Google Shape;38;p3"/>
            <p:cNvSpPr/>
            <p:nvPr/>
          </p:nvSpPr>
          <p:spPr>
            <a:xfrm flipH="1">
              <a:off x="-42862" y="4211397"/>
              <a:ext cx="9229725" cy="937485"/>
            </a:xfrm>
            <a:custGeom>
              <a:avLst/>
              <a:gdLst/>
              <a:ahLst/>
              <a:cxnLst/>
              <a:rect l="l" t="t" r="r" b="b"/>
              <a:pathLst>
                <a:path w="285750" h="81326" extrusionOk="0">
                  <a:moveTo>
                    <a:pt x="84150" y="1"/>
                  </a:moveTo>
                  <a:lnTo>
                    <a:pt x="83270" y="47"/>
                  </a:lnTo>
                  <a:lnTo>
                    <a:pt x="82437" y="186"/>
                  </a:lnTo>
                  <a:lnTo>
                    <a:pt x="80723" y="464"/>
                  </a:lnTo>
                  <a:lnTo>
                    <a:pt x="78917" y="835"/>
                  </a:lnTo>
                  <a:lnTo>
                    <a:pt x="77111" y="1205"/>
                  </a:lnTo>
                  <a:lnTo>
                    <a:pt x="75258" y="1668"/>
                  </a:lnTo>
                  <a:lnTo>
                    <a:pt x="73359" y="2178"/>
                  </a:lnTo>
                  <a:lnTo>
                    <a:pt x="71414" y="2687"/>
                  </a:lnTo>
                  <a:lnTo>
                    <a:pt x="67478" y="3845"/>
                  </a:lnTo>
                  <a:lnTo>
                    <a:pt x="63402" y="5095"/>
                  </a:lnTo>
                  <a:lnTo>
                    <a:pt x="59280" y="6438"/>
                  </a:lnTo>
                  <a:lnTo>
                    <a:pt x="51037" y="9217"/>
                  </a:lnTo>
                  <a:lnTo>
                    <a:pt x="46961" y="10606"/>
                  </a:lnTo>
                  <a:lnTo>
                    <a:pt x="42932" y="11950"/>
                  </a:lnTo>
                  <a:lnTo>
                    <a:pt x="39042" y="13154"/>
                  </a:lnTo>
                  <a:lnTo>
                    <a:pt x="35290" y="14265"/>
                  </a:lnTo>
                  <a:lnTo>
                    <a:pt x="33484" y="14775"/>
                  </a:lnTo>
                  <a:lnTo>
                    <a:pt x="31724" y="15238"/>
                  </a:lnTo>
                  <a:lnTo>
                    <a:pt x="30011" y="15655"/>
                  </a:lnTo>
                  <a:lnTo>
                    <a:pt x="28390" y="16025"/>
                  </a:lnTo>
                  <a:lnTo>
                    <a:pt x="26815" y="16349"/>
                  </a:lnTo>
                  <a:lnTo>
                    <a:pt x="25287" y="16627"/>
                  </a:lnTo>
                  <a:lnTo>
                    <a:pt x="23851" y="16812"/>
                  </a:lnTo>
                  <a:lnTo>
                    <a:pt x="22462" y="16951"/>
                  </a:lnTo>
                  <a:lnTo>
                    <a:pt x="19868" y="17183"/>
                  </a:lnTo>
                  <a:lnTo>
                    <a:pt x="17414" y="17368"/>
                  </a:lnTo>
                  <a:lnTo>
                    <a:pt x="15098" y="17646"/>
                  </a:lnTo>
                  <a:lnTo>
                    <a:pt x="12921" y="17878"/>
                  </a:lnTo>
                  <a:lnTo>
                    <a:pt x="9077" y="18433"/>
                  </a:lnTo>
                  <a:lnTo>
                    <a:pt x="5882" y="18896"/>
                  </a:lnTo>
                  <a:lnTo>
                    <a:pt x="3335" y="19360"/>
                  </a:lnTo>
                  <a:lnTo>
                    <a:pt x="1528" y="19730"/>
                  </a:lnTo>
                  <a:lnTo>
                    <a:pt x="0" y="20101"/>
                  </a:lnTo>
                  <a:lnTo>
                    <a:pt x="0" y="81325"/>
                  </a:lnTo>
                  <a:lnTo>
                    <a:pt x="285750" y="81325"/>
                  </a:lnTo>
                  <a:lnTo>
                    <a:pt x="285750" y="16951"/>
                  </a:lnTo>
                  <a:lnTo>
                    <a:pt x="281906" y="16396"/>
                  </a:lnTo>
                  <a:lnTo>
                    <a:pt x="277460" y="15793"/>
                  </a:lnTo>
                  <a:lnTo>
                    <a:pt x="271578" y="15006"/>
                  </a:lnTo>
                  <a:lnTo>
                    <a:pt x="264492" y="14173"/>
                  </a:lnTo>
                  <a:lnTo>
                    <a:pt x="256388" y="13339"/>
                  </a:lnTo>
                  <a:lnTo>
                    <a:pt x="252034" y="12922"/>
                  </a:lnTo>
                  <a:lnTo>
                    <a:pt x="247496" y="12505"/>
                  </a:lnTo>
                  <a:lnTo>
                    <a:pt x="242818" y="12135"/>
                  </a:lnTo>
                  <a:lnTo>
                    <a:pt x="238002" y="11811"/>
                  </a:lnTo>
                  <a:lnTo>
                    <a:pt x="233139" y="11486"/>
                  </a:lnTo>
                  <a:lnTo>
                    <a:pt x="228137" y="11255"/>
                  </a:lnTo>
                  <a:lnTo>
                    <a:pt x="223135" y="11023"/>
                  </a:lnTo>
                  <a:lnTo>
                    <a:pt x="218133" y="10931"/>
                  </a:lnTo>
                  <a:lnTo>
                    <a:pt x="213132" y="10838"/>
                  </a:lnTo>
                  <a:lnTo>
                    <a:pt x="208130" y="10838"/>
                  </a:lnTo>
                  <a:lnTo>
                    <a:pt x="203221" y="10977"/>
                  </a:lnTo>
                  <a:lnTo>
                    <a:pt x="198404" y="11162"/>
                  </a:lnTo>
                  <a:lnTo>
                    <a:pt x="196042" y="11301"/>
                  </a:lnTo>
                  <a:lnTo>
                    <a:pt x="193680" y="11440"/>
                  </a:lnTo>
                  <a:lnTo>
                    <a:pt x="191365" y="11625"/>
                  </a:lnTo>
                  <a:lnTo>
                    <a:pt x="189141" y="11857"/>
                  </a:lnTo>
                  <a:lnTo>
                    <a:pt x="186918" y="12088"/>
                  </a:lnTo>
                  <a:lnTo>
                    <a:pt x="184695" y="12366"/>
                  </a:lnTo>
                  <a:lnTo>
                    <a:pt x="182565" y="12691"/>
                  </a:lnTo>
                  <a:lnTo>
                    <a:pt x="180527" y="13015"/>
                  </a:lnTo>
                  <a:lnTo>
                    <a:pt x="178490" y="13385"/>
                  </a:lnTo>
                  <a:lnTo>
                    <a:pt x="176498" y="13756"/>
                  </a:lnTo>
                  <a:lnTo>
                    <a:pt x="174599" y="14219"/>
                  </a:lnTo>
                  <a:lnTo>
                    <a:pt x="172747" y="14682"/>
                  </a:lnTo>
                  <a:lnTo>
                    <a:pt x="170987" y="15191"/>
                  </a:lnTo>
                  <a:lnTo>
                    <a:pt x="169273" y="15747"/>
                  </a:lnTo>
                  <a:lnTo>
                    <a:pt x="167652" y="16349"/>
                  </a:lnTo>
                  <a:lnTo>
                    <a:pt x="166124" y="16951"/>
                  </a:lnTo>
                  <a:lnTo>
                    <a:pt x="164596" y="17553"/>
                  </a:lnTo>
                  <a:lnTo>
                    <a:pt x="163114" y="18109"/>
                  </a:lnTo>
                  <a:lnTo>
                    <a:pt x="161585" y="18572"/>
                  </a:lnTo>
                  <a:lnTo>
                    <a:pt x="160057" y="18989"/>
                  </a:lnTo>
                  <a:lnTo>
                    <a:pt x="158529" y="19360"/>
                  </a:lnTo>
                  <a:lnTo>
                    <a:pt x="157047" y="19637"/>
                  </a:lnTo>
                  <a:lnTo>
                    <a:pt x="155518" y="19869"/>
                  </a:lnTo>
                  <a:lnTo>
                    <a:pt x="153990" y="20054"/>
                  </a:lnTo>
                  <a:lnTo>
                    <a:pt x="152508" y="20193"/>
                  </a:lnTo>
                  <a:lnTo>
                    <a:pt x="150980" y="20286"/>
                  </a:lnTo>
                  <a:lnTo>
                    <a:pt x="147969" y="20286"/>
                  </a:lnTo>
                  <a:lnTo>
                    <a:pt x="146487" y="20193"/>
                  </a:lnTo>
                  <a:lnTo>
                    <a:pt x="144959" y="20101"/>
                  </a:lnTo>
                  <a:lnTo>
                    <a:pt x="143477" y="19915"/>
                  </a:lnTo>
                  <a:lnTo>
                    <a:pt x="141995" y="19730"/>
                  </a:lnTo>
                  <a:lnTo>
                    <a:pt x="140513" y="19498"/>
                  </a:lnTo>
                  <a:lnTo>
                    <a:pt x="139031" y="19221"/>
                  </a:lnTo>
                  <a:lnTo>
                    <a:pt x="137549" y="18896"/>
                  </a:lnTo>
                  <a:lnTo>
                    <a:pt x="136067" y="18572"/>
                  </a:lnTo>
                  <a:lnTo>
                    <a:pt x="134585" y="18202"/>
                  </a:lnTo>
                  <a:lnTo>
                    <a:pt x="133149" y="17831"/>
                  </a:lnTo>
                  <a:lnTo>
                    <a:pt x="130232" y="16951"/>
                  </a:lnTo>
                  <a:lnTo>
                    <a:pt x="127360" y="15979"/>
                  </a:lnTo>
                  <a:lnTo>
                    <a:pt x="124535" y="14914"/>
                  </a:lnTo>
                  <a:lnTo>
                    <a:pt x="121710" y="13802"/>
                  </a:lnTo>
                  <a:lnTo>
                    <a:pt x="118931" y="12644"/>
                  </a:lnTo>
                  <a:lnTo>
                    <a:pt x="116245" y="11440"/>
                  </a:lnTo>
                  <a:lnTo>
                    <a:pt x="113559" y="10236"/>
                  </a:lnTo>
                  <a:lnTo>
                    <a:pt x="108326" y="7874"/>
                  </a:lnTo>
                  <a:lnTo>
                    <a:pt x="103324" y="5558"/>
                  </a:lnTo>
                  <a:lnTo>
                    <a:pt x="100916" y="4493"/>
                  </a:lnTo>
                  <a:lnTo>
                    <a:pt x="98554" y="3521"/>
                  </a:lnTo>
                  <a:lnTo>
                    <a:pt x="96284" y="2641"/>
                  </a:lnTo>
                  <a:lnTo>
                    <a:pt x="94061" y="1853"/>
                  </a:lnTo>
                  <a:lnTo>
                    <a:pt x="91931" y="1159"/>
                  </a:lnTo>
                  <a:lnTo>
                    <a:pt x="90912" y="881"/>
                  </a:lnTo>
                  <a:lnTo>
                    <a:pt x="89893" y="649"/>
                  </a:lnTo>
                  <a:lnTo>
                    <a:pt x="88874" y="418"/>
                  </a:lnTo>
                  <a:lnTo>
                    <a:pt x="87902" y="279"/>
                  </a:lnTo>
                  <a:lnTo>
                    <a:pt x="86929" y="140"/>
                  </a:lnTo>
                  <a:lnTo>
                    <a:pt x="86003" y="47"/>
                  </a:lnTo>
                  <a:lnTo>
                    <a:pt x="85077" y="1"/>
                  </a:lnTo>
                  <a:close/>
                </a:path>
              </a:pathLst>
            </a:cu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39" name="Google Shape;39;p3"/>
            <p:cNvSpPr/>
            <p:nvPr/>
          </p:nvSpPr>
          <p:spPr>
            <a:xfrm flipH="1">
              <a:off x="-42608" y="4175650"/>
              <a:ext cx="9229433" cy="937442"/>
            </a:xfrm>
            <a:custGeom>
              <a:avLst/>
              <a:gdLst/>
              <a:ahLst/>
              <a:cxnLst/>
              <a:rect l="l" t="t" r="r" b="b"/>
              <a:pathLst>
                <a:path w="285057" h="22555" extrusionOk="0">
                  <a:moveTo>
                    <a:pt x="1" y="0"/>
                  </a:moveTo>
                  <a:lnTo>
                    <a:pt x="1" y="22554"/>
                  </a:lnTo>
                  <a:lnTo>
                    <a:pt x="285056" y="22554"/>
                  </a:lnTo>
                  <a:lnTo>
                    <a:pt x="285056" y="16904"/>
                  </a:lnTo>
                  <a:lnTo>
                    <a:pt x="281860" y="16673"/>
                  </a:lnTo>
                  <a:lnTo>
                    <a:pt x="273246" y="16117"/>
                  </a:lnTo>
                  <a:lnTo>
                    <a:pt x="267365" y="15654"/>
                  </a:lnTo>
                  <a:lnTo>
                    <a:pt x="260695" y="15144"/>
                  </a:lnTo>
                  <a:lnTo>
                    <a:pt x="253424" y="14496"/>
                  </a:lnTo>
                  <a:lnTo>
                    <a:pt x="245736" y="13801"/>
                  </a:lnTo>
                  <a:lnTo>
                    <a:pt x="237771" y="12968"/>
                  </a:lnTo>
                  <a:lnTo>
                    <a:pt x="229759" y="12088"/>
                  </a:lnTo>
                  <a:lnTo>
                    <a:pt x="225822" y="11625"/>
                  </a:lnTo>
                  <a:lnTo>
                    <a:pt x="221885" y="11115"/>
                  </a:lnTo>
                  <a:lnTo>
                    <a:pt x="218088" y="10606"/>
                  </a:lnTo>
                  <a:lnTo>
                    <a:pt x="214336" y="10050"/>
                  </a:lnTo>
                  <a:lnTo>
                    <a:pt x="210770" y="9494"/>
                  </a:lnTo>
                  <a:lnTo>
                    <a:pt x="207297" y="8892"/>
                  </a:lnTo>
                  <a:lnTo>
                    <a:pt x="204009" y="8290"/>
                  </a:lnTo>
                  <a:lnTo>
                    <a:pt x="200952" y="7688"/>
                  </a:lnTo>
                  <a:lnTo>
                    <a:pt x="198081" y="7040"/>
                  </a:lnTo>
                  <a:lnTo>
                    <a:pt x="195441" y="6391"/>
                  </a:lnTo>
                  <a:lnTo>
                    <a:pt x="193079" y="5697"/>
                  </a:lnTo>
                  <a:lnTo>
                    <a:pt x="192014" y="5326"/>
                  </a:lnTo>
                  <a:lnTo>
                    <a:pt x="190995" y="5002"/>
                  </a:lnTo>
                  <a:lnTo>
                    <a:pt x="190022" y="4632"/>
                  </a:lnTo>
                  <a:lnTo>
                    <a:pt x="189096" y="4354"/>
                  </a:lnTo>
                  <a:lnTo>
                    <a:pt x="188123" y="4030"/>
                  </a:lnTo>
                  <a:lnTo>
                    <a:pt x="187151" y="3798"/>
                  </a:lnTo>
                  <a:lnTo>
                    <a:pt x="186132" y="3566"/>
                  </a:lnTo>
                  <a:lnTo>
                    <a:pt x="185159" y="3381"/>
                  </a:lnTo>
                  <a:lnTo>
                    <a:pt x="183214" y="3057"/>
                  </a:lnTo>
                  <a:lnTo>
                    <a:pt x="181223" y="2872"/>
                  </a:lnTo>
                  <a:lnTo>
                    <a:pt x="179231" y="2733"/>
                  </a:lnTo>
                  <a:lnTo>
                    <a:pt x="177193" y="2733"/>
                  </a:lnTo>
                  <a:lnTo>
                    <a:pt x="175156" y="2779"/>
                  </a:lnTo>
                  <a:lnTo>
                    <a:pt x="173118" y="2918"/>
                  </a:lnTo>
                  <a:lnTo>
                    <a:pt x="171034" y="3103"/>
                  </a:lnTo>
                  <a:lnTo>
                    <a:pt x="168996" y="3381"/>
                  </a:lnTo>
                  <a:lnTo>
                    <a:pt x="166866" y="3705"/>
                  </a:lnTo>
                  <a:lnTo>
                    <a:pt x="164735" y="4076"/>
                  </a:lnTo>
                  <a:lnTo>
                    <a:pt x="162605" y="4493"/>
                  </a:lnTo>
                  <a:lnTo>
                    <a:pt x="160475" y="4956"/>
                  </a:lnTo>
                  <a:lnTo>
                    <a:pt x="158298" y="5465"/>
                  </a:lnTo>
                  <a:lnTo>
                    <a:pt x="153852" y="6484"/>
                  </a:lnTo>
                  <a:lnTo>
                    <a:pt x="149359" y="7596"/>
                  </a:lnTo>
                  <a:lnTo>
                    <a:pt x="144775" y="8707"/>
                  </a:lnTo>
                  <a:lnTo>
                    <a:pt x="140097" y="9772"/>
                  </a:lnTo>
                  <a:lnTo>
                    <a:pt x="137735" y="10282"/>
                  </a:lnTo>
                  <a:lnTo>
                    <a:pt x="135327" y="10745"/>
                  </a:lnTo>
                  <a:lnTo>
                    <a:pt x="132918" y="11162"/>
                  </a:lnTo>
                  <a:lnTo>
                    <a:pt x="130464" y="11532"/>
                  </a:lnTo>
                  <a:lnTo>
                    <a:pt x="127963" y="11903"/>
                  </a:lnTo>
                  <a:lnTo>
                    <a:pt x="125462" y="12180"/>
                  </a:lnTo>
                  <a:lnTo>
                    <a:pt x="122961" y="12366"/>
                  </a:lnTo>
                  <a:lnTo>
                    <a:pt x="120414" y="12505"/>
                  </a:lnTo>
                  <a:lnTo>
                    <a:pt x="117635" y="12597"/>
                  </a:lnTo>
                  <a:lnTo>
                    <a:pt x="114532" y="12597"/>
                  </a:lnTo>
                  <a:lnTo>
                    <a:pt x="111105" y="12505"/>
                  </a:lnTo>
                  <a:lnTo>
                    <a:pt x="107354" y="12319"/>
                  </a:lnTo>
                  <a:lnTo>
                    <a:pt x="103371" y="12088"/>
                  </a:lnTo>
                  <a:lnTo>
                    <a:pt x="99110" y="11810"/>
                  </a:lnTo>
                  <a:lnTo>
                    <a:pt x="94664" y="11486"/>
                  </a:lnTo>
                  <a:lnTo>
                    <a:pt x="90033" y="11069"/>
                  </a:lnTo>
                  <a:lnTo>
                    <a:pt x="85263" y="10606"/>
                  </a:lnTo>
                  <a:lnTo>
                    <a:pt x="80353" y="10143"/>
                  </a:lnTo>
                  <a:lnTo>
                    <a:pt x="70257" y="9078"/>
                  </a:lnTo>
                  <a:lnTo>
                    <a:pt x="60068" y="7920"/>
                  </a:lnTo>
                  <a:lnTo>
                    <a:pt x="49926" y="6716"/>
                  </a:lnTo>
                  <a:lnTo>
                    <a:pt x="40108" y="5465"/>
                  </a:lnTo>
                  <a:lnTo>
                    <a:pt x="30891" y="4261"/>
                  </a:lnTo>
                  <a:lnTo>
                    <a:pt x="22416" y="3150"/>
                  </a:lnTo>
                  <a:lnTo>
                    <a:pt x="14960" y="2131"/>
                  </a:lnTo>
                  <a:lnTo>
                    <a:pt x="4076" y="602"/>
                  </a:lnTo>
                  <a:lnTo>
                    <a:pt x="1" y="0"/>
                  </a:lnTo>
                  <a:close/>
                </a:path>
              </a:pathLst>
            </a:custGeom>
            <a:solidFill>
              <a:schemeClr val="l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40" name="Google Shape;40;p3"/>
            <p:cNvSpPr/>
            <p:nvPr/>
          </p:nvSpPr>
          <p:spPr>
            <a:xfrm flipH="1">
              <a:off x="-42608" y="4610670"/>
              <a:ext cx="9229433" cy="502399"/>
            </a:xfrm>
            <a:custGeom>
              <a:avLst/>
              <a:gdLst/>
              <a:ahLst/>
              <a:cxnLst/>
              <a:rect l="l" t="t" r="r" b="b"/>
              <a:pathLst>
                <a:path w="285057" h="13941" extrusionOk="0">
                  <a:moveTo>
                    <a:pt x="238141" y="0"/>
                  </a:moveTo>
                  <a:lnTo>
                    <a:pt x="234529" y="47"/>
                  </a:lnTo>
                  <a:lnTo>
                    <a:pt x="230777" y="186"/>
                  </a:lnTo>
                  <a:lnTo>
                    <a:pt x="226933" y="325"/>
                  </a:lnTo>
                  <a:lnTo>
                    <a:pt x="222997" y="602"/>
                  </a:lnTo>
                  <a:lnTo>
                    <a:pt x="218921" y="927"/>
                  </a:lnTo>
                  <a:lnTo>
                    <a:pt x="214799" y="1343"/>
                  </a:lnTo>
                  <a:lnTo>
                    <a:pt x="210585" y="1853"/>
                  </a:lnTo>
                  <a:lnTo>
                    <a:pt x="206278" y="2455"/>
                  </a:lnTo>
                  <a:lnTo>
                    <a:pt x="204009" y="2733"/>
                  </a:lnTo>
                  <a:lnTo>
                    <a:pt x="201647" y="3057"/>
                  </a:lnTo>
                  <a:lnTo>
                    <a:pt x="199053" y="3289"/>
                  </a:lnTo>
                  <a:lnTo>
                    <a:pt x="196367" y="3566"/>
                  </a:lnTo>
                  <a:lnTo>
                    <a:pt x="193542" y="3798"/>
                  </a:lnTo>
                  <a:lnTo>
                    <a:pt x="190578" y="4030"/>
                  </a:lnTo>
                  <a:lnTo>
                    <a:pt x="184279" y="4400"/>
                  </a:lnTo>
                  <a:lnTo>
                    <a:pt x="177518" y="4724"/>
                  </a:lnTo>
                  <a:lnTo>
                    <a:pt x="170386" y="5002"/>
                  </a:lnTo>
                  <a:lnTo>
                    <a:pt x="162883" y="5187"/>
                  </a:lnTo>
                  <a:lnTo>
                    <a:pt x="155056" y="5326"/>
                  </a:lnTo>
                  <a:lnTo>
                    <a:pt x="146998" y="5465"/>
                  </a:lnTo>
                  <a:lnTo>
                    <a:pt x="138708" y="5512"/>
                  </a:lnTo>
                  <a:lnTo>
                    <a:pt x="130232" y="5512"/>
                  </a:lnTo>
                  <a:lnTo>
                    <a:pt x="121711" y="5465"/>
                  </a:lnTo>
                  <a:lnTo>
                    <a:pt x="113050" y="5419"/>
                  </a:lnTo>
                  <a:lnTo>
                    <a:pt x="104436" y="5280"/>
                  </a:lnTo>
                  <a:lnTo>
                    <a:pt x="95776" y="5187"/>
                  </a:lnTo>
                  <a:lnTo>
                    <a:pt x="87254" y="5002"/>
                  </a:lnTo>
                  <a:lnTo>
                    <a:pt x="70581" y="4632"/>
                  </a:lnTo>
                  <a:lnTo>
                    <a:pt x="54789" y="4215"/>
                  </a:lnTo>
                  <a:lnTo>
                    <a:pt x="40293" y="3752"/>
                  </a:lnTo>
                  <a:lnTo>
                    <a:pt x="27418" y="3242"/>
                  </a:lnTo>
                  <a:lnTo>
                    <a:pt x="16534" y="2825"/>
                  </a:lnTo>
                  <a:lnTo>
                    <a:pt x="8105" y="2409"/>
                  </a:lnTo>
                  <a:lnTo>
                    <a:pt x="2455" y="2131"/>
                  </a:lnTo>
                  <a:lnTo>
                    <a:pt x="834" y="1992"/>
                  </a:lnTo>
                  <a:lnTo>
                    <a:pt x="1" y="1946"/>
                  </a:lnTo>
                  <a:lnTo>
                    <a:pt x="1" y="13940"/>
                  </a:lnTo>
                  <a:lnTo>
                    <a:pt x="285056" y="13940"/>
                  </a:lnTo>
                  <a:lnTo>
                    <a:pt x="285056" y="5512"/>
                  </a:lnTo>
                  <a:lnTo>
                    <a:pt x="283574" y="5095"/>
                  </a:lnTo>
                  <a:lnTo>
                    <a:pt x="281768" y="4632"/>
                  </a:lnTo>
                  <a:lnTo>
                    <a:pt x="279267" y="4076"/>
                  </a:lnTo>
                  <a:lnTo>
                    <a:pt x="276118" y="3428"/>
                  </a:lnTo>
                  <a:lnTo>
                    <a:pt x="272366" y="2733"/>
                  </a:lnTo>
                  <a:lnTo>
                    <a:pt x="270236" y="2362"/>
                  </a:lnTo>
                  <a:lnTo>
                    <a:pt x="268013" y="2038"/>
                  </a:lnTo>
                  <a:lnTo>
                    <a:pt x="265605" y="1714"/>
                  </a:lnTo>
                  <a:lnTo>
                    <a:pt x="263057" y="1390"/>
                  </a:lnTo>
                  <a:lnTo>
                    <a:pt x="260371" y="1112"/>
                  </a:lnTo>
                  <a:lnTo>
                    <a:pt x="257593" y="834"/>
                  </a:lnTo>
                  <a:lnTo>
                    <a:pt x="254629" y="602"/>
                  </a:lnTo>
                  <a:lnTo>
                    <a:pt x="251572" y="371"/>
                  </a:lnTo>
                  <a:lnTo>
                    <a:pt x="248423" y="232"/>
                  </a:lnTo>
                  <a:lnTo>
                    <a:pt x="245088" y="93"/>
                  </a:lnTo>
                  <a:lnTo>
                    <a:pt x="241661" y="47"/>
                  </a:lnTo>
                  <a:lnTo>
                    <a:pt x="238141" y="0"/>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41" name="Google Shape;41;p3"/>
            <p:cNvSpPr/>
            <p:nvPr/>
          </p:nvSpPr>
          <p:spPr>
            <a:xfrm flipH="1">
              <a:off x="-42608" y="4653459"/>
              <a:ext cx="9229433" cy="531181"/>
            </a:xfrm>
            <a:custGeom>
              <a:avLst/>
              <a:gdLst/>
              <a:ahLst/>
              <a:cxnLst/>
              <a:rect l="l" t="t" r="r" b="b"/>
              <a:pathLst>
                <a:path w="285057" h="21397" extrusionOk="0">
                  <a:moveTo>
                    <a:pt x="60439" y="1"/>
                  </a:moveTo>
                  <a:lnTo>
                    <a:pt x="57058" y="47"/>
                  </a:lnTo>
                  <a:lnTo>
                    <a:pt x="55530" y="47"/>
                  </a:lnTo>
                  <a:lnTo>
                    <a:pt x="54048" y="140"/>
                  </a:lnTo>
                  <a:lnTo>
                    <a:pt x="52658" y="232"/>
                  </a:lnTo>
                  <a:lnTo>
                    <a:pt x="51362" y="371"/>
                  </a:lnTo>
                  <a:lnTo>
                    <a:pt x="50157" y="510"/>
                  </a:lnTo>
                  <a:lnTo>
                    <a:pt x="49046" y="695"/>
                  </a:lnTo>
                  <a:lnTo>
                    <a:pt x="48073" y="927"/>
                  </a:lnTo>
                  <a:lnTo>
                    <a:pt x="47147" y="1205"/>
                  </a:lnTo>
                  <a:lnTo>
                    <a:pt x="43674" y="2270"/>
                  </a:lnTo>
                  <a:lnTo>
                    <a:pt x="40015" y="3335"/>
                  </a:lnTo>
                  <a:lnTo>
                    <a:pt x="36171" y="4400"/>
                  </a:lnTo>
                  <a:lnTo>
                    <a:pt x="32234" y="5419"/>
                  </a:lnTo>
                  <a:lnTo>
                    <a:pt x="28298" y="6392"/>
                  </a:lnTo>
                  <a:lnTo>
                    <a:pt x="24361" y="7318"/>
                  </a:lnTo>
                  <a:lnTo>
                    <a:pt x="16859" y="9032"/>
                  </a:lnTo>
                  <a:lnTo>
                    <a:pt x="10190" y="10467"/>
                  </a:lnTo>
                  <a:lnTo>
                    <a:pt x="4864" y="11579"/>
                  </a:lnTo>
                  <a:lnTo>
                    <a:pt x="1" y="12551"/>
                  </a:lnTo>
                  <a:lnTo>
                    <a:pt x="1" y="21397"/>
                  </a:lnTo>
                  <a:lnTo>
                    <a:pt x="285056" y="21397"/>
                  </a:lnTo>
                  <a:lnTo>
                    <a:pt x="285056" y="1205"/>
                  </a:lnTo>
                  <a:lnTo>
                    <a:pt x="280934" y="1853"/>
                  </a:lnTo>
                  <a:lnTo>
                    <a:pt x="275840" y="2687"/>
                  </a:lnTo>
                  <a:lnTo>
                    <a:pt x="263382" y="4910"/>
                  </a:lnTo>
                  <a:lnTo>
                    <a:pt x="248700" y="7503"/>
                  </a:lnTo>
                  <a:lnTo>
                    <a:pt x="240874" y="8846"/>
                  </a:lnTo>
                  <a:lnTo>
                    <a:pt x="232861" y="10143"/>
                  </a:lnTo>
                  <a:lnTo>
                    <a:pt x="224849" y="11440"/>
                  </a:lnTo>
                  <a:lnTo>
                    <a:pt x="216884" y="12551"/>
                  </a:lnTo>
                  <a:lnTo>
                    <a:pt x="212993" y="13107"/>
                  </a:lnTo>
                  <a:lnTo>
                    <a:pt x="209196" y="13570"/>
                  </a:lnTo>
                  <a:lnTo>
                    <a:pt x="205491" y="14033"/>
                  </a:lnTo>
                  <a:lnTo>
                    <a:pt x="201878" y="14404"/>
                  </a:lnTo>
                  <a:lnTo>
                    <a:pt x="198405" y="14728"/>
                  </a:lnTo>
                  <a:lnTo>
                    <a:pt x="195070" y="15006"/>
                  </a:lnTo>
                  <a:lnTo>
                    <a:pt x="191875" y="15191"/>
                  </a:lnTo>
                  <a:lnTo>
                    <a:pt x="188864" y="15330"/>
                  </a:lnTo>
                  <a:lnTo>
                    <a:pt x="186039" y="15423"/>
                  </a:lnTo>
                  <a:lnTo>
                    <a:pt x="183446" y="15376"/>
                  </a:lnTo>
                  <a:lnTo>
                    <a:pt x="181037" y="15284"/>
                  </a:lnTo>
                  <a:lnTo>
                    <a:pt x="179926" y="15191"/>
                  </a:lnTo>
                  <a:lnTo>
                    <a:pt x="178907" y="15052"/>
                  </a:lnTo>
                  <a:lnTo>
                    <a:pt x="174044" y="14404"/>
                  </a:lnTo>
                  <a:lnTo>
                    <a:pt x="167746" y="13478"/>
                  </a:lnTo>
                  <a:lnTo>
                    <a:pt x="151721" y="10977"/>
                  </a:lnTo>
                  <a:lnTo>
                    <a:pt x="142366" y="9495"/>
                  </a:lnTo>
                  <a:lnTo>
                    <a:pt x="132455" y="8013"/>
                  </a:lnTo>
                  <a:lnTo>
                    <a:pt x="122128" y="6484"/>
                  </a:lnTo>
                  <a:lnTo>
                    <a:pt x="111661" y="4956"/>
                  </a:lnTo>
                  <a:lnTo>
                    <a:pt x="101194" y="3567"/>
                  </a:lnTo>
                  <a:lnTo>
                    <a:pt x="96053" y="2965"/>
                  </a:lnTo>
                  <a:lnTo>
                    <a:pt x="91005" y="2363"/>
                  </a:lnTo>
                  <a:lnTo>
                    <a:pt x="86096" y="1807"/>
                  </a:lnTo>
                  <a:lnTo>
                    <a:pt x="81280" y="1344"/>
                  </a:lnTo>
                  <a:lnTo>
                    <a:pt x="76695" y="881"/>
                  </a:lnTo>
                  <a:lnTo>
                    <a:pt x="72249" y="556"/>
                  </a:lnTo>
                  <a:lnTo>
                    <a:pt x="68081" y="279"/>
                  </a:lnTo>
                  <a:lnTo>
                    <a:pt x="64098" y="93"/>
                  </a:lnTo>
                  <a:lnTo>
                    <a:pt x="60439" y="1"/>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42" name="Google Shape;42;p3"/>
          <p:cNvSpPr/>
          <p:nvPr/>
        </p:nvSpPr>
        <p:spPr>
          <a:xfrm>
            <a:off x="18969722" y="6562083"/>
            <a:ext cx="1118711" cy="4304611"/>
          </a:xfrm>
          <a:custGeom>
            <a:avLst/>
            <a:gdLst/>
            <a:ahLst/>
            <a:cxnLst/>
            <a:rect l="l" t="t" r="r" b="b"/>
            <a:pathLst>
              <a:path w="24361" h="93737" extrusionOk="0">
                <a:moveTo>
                  <a:pt x="11069" y="0"/>
                </a:moveTo>
                <a:lnTo>
                  <a:pt x="10606" y="47"/>
                </a:lnTo>
                <a:lnTo>
                  <a:pt x="10189" y="139"/>
                </a:lnTo>
                <a:lnTo>
                  <a:pt x="9957" y="232"/>
                </a:lnTo>
                <a:lnTo>
                  <a:pt x="9818" y="371"/>
                </a:lnTo>
                <a:lnTo>
                  <a:pt x="9679" y="510"/>
                </a:lnTo>
                <a:lnTo>
                  <a:pt x="9541" y="649"/>
                </a:lnTo>
                <a:lnTo>
                  <a:pt x="9263" y="1297"/>
                </a:lnTo>
                <a:lnTo>
                  <a:pt x="9031" y="1899"/>
                </a:lnTo>
                <a:lnTo>
                  <a:pt x="8800" y="2548"/>
                </a:lnTo>
                <a:lnTo>
                  <a:pt x="8661" y="3196"/>
                </a:lnTo>
                <a:lnTo>
                  <a:pt x="8522" y="3844"/>
                </a:lnTo>
                <a:lnTo>
                  <a:pt x="8429" y="4539"/>
                </a:lnTo>
                <a:lnTo>
                  <a:pt x="8383" y="5187"/>
                </a:lnTo>
                <a:lnTo>
                  <a:pt x="8336" y="5836"/>
                </a:lnTo>
                <a:lnTo>
                  <a:pt x="8336" y="7179"/>
                </a:lnTo>
                <a:lnTo>
                  <a:pt x="8429" y="8522"/>
                </a:lnTo>
                <a:lnTo>
                  <a:pt x="8661" y="11208"/>
                </a:lnTo>
                <a:lnTo>
                  <a:pt x="8938" y="14172"/>
                </a:lnTo>
                <a:lnTo>
                  <a:pt x="9124" y="17090"/>
                </a:lnTo>
                <a:lnTo>
                  <a:pt x="9216" y="20054"/>
                </a:lnTo>
                <a:lnTo>
                  <a:pt x="9216" y="21489"/>
                </a:lnTo>
                <a:lnTo>
                  <a:pt x="9216" y="22971"/>
                </a:lnTo>
                <a:lnTo>
                  <a:pt x="9124" y="25194"/>
                </a:lnTo>
                <a:lnTo>
                  <a:pt x="8985" y="27417"/>
                </a:lnTo>
                <a:lnTo>
                  <a:pt x="8707" y="31863"/>
                </a:lnTo>
                <a:lnTo>
                  <a:pt x="8383" y="36263"/>
                </a:lnTo>
                <a:lnTo>
                  <a:pt x="8058" y="40709"/>
                </a:lnTo>
                <a:lnTo>
                  <a:pt x="7873" y="40061"/>
                </a:lnTo>
                <a:lnTo>
                  <a:pt x="7595" y="39412"/>
                </a:lnTo>
                <a:lnTo>
                  <a:pt x="7225" y="38857"/>
                </a:lnTo>
                <a:lnTo>
                  <a:pt x="6808" y="38347"/>
                </a:lnTo>
                <a:lnTo>
                  <a:pt x="6669" y="38254"/>
                </a:lnTo>
                <a:lnTo>
                  <a:pt x="6438" y="38208"/>
                </a:lnTo>
                <a:lnTo>
                  <a:pt x="6252" y="38208"/>
                </a:lnTo>
                <a:lnTo>
                  <a:pt x="6160" y="38254"/>
                </a:lnTo>
                <a:lnTo>
                  <a:pt x="6067" y="38347"/>
                </a:lnTo>
                <a:lnTo>
                  <a:pt x="5835" y="38671"/>
                </a:lnTo>
                <a:lnTo>
                  <a:pt x="5650" y="39042"/>
                </a:lnTo>
                <a:lnTo>
                  <a:pt x="5465" y="39412"/>
                </a:lnTo>
                <a:lnTo>
                  <a:pt x="5326" y="39783"/>
                </a:lnTo>
                <a:lnTo>
                  <a:pt x="5233" y="40153"/>
                </a:lnTo>
                <a:lnTo>
                  <a:pt x="5141" y="40570"/>
                </a:lnTo>
                <a:lnTo>
                  <a:pt x="5048" y="41357"/>
                </a:lnTo>
                <a:lnTo>
                  <a:pt x="5048" y="42191"/>
                </a:lnTo>
                <a:lnTo>
                  <a:pt x="5048" y="43025"/>
                </a:lnTo>
                <a:lnTo>
                  <a:pt x="5094" y="44646"/>
                </a:lnTo>
                <a:lnTo>
                  <a:pt x="5141" y="46730"/>
                </a:lnTo>
                <a:lnTo>
                  <a:pt x="5187" y="48814"/>
                </a:lnTo>
                <a:lnTo>
                  <a:pt x="5419" y="52935"/>
                </a:lnTo>
                <a:lnTo>
                  <a:pt x="5511" y="54927"/>
                </a:lnTo>
                <a:lnTo>
                  <a:pt x="5558" y="56965"/>
                </a:lnTo>
                <a:lnTo>
                  <a:pt x="5558" y="56965"/>
                </a:lnTo>
                <a:lnTo>
                  <a:pt x="5326" y="56177"/>
                </a:lnTo>
                <a:lnTo>
                  <a:pt x="5141" y="55436"/>
                </a:lnTo>
                <a:lnTo>
                  <a:pt x="4956" y="54649"/>
                </a:lnTo>
                <a:lnTo>
                  <a:pt x="4817" y="53862"/>
                </a:lnTo>
                <a:lnTo>
                  <a:pt x="4770" y="53074"/>
                </a:lnTo>
                <a:lnTo>
                  <a:pt x="4724" y="52287"/>
                </a:lnTo>
                <a:lnTo>
                  <a:pt x="4678" y="50759"/>
                </a:lnTo>
                <a:lnTo>
                  <a:pt x="4817" y="47656"/>
                </a:lnTo>
                <a:lnTo>
                  <a:pt x="4817" y="45896"/>
                </a:lnTo>
                <a:lnTo>
                  <a:pt x="4770" y="44090"/>
                </a:lnTo>
                <a:lnTo>
                  <a:pt x="4678" y="42330"/>
                </a:lnTo>
                <a:lnTo>
                  <a:pt x="4585" y="40524"/>
                </a:lnTo>
                <a:lnTo>
                  <a:pt x="4261" y="36958"/>
                </a:lnTo>
                <a:lnTo>
                  <a:pt x="4029" y="33392"/>
                </a:lnTo>
                <a:lnTo>
                  <a:pt x="3937" y="31400"/>
                </a:lnTo>
                <a:lnTo>
                  <a:pt x="3844" y="30428"/>
                </a:lnTo>
                <a:lnTo>
                  <a:pt x="3751" y="29918"/>
                </a:lnTo>
                <a:lnTo>
                  <a:pt x="3659" y="29455"/>
                </a:lnTo>
                <a:lnTo>
                  <a:pt x="3520" y="29038"/>
                </a:lnTo>
                <a:lnTo>
                  <a:pt x="3335" y="28621"/>
                </a:lnTo>
                <a:lnTo>
                  <a:pt x="3103" y="28251"/>
                </a:lnTo>
                <a:lnTo>
                  <a:pt x="2779" y="27927"/>
                </a:lnTo>
                <a:lnTo>
                  <a:pt x="2455" y="27649"/>
                </a:lnTo>
                <a:lnTo>
                  <a:pt x="2038" y="27464"/>
                </a:lnTo>
                <a:lnTo>
                  <a:pt x="1528" y="27278"/>
                </a:lnTo>
                <a:lnTo>
                  <a:pt x="973" y="27232"/>
                </a:lnTo>
                <a:lnTo>
                  <a:pt x="648" y="27232"/>
                </a:lnTo>
                <a:lnTo>
                  <a:pt x="463" y="27325"/>
                </a:lnTo>
                <a:lnTo>
                  <a:pt x="278" y="27417"/>
                </a:lnTo>
                <a:lnTo>
                  <a:pt x="139" y="27510"/>
                </a:lnTo>
                <a:lnTo>
                  <a:pt x="46" y="27695"/>
                </a:lnTo>
                <a:lnTo>
                  <a:pt x="0" y="27834"/>
                </a:lnTo>
                <a:lnTo>
                  <a:pt x="0" y="28019"/>
                </a:lnTo>
                <a:lnTo>
                  <a:pt x="232" y="28668"/>
                </a:lnTo>
                <a:lnTo>
                  <a:pt x="324" y="29316"/>
                </a:lnTo>
                <a:lnTo>
                  <a:pt x="417" y="30011"/>
                </a:lnTo>
                <a:lnTo>
                  <a:pt x="463" y="30706"/>
                </a:lnTo>
                <a:lnTo>
                  <a:pt x="463" y="32049"/>
                </a:lnTo>
                <a:lnTo>
                  <a:pt x="463" y="33392"/>
                </a:lnTo>
                <a:lnTo>
                  <a:pt x="556" y="35244"/>
                </a:lnTo>
                <a:lnTo>
                  <a:pt x="648" y="37097"/>
                </a:lnTo>
                <a:lnTo>
                  <a:pt x="648" y="38023"/>
                </a:lnTo>
                <a:lnTo>
                  <a:pt x="648" y="38949"/>
                </a:lnTo>
                <a:lnTo>
                  <a:pt x="648" y="39875"/>
                </a:lnTo>
                <a:lnTo>
                  <a:pt x="556" y="40802"/>
                </a:lnTo>
                <a:lnTo>
                  <a:pt x="371" y="42469"/>
                </a:lnTo>
                <a:lnTo>
                  <a:pt x="232" y="44229"/>
                </a:lnTo>
                <a:lnTo>
                  <a:pt x="139" y="45989"/>
                </a:lnTo>
                <a:lnTo>
                  <a:pt x="93" y="47795"/>
                </a:lnTo>
                <a:lnTo>
                  <a:pt x="93" y="49555"/>
                </a:lnTo>
                <a:lnTo>
                  <a:pt x="185" y="51315"/>
                </a:lnTo>
                <a:lnTo>
                  <a:pt x="324" y="53074"/>
                </a:lnTo>
                <a:lnTo>
                  <a:pt x="556" y="54742"/>
                </a:lnTo>
                <a:lnTo>
                  <a:pt x="695" y="55575"/>
                </a:lnTo>
                <a:lnTo>
                  <a:pt x="880" y="56409"/>
                </a:lnTo>
                <a:lnTo>
                  <a:pt x="1297" y="57984"/>
                </a:lnTo>
                <a:lnTo>
                  <a:pt x="1714" y="59604"/>
                </a:lnTo>
                <a:lnTo>
                  <a:pt x="1899" y="60438"/>
                </a:lnTo>
                <a:lnTo>
                  <a:pt x="2038" y="61272"/>
                </a:lnTo>
                <a:lnTo>
                  <a:pt x="2223" y="62661"/>
                </a:lnTo>
                <a:lnTo>
                  <a:pt x="2408" y="64097"/>
                </a:lnTo>
                <a:lnTo>
                  <a:pt x="2547" y="64791"/>
                </a:lnTo>
                <a:lnTo>
                  <a:pt x="2686" y="65486"/>
                </a:lnTo>
                <a:lnTo>
                  <a:pt x="2918" y="66181"/>
                </a:lnTo>
                <a:lnTo>
                  <a:pt x="3196" y="66829"/>
                </a:lnTo>
                <a:lnTo>
                  <a:pt x="3566" y="67478"/>
                </a:lnTo>
                <a:lnTo>
                  <a:pt x="3983" y="68126"/>
                </a:lnTo>
                <a:lnTo>
                  <a:pt x="4446" y="68682"/>
                </a:lnTo>
                <a:lnTo>
                  <a:pt x="4956" y="69237"/>
                </a:lnTo>
                <a:lnTo>
                  <a:pt x="5511" y="69701"/>
                </a:lnTo>
                <a:lnTo>
                  <a:pt x="6113" y="70164"/>
                </a:lnTo>
                <a:lnTo>
                  <a:pt x="6715" y="70534"/>
                </a:lnTo>
                <a:lnTo>
                  <a:pt x="7364" y="70812"/>
                </a:lnTo>
                <a:lnTo>
                  <a:pt x="7179" y="72572"/>
                </a:lnTo>
                <a:lnTo>
                  <a:pt x="7086" y="73452"/>
                </a:lnTo>
                <a:lnTo>
                  <a:pt x="7040" y="74332"/>
                </a:lnTo>
                <a:lnTo>
                  <a:pt x="7086" y="75767"/>
                </a:lnTo>
                <a:lnTo>
                  <a:pt x="7179" y="77203"/>
                </a:lnTo>
                <a:lnTo>
                  <a:pt x="7317" y="78639"/>
                </a:lnTo>
                <a:lnTo>
                  <a:pt x="7410" y="80075"/>
                </a:lnTo>
                <a:lnTo>
                  <a:pt x="7456" y="81603"/>
                </a:lnTo>
                <a:lnTo>
                  <a:pt x="7456" y="83131"/>
                </a:lnTo>
                <a:lnTo>
                  <a:pt x="7503" y="86188"/>
                </a:lnTo>
                <a:lnTo>
                  <a:pt x="7549" y="87716"/>
                </a:lnTo>
                <a:lnTo>
                  <a:pt x="7642" y="89244"/>
                </a:lnTo>
                <a:lnTo>
                  <a:pt x="7827" y="90773"/>
                </a:lnTo>
                <a:lnTo>
                  <a:pt x="7966" y="91514"/>
                </a:lnTo>
                <a:lnTo>
                  <a:pt x="8151" y="92208"/>
                </a:lnTo>
                <a:lnTo>
                  <a:pt x="8197" y="92440"/>
                </a:lnTo>
                <a:lnTo>
                  <a:pt x="8290" y="92625"/>
                </a:lnTo>
                <a:lnTo>
                  <a:pt x="8522" y="92996"/>
                </a:lnTo>
                <a:lnTo>
                  <a:pt x="8846" y="93274"/>
                </a:lnTo>
                <a:lnTo>
                  <a:pt x="9263" y="93505"/>
                </a:lnTo>
                <a:lnTo>
                  <a:pt x="9679" y="93644"/>
                </a:lnTo>
                <a:lnTo>
                  <a:pt x="10143" y="93737"/>
                </a:lnTo>
                <a:lnTo>
                  <a:pt x="10652" y="93737"/>
                </a:lnTo>
                <a:lnTo>
                  <a:pt x="11161" y="93690"/>
                </a:lnTo>
                <a:lnTo>
                  <a:pt x="11671" y="93598"/>
                </a:lnTo>
                <a:lnTo>
                  <a:pt x="12180" y="93459"/>
                </a:lnTo>
                <a:lnTo>
                  <a:pt x="12643" y="93274"/>
                </a:lnTo>
                <a:lnTo>
                  <a:pt x="13060" y="93042"/>
                </a:lnTo>
                <a:lnTo>
                  <a:pt x="13431" y="92764"/>
                </a:lnTo>
                <a:lnTo>
                  <a:pt x="13709" y="92440"/>
                </a:lnTo>
                <a:lnTo>
                  <a:pt x="13940" y="92116"/>
                </a:lnTo>
                <a:lnTo>
                  <a:pt x="14079" y="91699"/>
                </a:lnTo>
                <a:lnTo>
                  <a:pt x="14218" y="91004"/>
                </a:lnTo>
                <a:lnTo>
                  <a:pt x="14311" y="90310"/>
                </a:lnTo>
                <a:lnTo>
                  <a:pt x="14403" y="88874"/>
                </a:lnTo>
                <a:lnTo>
                  <a:pt x="14450" y="87392"/>
                </a:lnTo>
                <a:lnTo>
                  <a:pt x="14403" y="85910"/>
                </a:lnTo>
                <a:lnTo>
                  <a:pt x="14264" y="82992"/>
                </a:lnTo>
                <a:lnTo>
                  <a:pt x="14218" y="81510"/>
                </a:lnTo>
                <a:lnTo>
                  <a:pt x="14218" y="80075"/>
                </a:lnTo>
                <a:lnTo>
                  <a:pt x="14218" y="78546"/>
                </a:lnTo>
                <a:lnTo>
                  <a:pt x="14311" y="76972"/>
                </a:lnTo>
                <a:lnTo>
                  <a:pt x="14311" y="75443"/>
                </a:lnTo>
                <a:lnTo>
                  <a:pt x="14311" y="74656"/>
                </a:lnTo>
                <a:lnTo>
                  <a:pt x="14264" y="73915"/>
                </a:lnTo>
                <a:lnTo>
                  <a:pt x="14125" y="72711"/>
                </a:lnTo>
                <a:lnTo>
                  <a:pt x="13940" y="71507"/>
                </a:lnTo>
                <a:lnTo>
                  <a:pt x="14403" y="71321"/>
                </a:lnTo>
                <a:lnTo>
                  <a:pt x="14820" y="71136"/>
                </a:lnTo>
                <a:lnTo>
                  <a:pt x="15237" y="70905"/>
                </a:lnTo>
                <a:lnTo>
                  <a:pt x="15654" y="70627"/>
                </a:lnTo>
                <a:lnTo>
                  <a:pt x="16395" y="70025"/>
                </a:lnTo>
                <a:lnTo>
                  <a:pt x="17089" y="69376"/>
                </a:lnTo>
                <a:lnTo>
                  <a:pt x="17738" y="68635"/>
                </a:lnTo>
                <a:lnTo>
                  <a:pt x="18294" y="67848"/>
                </a:lnTo>
                <a:lnTo>
                  <a:pt x="18849" y="66968"/>
                </a:lnTo>
                <a:lnTo>
                  <a:pt x="19313" y="66088"/>
                </a:lnTo>
                <a:lnTo>
                  <a:pt x="19729" y="65162"/>
                </a:lnTo>
                <a:lnTo>
                  <a:pt x="20100" y="64189"/>
                </a:lnTo>
                <a:lnTo>
                  <a:pt x="20424" y="63263"/>
                </a:lnTo>
                <a:lnTo>
                  <a:pt x="20702" y="62291"/>
                </a:lnTo>
                <a:lnTo>
                  <a:pt x="20933" y="61318"/>
                </a:lnTo>
                <a:lnTo>
                  <a:pt x="21119" y="60345"/>
                </a:lnTo>
                <a:lnTo>
                  <a:pt x="21258" y="59419"/>
                </a:lnTo>
                <a:lnTo>
                  <a:pt x="21350" y="58493"/>
                </a:lnTo>
                <a:lnTo>
                  <a:pt x="21628" y="55622"/>
                </a:lnTo>
                <a:lnTo>
                  <a:pt x="21906" y="52797"/>
                </a:lnTo>
                <a:lnTo>
                  <a:pt x="22091" y="51407"/>
                </a:lnTo>
                <a:lnTo>
                  <a:pt x="22277" y="49971"/>
                </a:lnTo>
                <a:lnTo>
                  <a:pt x="22508" y="48582"/>
                </a:lnTo>
                <a:lnTo>
                  <a:pt x="22786" y="47146"/>
                </a:lnTo>
                <a:lnTo>
                  <a:pt x="23064" y="45942"/>
                </a:lnTo>
                <a:lnTo>
                  <a:pt x="23434" y="44738"/>
                </a:lnTo>
                <a:lnTo>
                  <a:pt x="23759" y="43488"/>
                </a:lnTo>
                <a:lnTo>
                  <a:pt x="24083" y="42237"/>
                </a:lnTo>
                <a:lnTo>
                  <a:pt x="24175" y="41635"/>
                </a:lnTo>
                <a:lnTo>
                  <a:pt x="24268" y="41033"/>
                </a:lnTo>
                <a:lnTo>
                  <a:pt x="24361" y="40385"/>
                </a:lnTo>
                <a:lnTo>
                  <a:pt x="24361" y="39783"/>
                </a:lnTo>
                <a:lnTo>
                  <a:pt x="24361" y="39181"/>
                </a:lnTo>
                <a:lnTo>
                  <a:pt x="24268" y="38532"/>
                </a:lnTo>
                <a:lnTo>
                  <a:pt x="24129" y="37930"/>
                </a:lnTo>
                <a:lnTo>
                  <a:pt x="23944" y="37375"/>
                </a:lnTo>
                <a:lnTo>
                  <a:pt x="23897" y="37236"/>
                </a:lnTo>
                <a:lnTo>
                  <a:pt x="23805" y="37189"/>
                </a:lnTo>
                <a:lnTo>
                  <a:pt x="23666" y="37143"/>
                </a:lnTo>
                <a:lnTo>
                  <a:pt x="23573" y="37097"/>
                </a:lnTo>
                <a:lnTo>
                  <a:pt x="23295" y="37097"/>
                </a:lnTo>
                <a:lnTo>
                  <a:pt x="23064" y="37189"/>
                </a:lnTo>
                <a:lnTo>
                  <a:pt x="22647" y="37513"/>
                </a:lnTo>
                <a:lnTo>
                  <a:pt x="22277" y="37838"/>
                </a:lnTo>
                <a:lnTo>
                  <a:pt x="21906" y="38162"/>
                </a:lnTo>
                <a:lnTo>
                  <a:pt x="21582" y="38532"/>
                </a:lnTo>
                <a:lnTo>
                  <a:pt x="20933" y="39273"/>
                </a:lnTo>
                <a:lnTo>
                  <a:pt x="20378" y="40107"/>
                </a:lnTo>
                <a:lnTo>
                  <a:pt x="20378" y="39459"/>
                </a:lnTo>
                <a:lnTo>
                  <a:pt x="20331" y="38764"/>
                </a:lnTo>
                <a:lnTo>
                  <a:pt x="20239" y="38162"/>
                </a:lnTo>
                <a:lnTo>
                  <a:pt x="20100" y="37560"/>
                </a:lnTo>
                <a:lnTo>
                  <a:pt x="19915" y="36958"/>
                </a:lnTo>
                <a:lnTo>
                  <a:pt x="19637" y="36402"/>
                </a:lnTo>
                <a:lnTo>
                  <a:pt x="19266" y="35893"/>
                </a:lnTo>
                <a:lnTo>
                  <a:pt x="18849" y="35383"/>
                </a:lnTo>
                <a:lnTo>
                  <a:pt x="18757" y="35290"/>
                </a:lnTo>
                <a:lnTo>
                  <a:pt x="18618" y="35244"/>
                </a:lnTo>
                <a:lnTo>
                  <a:pt x="18340" y="35152"/>
                </a:lnTo>
                <a:lnTo>
                  <a:pt x="18016" y="35198"/>
                </a:lnTo>
                <a:lnTo>
                  <a:pt x="17877" y="35244"/>
                </a:lnTo>
                <a:lnTo>
                  <a:pt x="17738" y="35290"/>
                </a:lnTo>
                <a:lnTo>
                  <a:pt x="17414" y="35568"/>
                </a:lnTo>
                <a:lnTo>
                  <a:pt x="17136" y="35893"/>
                </a:lnTo>
                <a:lnTo>
                  <a:pt x="16904" y="36170"/>
                </a:lnTo>
                <a:lnTo>
                  <a:pt x="16673" y="36495"/>
                </a:lnTo>
                <a:lnTo>
                  <a:pt x="16256" y="37097"/>
                </a:lnTo>
                <a:lnTo>
                  <a:pt x="15978" y="37791"/>
                </a:lnTo>
                <a:lnTo>
                  <a:pt x="15746" y="38532"/>
                </a:lnTo>
                <a:lnTo>
                  <a:pt x="15607" y="39273"/>
                </a:lnTo>
                <a:lnTo>
                  <a:pt x="15469" y="40061"/>
                </a:lnTo>
                <a:lnTo>
                  <a:pt x="15376" y="40894"/>
                </a:lnTo>
                <a:lnTo>
                  <a:pt x="15144" y="42978"/>
                </a:lnTo>
                <a:lnTo>
                  <a:pt x="15005" y="45062"/>
                </a:lnTo>
                <a:lnTo>
                  <a:pt x="14774" y="49277"/>
                </a:lnTo>
                <a:lnTo>
                  <a:pt x="14728" y="51268"/>
                </a:lnTo>
                <a:lnTo>
                  <a:pt x="14589" y="53260"/>
                </a:lnTo>
                <a:lnTo>
                  <a:pt x="14542" y="54279"/>
                </a:lnTo>
                <a:lnTo>
                  <a:pt x="14403" y="55251"/>
                </a:lnTo>
                <a:lnTo>
                  <a:pt x="14218" y="56224"/>
                </a:lnTo>
                <a:lnTo>
                  <a:pt x="13987" y="57196"/>
                </a:lnTo>
                <a:lnTo>
                  <a:pt x="13801" y="57752"/>
                </a:lnTo>
                <a:lnTo>
                  <a:pt x="13570" y="58261"/>
                </a:lnTo>
                <a:lnTo>
                  <a:pt x="13338" y="58678"/>
                </a:lnTo>
                <a:lnTo>
                  <a:pt x="13060" y="59095"/>
                </a:lnTo>
                <a:lnTo>
                  <a:pt x="12968" y="55853"/>
                </a:lnTo>
                <a:lnTo>
                  <a:pt x="12921" y="52611"/>
                </a:lnTo>
                <a:lnTo>
                  <a:pt x="12875" y="46128"/>
                </a:lnTo>
                <a:lnTo>
                  <a:pt x="12829" y="40477"/>
                </a:lnTo>
                <a:lnTo>
                  <a:pt x="12782" y="34827"/>
                </a:lnTo>
                <a:lnTo>
                  <a:pt x="12551" y="23527"/>
                </a:lnTo>
                <a:lnTo>
                  <a:pt x="12458" y="17877"/>
                </a:lnTo>
                <a:lnTo>
                  <a:pt x="12412" y="12227"/>
                </a:lnTo>
                <a:lnTo>
                  <a:pt x="12412" y="9402"/>
                </a:lnTo>
                <a:lnTo>
                  <a:pt x="12458" y="6530"/>
                </a:lnTo>
                <a:lnTo>
                  <a:pt x="12458" y="5141"/>
                </a:lnTo>
                <a:lnTo>
                  <a:pt x="12458" y="3705"/>
                </a:lnTo>
                <a:lnTo>
                  <a:pt x="12412" y="2316"/>
                </a:lnTo>
                <a:lnTo>
                  <a:pt x="12319" y="927"/>
                </a:lnTo>
                <a:lnTo>
                  <a:pt x="12273" y="695"/>
                </a:lnTo>
                <a:lnTo>
                  <a:pt x="12180" y="510"/>
                </a:lnTo>
                <a:lnTo>
                  <a:pt x="12041" y="371"/>
                </a:lnTo>
                <a:lnTo>
                  <a:pt x="11902" y="232"/>
                </a:lnTo>
                <a:lnTo>
                  <a:pt x="11717" y="139"/>
                </a:lnTo>
                <a:lnTo>
                  <a:pt x="11486" y="47"/>
                </a:lnTo>
                <a:lnTo>
                  <a:pt x="11069" y="0"/>
                </a:lnTo>
                <a:close/>
              </a:path>
            </a:pathLst>
          </a:custGeom>
          <a:solidFill>
            <a:schemeClr val="dk2"/>
          </a:solidFill>
          <a:ln>
            <a:noFill/>
          </a:ln>
        </p:spPr>
        <p:txBody>
          <a:bodyPr spcFirstLastPara="1" wrap="square" lIns="203167" tIns="203167" rIns="203167" bIns="203167" anchor="ctr" anchorCtr="0">
            <a:noAutofit/>
          </a:bodyPr>
          <a:lstStyle/>
          <a:p>
            <a:pPr marL="0" lvl="0" indent="0" algn="l" rtl="0">
              <a:spcBef>
                <a:spcPts val="0"/>
              </a:spcBef>
              <a:spcAft>
                <a:spcPts val="0"/>
              </a:spcAft>
              <a:buNone/>
            </a:pPr>
            <a:endParaRPr sz="6000"/>
          </a:p>
        </p:txBody>
      </p:sp>
    </p:spTree>
    <p:extLst>
      <p:ext uri="{BB962C8B-B14F-4D97-AF65-F5344CB8AC3E}">
        <p14:creationId xmlns:p14="http://schemas.microsoft.com/office/powerpoint/2010/main" val="805531139"/>
      </p:ext>
    </p:extLst>
  </p:cSld>
  <p:clrMapOvr>
    <a:masterClrMapping/>
  </p:clrMapOvr>
</p:sldLayout>
</file>

<file path=ppt/slideLayouts/slideLayout86.xml><?xml version="1.0" encoding="utf-8"?>
<p:sldLayout xmlns:a="http://schemas.openxmlformats.org/drawingml/2006/main" xmlns:r="http://schemas.openxmlformats.org/officeDocument/2006/relationships" xmlns:p="http://schemas.openxmlformats.org/presentationml/2006/main" matchingName="Title and body" type="tx">
  <p:cSld name="Title and body">
    <p:spTree>
      <p:nvGrpSpPr>
        <p:cNvPr id="1" name="Shape 43"/>
        <p:cNvGrpSpPr/>
        <p:nvPr/>
      </p:nvGrpSpPr>
      <p:grpSpPr>
        <a:xfrm>
          <a:off x="0" y="0"/>
          <a:ext cx="0" cy="0"/>
          <a:chOff x="0" y="0"/>
          <a:chExt cx="0" cy="0"/>
        </a:xfrm>
      </p:grpSpPr>
      <p:pic>
        <p:nvPicPr>
          <p:cNvPr id="44" name="Google Shape;44;p4"/>
          <p:cNvPicPr preferRelativeResize="0"/>
          <p:nvPr/>
        </p:nvPicPr>
        <p:blipFill rotWithShape="1">
          <a:blip r:embed="rId2">
            <a:alphaModFix amt="58999"/>
          </a:blip>
          <a:srcRect/>
          <a:stretch/>
        </p:blipFill>
        <p:spPr>
          <a:xfrm>
            <a:off x="0" y="0"/>
            <a:ext cx="20320000" cy="11430000"/>
          </a:xfrm>
          <a:prstGeom prst="rect">
            <a:avLst/>
          </a:prstGeom>
          <a:noFill/>
          <a:ln>
            <a:noFill/>
          </a:ln>
        </p:spPr>
      </p:pic>
      <p:sp>
        <p:nvSpPr>
          <p:cNvPr id="45" name="Google Shape;45;p4"/>
          <p:cNvSpPr txBox="1">
            <a:spLocks noGrp="1"/>
          </p:cNvSpPr>
          <p:nvPr>
            <p:ph type="title"/>
          </p:nvPr>
        </p:nvSpPr>
        <p:spPr>
          <a:xfrm>
            <a:off x="1600000" y="1158278"/>
            <a:ext cx="17120000" cy="1272667"/>
          </a:xfrm>
          <a:prstGeom prst="rect">
            <a:avLst/>
          </a:prstGeom>
        </p:spPr>
        <p:txBody>
          <a:bodyPr spcFirstLastPara="1" wrap="square" lIns="91425" tIns="91425" rIns="91425" bIns="91425" anchor="t" anchorCtr="0">
            <a:noAutofit/>
          </a:bodyPr>
          <a:lstStyle>
            <a:lvl1pPr lvl="0" rtl="0">
              <a:spcBef>
                <a:spcPts val="0"/>
              </a:spcBef>
              <a:spcAft>
                <a:spcPts val="0"/>
              </a:spcAft>
              <a:buSzPts val="3500"/>
              <a:buNone/>
              <a:defRPr/>
            </a:lvl1pPr>
            <a:lvl2pPr lvl="1" rtl="0">
              <a:spcBef>
                <a:spcPts val="0"/>
              </a:spcBef>
              <a:spcAft>
                <a:spcPts val="0"/>
              </a:spcAft>
              <a:buSzPts val="3500"/>
              <a:buNone/>
              <a:defRPr/>
            </a:lvl2pPr>
            <a:lvl3pPr lvl="2" rtl="0">
              <a:spcBef>
                <a:spcPts val="0"/>
              </a:spcBef>
              <a:spcAft>
                <a:spcPts val="0"/>
              </a:spcAft>
              <a:buSzPts val="3500"/>
              <a:buNone/>
              <a:defRPr/>
            </a:lvl3pPr>
            <a:lvl4pPr lvl="3" rtl="0">
              <a:spcBef>
                <a:spcPts val="0"/>
              </a:spcBef>
              <a:spcAft>
                <a:spcPts val="0"/>
              </a:spcAft>
              <a:buSzPts val="3500"/>
              <a:buNone/>
              <a:defRPr/>
            </a:lvl4pPr>
            <a:lvl5pPr lvl="4" rtl="0">
              <a:spcBef>
                <a:spcPts val="0"/>
              </a:spcBef>
              <a:spcAft>
                <a:spcPts val="0"/>
              </a:spcAft>
              <a:buSzPts val="3500"/>
              <a:buNone/>
              <a:defRPr/>
            </a:lvl5pPr>
            <a:lvl6pPr lvl="5" rtl="0">
              <a:spcBef>
                <a:spcPts val="0"/>
              </a:spcBef>
              <a:spcAft>
                <a:spcPts val="0"/>
              </a:spcAft>
              <a:buSzPts val="3500"/>
              <a:buNone/>
              <a:defRPr/>
            </a:lvl6pPr>
            <a:lvl7pPr lvl="6" rtl="0">
              <a:spcBef>
                <a:spcPts val="0"/>
              </a:spcBef>
              <a:spcAft>
                <a:spcPts val="0"/>
              </a:spcAft>
              <a:buSzPts val="3500"/>
              <a:buNone/>
              <a:defRPr/>
            </a:lvl7pPr>
            <a:lvl8pPr lvl="7" rtl="0">
              <a:spcBef>
                <a:spcPts val="0"/>
              </a:spcBef>
              <a:spcAft>
                <a:spcPts val="0"/>
              </a:spcAft>
              <a:buSzPts val="3500"/>
              <a:buNone/>
              <a:defRPr/>
            </a:lvl8pPr>
            <a:lvl9pPr lvl="8" rtl="0">
              <a:spcBef>
                <a:spcPts val="0"/>
              </a:spcBef>
              <a:spcAft>
                <a:spcPts val="0"/>
              </a:spcAft>
              <a:buSzPts val="3500"/>
              <a:buNone/>
              <a:defRPr/>
            </a:lvl9pPr>
          </a:lstStyle>
          <a:p>
            <a:endParaRPr/>
          </a:p>
        </p:txBody>
      </p:sp>
      <p:sp>
        <p:nvSpPr>
          <p:cNvPr id="46" name="Google Shape;46;p4"/>
          <p:cNvSpPr txBox="1">
            <a:spLocks noGrp="1"/>
          </p:cNvSpPr>
          <p:nvPr>
            <p:ph type="body" idx="1"/>
          </p:nvPr>
        </p:nvSpPr>
        <p:spPr>
          <a:xfrm>
            <a:off x="1600000" y="2701667"/>
            <a:ext cx="17120000" cy="842667"/>
          </a:xfrm>
          <a:prstGeom prst="rect">
            <a:avLst/>
          </a:prstGeom>
        </p:spPr>
        <p:txBody>
          <a:bodyPr spcFirstLastPara="1" wrap="square" lIns="91425" tIns="91425" rIns="91425" bIns="91425" anchor="t" anchorCtr="0">
            <a:noAutofit/>
          </a:bodyPr>
          <a:lstStyle>
            <a:lvl1pPr marL="1015990" lvl="0" indent="-705549" algn="ctr" rtl="0">
              <a:lnSpc>
                <a:spcPct val="100000"/>
              </a:lnSpc>
              <a:spcBef>
                <a:spcPts val="0"/>
              </a:spcBef>
              <a:spcAft>
                <a:spcPts val="0"/>
              </a:spcAft>
              <a:buSzPts val="1400"/>
              <a:buFont typeface="Nunito Light"/>
              <a:buChar char="●"/>
              <a:defRPr/>
            </a:lvl1pPr>
            <a:lvl2pPr marL="2031980" lvl="1" indent="-705549" rtl="0">
              <a:lnSpc>
                <a:spcPct val="100000"/>
              </a:lnSpc>
              <a:spcBef>
                <a:spcPts val="0"/>
              </a:spcBef>
              <a:spcAft>
                <a:spcPts val="0"/>
              </a:spcAft>
              <a:buSzPts val="1400"/>
              <a:buFont typeface="Nunito Light"/>
              <a:buChar char="○"/>
              <a:defRPr/>
            </a:lvl2pPr>
            <a:lvl3pPr marL="3047970" lvl="2" indent="-705549" rtl="0">
              <a:lnSpc>
                <a:spcPct val="100000"/>
              </a:lnSpc>
              <a:spcBef>
                <a:spcPts val="0"/>
              </a:spcBef>
              <a:spcAft>
                <a:spcPts val="0"/>
              </a:spcAft>
              <a:buSzPts val="1400"/>
              <a:buFont typeface="Nunito Light"/>
              <a:buChar char="■"/>
              <a:defRPr/>
            </a:lvl3pPr>
            <a:lvl4pPr marL="4063959" lvl="3" indent="-705549" rtl="0">
              <a:lnSpc>
                <a:spcPct val="100000"/>
              </a:lnSpc>
              <a:spcBef>
                <a:spcPts val="0"/>
              </a:spcBef>
              <a:spcAft>
                <a:spcPts val="0"/>
              </a:spcAft>
              <a:buSzPts val="1400"/>
              <a:buFont typeface="Nunito Light"/>
              <a:buChar char="●"/>
              <a:defRPr/>
            </a:lvl4pPr>
            <a:lvl5pPr marL="5079949" lvl="4" indent="-705549" rtl="0">
              <a:lnSpc>
                <a:spcPct val="100000"/>
              </a:lnSpc>
              <a:spcBef>
                <a:spcPts val="0"/>
              </a:spcBef>
              <a:spcAft>
                <a:spcPts val="0"/>
              </a:spcAft>
              <a:buSzPts val="1400"/>
              <a:buFont typeface="Nunito Light"/>
              <a:buChar char="○"/>
              <a:defRPr/>
            </a:lvl5pPr>
            <a:lvl6pPr marL="6095939" lvl="5" indent="-705549" rtl="0">
              <a:lnSpc>
                <a:spcPct val="100000"/>
              </a:lnSpc>
              <a:spcBef>
                <a:spcPts val="0"/>
              </a:spcBef>
              <a:spcAft>
                <a:spcPts val="0"/>
              </a:spcAft>
              <a:buSzPts val="1400"/>
              <a:buFont typeface="Nunito Light"/>
              <a:buChar char="■"/>
              <a:defRPr/>
            </a:lvl6pPr>
            <a:lvl7pPr marL="7111929" lvl="6" indent="-705549" rtl="0">
              <a:lnSpc>
                <a:spcPct val="100000"/>
              </a:lnSpc>
              <a:spcBef>
                <a:spcPts val="0"/>
              </a:spcBef>
              <a:spcAft>
                <a:spcPts val="0"/>
              </a:spcAft>
              <a:buSzPts val="1400"/>
              <a:buFont typeface="Nunito Light"/>
              <a:buChar char="●"/>
              <a:defRPr/>
            </a:lvl7pPr>
            <a:lvl8pPr marL="8127919" lvl="7" indent="-705549" rtl="0">
              <a:lnSpc>
                <a:spcPct val="100000"/>
              </a:lnSpc>
              <a:spcBef>
                <a:spcPts val="0"/>
              </a:spcBef>
              <a:spcAft>
                <a:spcPts val="0"/>
              </a:spcAft>
              <a:buSzPts val="1400"/>
              <a:buFont typeface="Nunito Light"/>
              <a:buChar char="○"/>
              <a:defRPr/>
            </a:lvl8pPr>
            <a:lvl9pPr marL="9143909" lvl="8" indent="-705549" rtl="0">
              <a:lnSpc>
                <a:spcPct val="100000"/>
              </a:lnSpc>
              <a:spcBef>
                <a:spcPts val="0"/>
              </a:spcBef>
              <a:spcAft>
                <a:spcPts val="0"/>
              </a:spcAft>
              <a:buSzPts val="1400"/>
              <a:buFont typeface="Nunito Light"/>
              <a:buChar char="■"/>
              <a:defRPr/>
            </a:lvl9pPr>
          </a:lstStyle>
          <a:p>
            <a:endParaRPr/>
          </a:p>
        </p:txBody>
      </p:sp>
      <p:grpSp>
        <p:nvGrpSpPr>
          <p:cNvPr id="47" name="Google Shape;47;p4"/>
          <p:cNvGrpSpPr/>
          <p:nvPr/>
        </p:nvGrpSpPr>
        <p:grpSpPr>
          <a:xfrm>
            <a:off x="0" y="10293670"/>
            <a:ext cx="21251000" cy="1152611"/>
            <a:chOff x="0" y="4632151"/>
            <a:chExt cx="9562950" cy="518675"/>
          </a:xfrm>
        </p:grpSpPr>
        <p:sp>
          <p:nvSpPr>
            <p:cNvPr id="48" name="Google Shape;48;p4"/>
            <p:cNvSpPr/>
            <p:nvPr/>
          </p:nvSpPr>
          <p:spPr>
            <a:xfrm>
              <a:off x="0" y="4632151"/>
              <a:ext cx="9562950" cy="502399"/>
            </a:xfrm>
            <a:custGeom>
              <a:avLst/>
              <a:gdLst/>
              <a:ahLst/>
              <a:cxnLst/>
              <a:rect l="l" t="t" r="r" b="b"/>
              <a:pathLst>
                <a:path w="285057" h="13941" extrusionOk="0">
                  <a:moveTo>
                    <a:pt x="238141" y="0"/>
                  </a:moveTo>
                  <a:lnTo>
                    <a:pt x="234529" y="47"/>
                  </a:lnTo>
                  <a:lnTo>
                    <a:pt x="230777" y="186"/>
                  </a:lnTo>
                  <a:lnTo>
                    <a:pt x="226933" y="325"/>
                  </a:lnTo>
                  <a:lnTo>
                    <a:pt x="222997" y="602"/>
                  </a:lnTo>
                  <a:lnTo>
                    <a:pt x="218921" y="927"/>
                  </a:lnTo>
                  <a:lnTo>
                    <a:pt x="214799" y="1343"/>
                  </a:lnTo>
                  <a:lnTo>
                    <a:pt x="210585" y="1853"/>
                  </a:lnTo>
                  <a:lnTo>
                    <a:pt x="206278" y="2455"/>
                  </a:lnTo>
                  <a:lnTo>
                    <a:pt x="204009" y="2733"/>
                  </a:lnTo>
                  <a:lnTo>
                    <a:pt x="201647" y="3057"/>
                  </a:lnTo>
                  <a:lnTo>
                    <a:pt x="199053" y="3289"/>
                  </a:lnTo>
                  <a:lnTo>
                    <a:pt x="196367" y="3566"/>
                  </a:lnTo>
                  <a:lnTo>
                    <a:pt x="193542" y="3798"/>
                  </a:lnTo>
                  <a:lnTo>
                    <a:pt x="190578" y="4030"/>
                  </a:lnTo>
                  <a:lnTo>
                    <a:pt x="184279" y="4400"/>
                  </a:lnTo>
                  <a:lnTo>
                    <a:pt x="177518" y="4724"/>
                  </a:lnTo>
                  <a:lnTo>
                    <a:pt x="170386" y="5002"/>
                  </a:lnTo>
                  <a:lnTo>
                    <a:pt x="162883" y="5187"/>
                  </a:lnTo>
                  <a:lnTo>
                    <a:pt x="155056" y="5326"/>
                  </a:lnTo>
                  <a:lnTo>
                    <a:pt x="146998" y="5465"/>
                  </a:lnTo>
                  <a:lnTo>
                    <a:pt x="138708" y="5512"/>
                  </a:lnTo>
                  <a:lnTo>
                    <a:pt x="130232" y="5512"/>
                  </a:lnTo>
                  <a:lnTo>
                    <a:pt x="121711" y="5465"/>
                  </a:lnTo>
                  <a:lnTo>
                    <a:pt x="113050" y="5419"/>
                  </a:lnTo>
                  <a:lnTo>
                    <a:pt x="104436" y="5280"/>
                  </a:lnTo>
                  <a:lnTo>
                    <a:pt x="95776" y="5187"/>
                  </a:lnTo>
                  <a:lnTo>
                    <a:pt x="87254" y="5002"/>
                  </a:lnTo>
                  <a:lnTo>
                    <a:pt x="70581" y="4632"/>
                  </a:lnTo>
                  <a:lnTo>
                    <a:pt x="54789" y="4215"/>
                  </a:lnTo>
                  <a:lnTo>
                    <a:pt x="40293" y="3752"/>
                  </a:lnTo>
                  <a:lnTo>
                    <a:pt x="27418" y="3242"/>
                  </a:lnTo>
                  <a:lnTo>
                    <a:pt x="16534" y="2825"/>
                  </a:lnTo>
                  <a:lnTo>
                    <a:pt x="8105" y="2409"/>
                  </a:lnTo>
                  <a:lnTo>
                    <a:pt x="2455" y="2131"/>
                  </a:lnTo>
                  <a:lnTo>
                    <a:pt x="834" y="1992"/>
                  </a:lnTo>
                  <a:lnTo>
                    <a:pt x="1" y="1946"/>
                  </a:lnTo>
                  <a:lnTo>
                    <a:pt x="1" y="13940"/>
                  </a:lnTo>
                  <a:lnTo>
                    <a:pt x="285056" y="13940"/>
                  </a:lnTo>
                  <a:lnTo>
                    <a:pt x="285056" y="5512"/>
                  </a:lnTo>
                  <a:lnTo>
                    <a:pt x="283574" y="5095"/>
                  </a:lnTo>
                  <a:lnTo>
                    <a:pt x="281768" y="4632"/>
                  </a:lnTo>
                  <a:lnTo>
                    <a:pt x="279267" y="4076"/>
                  </a:lnTo>
                  <a:lnTo>
                    <a:pt x="276118" y="3428"/>
                  </a:lnTo>
                  <a:lnTo>
                    <a:pt x="272366" y="2733"/>
                  </a:lnTo>
                  <a:lnTo>
                    <a:pt x="270236" y="2362"/>
                  </a:lnTo>
                  <a:lnTo>
                    <a:pt x="268013" y="2038"/>
                  </a:lnTo>
                  <a:lnTo>
                    <a:pt x="265605" y="1714"/>
                  </a:lnTo>
                  <a:lnTo>
                    <a:pt x="263057" y="1390"/>
                  </a:lnTo>
                  <a:lnTo>
                    <a:pt x="260371" y="1112"/>
                  </a:lnTo>
                  <a:lnTo>
                    <a:pt x="257593" y="834"/>
                  </a:lnTo>
                  <a:lnTo>
                    <a:pt x="254629" y="602"/>
                  </a:lnTo>
                  <a:lnTo>
                    <a:pt x="251572" y="371"/>
                  </a:lnTo>
                  <a:lnTo>
                    <a:pt x="248423" y="232"/>
                  </a:lnTo>
                  <a:lnTo>
                    <a:pt x="245088" y="93"/>
                  </a:lnTo>
                  <a:lnTo>
                    <a:pt x="241661" y="47"/>
                  </a:lnTo>
                  <a:lnTo>
                    <a:pt x="238141" y="0"/>
                  </a:lnTo>
                  <a:close/>
                </a:path>
              </a:pathLst>
            </a:cu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49" name="Google Shape;49;p4"/>
            <p:cNvSpPr/>
            <p:nvPr/>
          </p:nvSpPr>
          <p:spPr>
            <a:xfrm>
              <a:off x="0" y="4648424"/>
              <a:ext cx="9143916" cy="502402"/>
            </a:xfrm>
            <a:custGeom>
              <a:avLst/>
              <a:gdLst/>
              <a:ahLst/>
              <a:cxnLst/>
              <a:rect l="l" t="t" r="r" b="b"/>
              <a:pathLst>
                <a:path w="285057" h="21397" extrusionOk="0">
                  <a:moveTo>
                    <a:pt x="60439" y="1"/>
                  </a:moveTo>
                  <a:lnTo>
                    <a:pt x="57058" y="47"/>
                  </a:lnTo>
                  <a:lnTo>
                    <a:pt x="55530" y="47"/>
                  </a:lnTo>
                  <a:lnTo>
                    <a:pt x="54048" y="140"/>
                  </a:lnTo>
                  <a:lnTo>
                    <a:pt x="52658" y="232"/>
                  </a:lnTo>
                  <a:lnTo>
                    <a:pt x="51362" y="371"/>
                  </a:lnTo>
                  <a:lnTo>
                    <a:pt x="50157" y="510"/>
                  </a:lnTo>
                  <a:lnTo>
                    <a:pt x="49046" y="695"/>
                  </a:lnTo>
                  <a:lnTo>
                    <a:pt x="48073" y="927"/>
                  </a:lnTo>
                  <a:lnTo>
                    <a:pt x="47147" y="1205"/>
                  </a:lnTo>
                  <a:lnTo>
                    <a:pt x="43674" y="2270"/>
                  </a:lnTo>
                  <a:lnTo>
                    <a:pt x="40015" y="3335"/>
                  </a:lnTo>
                  <a:lnTo>
                    <a:pt x="36171" y="4400"/>
                  </a:lnTo>
                  <a:lnTo>
                    <a:pt x="32234" y="5419"/>
                  </a:lnTo>
                  <a:lnTo>
                    <a:pt x="28298" y="6392"/>
                  </a:lnTo>
                  <a:lnTo>
                    <a:pt x="24361" y="7318"/>
                  </a:lnTo>
                  <a:lnTo>
                    <a:pt x="16859" y="9032"/>
                  </a:lnTo>
                  <a:lnTo>
                    <a:pt x="10190" y="10467"/>
                  </a:lnTo>
                  <a:lnTo>
                    <a:pt x="4864" y="11579"/>
                  </a:lnTo>
                  <a:lnTo>
                    <a:pt x="1" y="12551"/>
                  </a:lnTo>
                  <a:lnTo>
                    <a:pt x="1" y="21397"/>
                  </a:lnTo>
                  <a:lnTo>
                    <a:pt x="285056" y="21397"/>
                  </a:lnTo>
                  <a:lnTo>
                    <a:pt x="285056" y="1205"/>
                  </a:lnTo>
                  <a:lnTo>
                    <a:pt x="280934" y="1853"/>
                  </a:lnTo>
                  <a:lnTo>
                    <a:pt x="275840" y="2687"/>
                  </a:lnTo>
                  <a:lnTo>
                    <a:pt x="263382" y="4910"/>
                  </a:lnTo>
                  <a:lnTo>
                    <a:pt x="248700" y="7503"/>
                  </a:lnTo>
                  <a:lnTo>
                    <a:pt x="240874" y="8846"/>
                  </a:lnTo>
                  <a:lnTo>
                    <a:pt x="232861" y="10143"/>
                  </a:lnTo>
                  <a:lnTo>
                    <a:pt x="224849" y="11440"/>
                  </a:lnTo>
                  <a:lnTo>
                    <a:pt x="216884" y="12551"/>
                  </a:lnTo>
                  <a:lnTo>
                    <a:pt x="212993" y="13107"/>
                  </a:lnTo>
                  <a:lnTo>
                    <a:pt x="209196" y="13570"/>
                  </a:lnTo>
                  <a:lnTo>
                    <a:pt x="205491" y="14033"/>
                  </a:lnTo>
                  <a:lnTo>
                    <a:pt x="201878" y="14404"/>
                  </a:lnTo>
                  <a:lnTo>
                    <a:pt x="198405" y="14728"/>
                  </a:lnTo>
                  <a:lnTo>
                    <a:pt x="195070" y="15006"/>
                  </a:lnTo>
                  <a:lnTo>
                    <a:pt x="191875" y="15191"/>
                  </a:lnTo>
                  <a:lnTo>
                    <a:pt x="188864" y="15330"/>
                  </a:lnTo>
                  <a:lnTo>
                    <a:pt x="186039" y="15423"/>
                  </a:lnTo>
                  <a:lnTo>
                    <a:pt x="183446" y="15376"/>
                  </a:lnTo>
                  <a:lnTo>
                    <a:pt x="181037" y="15284"/>
                  </a:lnTo>
                  <a:lnTo>
                    <a:pt x="179926" y="15191"/>
                  </a:lnTo>
                  <a:lnTo>
                    <a:pt x="178907" y="15052"/>
                  </a:lnTo>
                  <a:lnTo>
                    <a:pt x="174044" y="14404"/>
                  </a:lnTo>
                  <a:lnTo>
                    <a:pt x="167746" y="13478"/>
                  </a:lnTo>
                  <a:lnTo>
                    <a:pt x="151721" y="10977"/>
                  </a:lnTo>
                  <a:lnTo>
                    <a:pt x="142366" y="9495"/>
                  </a:lnTo>
                  <a:lnTo>
                    <a:pt x="132455" y="8013"/>
                  </a:lnTo>
                  <a:lnTo>
                    <a:pt x="122128" y="6484"/>
                  </a:lnTo>
                  <a:lnTo>
                    <a:pt x="111661" y="4956"/>
                  </a:lnTo>
                  <a:lnTo>
                    <a:pt x="101194" y="3567"/>
                  </a:lnTo>
                  <a:lnTo>
                    <a:pt x="96053" y="2965"/>
                  </a:lnTo>
                  <a:lnTo>
                    <a:pt x="91005" y="2363"/>
                  </a:lnTo>
                  <a:lnTo>
                    <a:pt x="86096" y="1807"/>
                  </a:lnTo>
                  <a:lnTo>
                    <a:pt x="81280" y="1344"/>
                  </a:lnTo>
                  <a:lnTo>
                    <a:pt x="76695" y="881"/>
                  </a:lnTo>
                  <a:lnTo>
                    <a:pt x="72249" y="556"/>
                  </a:lnTo>
                  <a:lnTo>
                    <a:pt x="68081" y="279"/>
                  </a:lnTo>
                  <a:lnTo>
                    <a:pt x="64098" y="93"/>
                  </a:lnTo>
                  <a:lnTo>
                    <a:pt x="60439" y="1"/>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grpSp>
        <p:nvGrpSpPr>
          <p:cNvPr id="50" name="Google Shape;50;p4"/>
          <p:cNvGrpSpPr/>
          <p:nvPr/>
        </p:nvGrpSpPr>
        <p:grpSpPr>
          <a:xfrm>
            <a:off x="156779" y="8119945"/>
            <a:ext cx="19529167" cy="3005222"/>
            <a:chOff x="70550" y="3653975"/>
            <a:chExt cx="8788125" cy="1352350"/>
          </a:xfrm>
        </p:grpSpPr>
        <p:sp>
          <p:nvSpPr>
            <p:cNvPr id="51" name="Google Shape;51;p4"/>
            <p:cNvSpPr/>
            <p:nvPr/>
          </p:nvSpPr>
          <p:spPr>
            <a:xfrm>
              <a:off x="70550" y="3653975"/>
              <a:ext cx="462000" cy="1352350"/>
            </a:xfrm>
            <a:custGeom>
              <a:avLst/>
              <a:gdLst/>
              <a:ahLst/>
              <a:cxnLst/>
              <a:rect l="l" t="t" r="r" b="b"/>
              <a:pathLst>
                <a:path w="18480" h="54094" extrusionOk="0">
                  <a:moveTo>
                    <a:pt x="2177" y="27464"/>
                  </a:moveTo>
                  <a:lnTo>
                    <a:pt x="2363" y="27973"/>
                  </a:lnTo>
                  <a:lnTo>
                    <a:pt x="2594" y="28436"/>
                  </a:lnTo>
                  <a:lnTo>
                    <a:pt x="2872" y="28853"/>
                  </a:lnTo>
                  <a:lnTo>
                    <a:pt x="3243" y="29224"/>
                  </a:lnTo>
                  <a:lnTo>
                    <a:pt x="3613" y="29548"/>
                  </a:lnTo>
                  <a:lnTo>
                    <a:pt x="4122" y="29779"/>
                  </a:lnTo>
                  <a:lnTo>
                    <a:pt x="4632" y="30011"/>
                  </a:lnTo>
                  <a:lnTo>
                    <a:pt x="5188" y="30196"/>
                  </a:lnTo>
                  <a:lnTo>
                    <a:pt x="5327" y="31539"/>
                  </a:lnTo>
                  <a:lnTo>
                    <a:pt x="4863" y="31493"/>
                  </a:lnTo>
                  <a:lnTo>
                    <a:pt x="4447" y="31400"/>
                  </a:lnTo>
                  <a:lnTo>
                    <a:pt x="3984" y="31261"/>
                  </a:lnTo>
                  <a:lnTo>
                    <a:pt x="3613" y="31076"/>
                  </a:lnTo>
                  <a:lnTo>
                    <a:pt x="3243" y="30845"/>
                  </a:lnTo>
                  <a:lnTo>
                    <a:pt x="2918" y="30613"/>
                  </a:lnTo>
                  <a:lnTo>
                    <a:pt x="2687" y="30335"/>
                  </a:lnTo>
                  <a:lnTo>
                    <a:pt x="2502" y="30011"/>
                  </a:lnTo>
                  <a:lnTo>
                    <a:pt x="2409" y="29733"/>
                  </a:lnTo>
                  <a:lnTo>
                    <a:pt x="2316" y="29455"/>
                  </a:lnTo>
                  <a:lnTo>
                    <a:pt x="2224" y="28807"/>
                  </a:lnTo>
                  <a:lnTo>
                    <a:pt x="2224" y="28158"/>
                  </a:lnTo>
                  <a:lnTo>
                    <a:pt x="2177" y="27464"/>
                  </a:lnTo>
                  <a:close/>
                  <a:moveTo>
                    <a:pt x="7457" y="1"/>
                  </a:moveTo>
                  <a:lnTo>
                    <a:pt x="7179" y="47"/>
                  </a:lnTo>
                  <a:lnTo>
                    <a:pt x="6901" y="140"/>
                  </a:lnTo>
                  <a:lnTo>
                    <a:pt x="6670" y="278"/>
                  </a:lnTo>
                  <a:lnTo>
                    <a:pt x="6484" y="510"/>
                  </a:lnTo>
                  <a:lnTo>
                    <a:pt x="6299" y="881"/>
                  </a:lnTo>
                  <a:lnTo>
                    <a:pt x="6114" y="1251"/>
                  </a:lnTo>
                  <a:lnTo>
                    <a:pt x="5882" y="2038"/>
                  </a:lnTo>
                  <a:lnTo>
                    <a:pt x="5697" y="2826"/>
                  </a:lnTo>
                  <a:lnTo>
                    <a:pt x="5604" y="3613"/>
                  </a:lnTo>
                  <a:lnTo>
                    <a:pt x="5558" y="4400"/>
                  </a:lnTo>
                  <a:lnTo>
                    <a:pt x="5558" y="5234"/>
                  </a:lnTo>
                  <a:lnTo>
                    <a:pt x="5558" y="6901"/>
                  </a:lnTo>
                  <a:lnTo>
                    <a:pt x="5558" y="10004"/>
                  </a:lnTo>
                  <a:lnTo>
                    <a:pt x="5604" y="13107"/>
                  </a:lnTo>
                  <a:lnTo>
                    <a:pt x="5651" y="14913"/>
                  </a:lnTo>
                  <a:lnTo>
                    <a:pt x="5604" y="16719"/>
                  </a:lnTo>
                  <a:lnTo>
                    <a:pt x="5558" y="18479"/>
                  </a:lnTo>
                  <a:lnTo>
                    <a:pt x="5466" y="19405"/>
                  </a:lnTo>
                  <a:lnTo>
                    <a:pt x="5327" y="20285"/>
                  </a:lnTo>
                  <a:lnTo>
                    <a:pt x="5095" y="21860"/>
                  </a:lnTo>
                  <a:lnTo>
                    <a:pt x="4817" y="23388"/>
                  </a:lnTo>
                  <a:lnTo>
                    <a:pt x="4771" y="24176"/>
                  </a:lnTo>
                  <a:lnTo>
                    <a:pt x="4725" y="24963"/>
                  </a:lnTo>
                  <a:lnTo>
                    <a:pt x="4725" y="25750"/>
                  </a:lnTo>
                  <a:lnTo>
                    <a:pt x="4817" y="26538"/>
                  </a:lnTo>
                  <a:lnTo>
                    <a:pt x="4910" y="27603"/>
                  </a:lnTo>
                  <a:lnTo>
                    <a:pt x="4539" y="27047"/>
                  </a:lnTo>
                  <a:lnTo>
                    <a:pt x="4261" y="26445"/>
                  </a:lnTo>
                  <a:lnTo>
                    <a:pt x="4030" y="25797"/>
                  </a:lnTo>
                  <a:lnTo>
                    <a:pt x="3891" y="25195"/>
                  </a:lnTo>
                  <a:lnTo>
                    <a:pt x="3845" y="24546"/>
                  </a:lnTo>
                  <a:lnTo>
                    <a:pt x="3798" y="23851"/>
                  </a:lnTo>
                  <a:lnTo>
                    <a:pt x="3845" y="22416"/>
                  </a:lnTo>
                  <a:lnTo>
                    <a:pt x="3798" y="21721"/>
                  </a:lnTo>
                  <a:lnTo>
                    <a:pt x="3752" y="21397"/>
                  </a:lnTo>
                  <a:lnTo>
                    <a:pt x="3659" y="21073"/>
                  </a:lnTo>
                  <a:lnTo>
                    <a:pt x="3567" y="20795"/>
                  </a:lnTo>
                  <a:lnTo>
                    <a:pt x="3428" y="20517"/>
                  </a:lnTo>
                  <a:lnTo>
                    <a:pt x="3243" y="20285"/>
                  </a:lnTo>
                  <a:lnTo>
                    <a:pt x="3011" y="20054"/>
                  </a:lnTo>
                  <a:lnTo>
                    <a:pt x="2965" y="20008"/>
                  </a:lnTo>
                  <a:lnTo>
                    <a:pt x="2872" y="20054"/>
                  </a:lnTo>
                  <a:lnTo>
                    <a:pt x="2502" y="20332"/>
                  </a:lnTo>
                  <a:lnTo>
                    <a:pt x="2224" y="20656"/>
                  </a:lnTo>
                  <a:lnTo>
                    <a:pt x="1992" y="21026"/>
                  </a:lnTo>
                  <a:lnTo>
                    <a:pt x="1853" y="21490"/>
                  </a:lnTo>
                  <a:lnTo>
                    <a:pt x="1761" y="21953"/>
                  </a:lnTo>
                  <a:lnTo>
                    <a:pt x="1714" y="22416"/>
                  </a:lnTo>
                  <a:lnTo>
                    <a:pt x="1668" y="22925"/>
                  </a:lnTo>
                  <a:lnTo>
                    <a:pt x="1668" y="23435"/>
                  </a:lnTo>
                  <a:lnTo>
                    <a:pt x="1483" y="22694"/>
                  </a:lnTo>
                  <a:lnTo>
                    <a:pt x="1297" y="21953"/>
                  </a:lnTo>
                  <a:lnTo>
                    <a:pt x="1020" y="21212"/>
                  </a:lnTo>
                  <a:lnTo>
                    <a:pt x="742" y="20424"/>
                  </a:lnTo>
                  <a:lnTo>
                    <a:pt x="695" y="20378"/>
                  </a:lnTo>
                  <a:lnTo>
                    <a:pt x="603" y="20424"/>
                  </a:lnTo>
                  <a:lnTo>
                    <a:pt x="371" y="21397"/>
                  </a:lnTo>
                  <a:lnTo>
                    <a:pt x="232" y="22323"/>
                  </a:lnTo>
                  <a:lnTo>
                    <a:pt x="93" y="23296"/>
                  </a:lnTo>
                  <a:lnTo>
                    <a:pt x="1" y="24268"/>
                  </a:lnTo>
                  <a:lnTo>
                    <a:pt x="1" y="25195"/>
                  </a:lnTo>
                  <a:lnTo>
                    <a:pt x="1" y="26167"/>
                  </a:lnTo>
                  <a:lnTo>
                    <a:pt x="47" y="28158"/>
                  </a:lnTo>
                  <a:lnTo>
                    <a:pt x="140" y="28853"/>
                  </a:lnTo>
                  <a:lnTo>
                    <a:pt x="186" y="29455"/>
                  </a:lnTo>
                  <a:lnTo>
                    <a:pt x="325" y="30057"/>
                  </a:lnTo>
                  <a:lnTo>
                    <a:pt x="510" y="30567"/>
                  </a:lnTo>
                  <a:lnTo>
                    <a:pt x="788" y="31030"/>
                  </a:lnTo>
                  <a:lnTo>
                    <a:pt x="1112" y="31493"/>
                  </a:lnTo>
                  <a:lnTo>
                    <a:pt x="1575" y="31863"/>
                  </a:lnTo>
                  <a:lnTo>
                    <a:pt x="2177" y="32234"/>
                  </a:lnTo>
                  <a:lnTo>
                    <a:pt x="2548" y="32419"/>
                  </a:lnTo>
                  <a:lnTo>
                    <a:pt x="2918" y="32604"/>
                  </a:lnTo>
                  <a:lnTo>
                    <a:pt x="3752" y="32836"/>
                  </a:lnTo>
                  <a:lnTo>
                    <a:pt x="4586" y="33021"/>
                  </a:lnTo>
                  <a:lnTo>
                    <a:pt x="5002" y="33068"/>
                  </a:lnTo>
                  <a:lnTo>
                    <a:pt x="5419" y="33068"/>
                  </a:lnTo>
                  <a:lnTo>
                    <a:pt x="5466" y="34503"/>
                  </a:lnTo>
                  <a:lnTo>
                    <a:pt x="5466" y="35985"/>
                  </a:lnTo>
                  <a:lnTo>
                    <a:pt x="5466" y="37514"/>
                  </a:lnTo>
                  <a:lnTo>
                    <a:pt x="5419" y="39042"/>
                  </a:lnTo>
                  <a:lnTo>
                    <a:pt x="5141" y="45711"/>
                  </a:lnTo>
                  <a:lnTo>
                    <a:pt x="5002" y="47517"/>
                  </a:lnTo>
                  <a:lnTo>
                    <a:pt x="4863" y="49370"/>
                  </a:lnTo>
                  <a:lnTo>
                    <a:pt x="4863" y="50249"/>
                  </a:lnTo>
                  <a:lnTo>
                    <a:pt x="4863" y="51176"/>
                  </a:lnTo>
                  <a:lnTo>
                    <a:pt x="4863" y="52056"/>
                  </a:lnTo>
                  <a:lnTo>
                    <a:pt x="5002" y="52936"/>
                  </a:lnTo>
                  <a:lnTo>
                    <a:pt x="5095" y="53260"/>
                  </a:lnTo>
                  <a:lnTo>
                    <a:pt x="5234" y="53538"/>
                  </a:lnTo>
                  <a:lnTo>
                    <a:pt x="5419" y="53769"/>
                  </a:lnTo>
                  <a:lnTo>
                    <a:pt x="5697" y="53908"/>
                  </a:lnTo>
                  <a:lnTo>
                    <a:pt x="5975" y="54001"/>
                  </a:lnTo>
                  <a:lnTo>
                    <a:pt x="6299" y="54093"/>
                  </a:lnTo>
                  <a:lnTo>
                    <a:pt x="6948" y="54093"/>
                  </a:lnTo>
                  <a:lnTo>
                    <a:pt x="7272" y="54047"/>
                  </a:lnTo>
                  <a:lnTo>
                    <a:pt x="7596" y="53954"/>
                  </a:lnTo>
                  <a:lnTo>
                    <a:pt x="7874" y="53816"/>
                  </a:lnTo>
                  <a:lnTo>
                    <a:pt x="8105" y="53677"/>
                  </a:lnTo>
                  <a:lnTo>
                    <a:pt x="8337" y="53538"/>
                  </a:lnTo>
                  <a:lnTo>
                    <a:pt x="8476" y="53352"/>
                  </a:lnTo>
                  <a:lnTo>
                    <a:pt x="8568" y="53121"/>
                  </a:lnTo>
                  <a:lnTo>
                    <a:pt x="8568" y="52936"/>
                  </a:lnTo>
                  <a:lnTo>
                    <a:pt x="8754" y="52102"/>
                  </a:lnTo>
                  <a:lnTo>
                    <a:pt x="8939" y="51315"/>
                  </a:lnTo>
                  <a:lnTo>
                    <a:pt x="9171" y="49647"/>
                  </a:lnTo>
                  <a:lnTo>
                    <a:pt x="9310" y="47980"/>
                  </a:lnTo>
                  <a:lnTo>
                    <a:pt x="9356" y="46267"/>
                  </a:lnTo>
                  <a:lnTo>
                    <a:pt x="9402" y="42840"/>
                  </a:lnTo>
                  <a:lnTo>
                    <a:pt x="9448" y="41172"/>
                  </a:lnTo>
                  <a:lnTo>
                    <a:pt x="9495" y="39551"/>
                  </a:lnTo>
                  <a:lnTo>
                    <a:pt x="9541" y="38255"/>
                  </a:lnTo>
                  <a:lnTo>
                    <a:pt x="10282" y="38255"/>
                  </a:lnTo>
                  <a:lnTo>
                    <a:pt x="10699" y="38162"/>
                  </a:lnTo>
                  <a:lnTo>
                    <a:pt x="11162" y="38069"/>
                  </a:lnTo>
                  <a:lnTo>
                    <a:pt x="11579" y="37977"/>
                  </a:lnTo>
                  <a:lnTo>
                    <a:pt x="11996" y="37838"/>
                  </a:lnTo>
                  <a:lnTo>
                    <a:pt x="12366" y="37653"/>
                  </a:lnTo>
                  <a:lnTo>
                    <a:pt x="12737" y="37467"/>
                  </a:lnTo>
                  <a:lnTo>
                    <a:pt x="13107" y="37236"/>
                  </a:lnTo>
                  <a:lnTo>
                    <a:pt x="13478" y="36958"/>
                  </a:lnTo>
                  <a:lnTo>
                    <a:pt x="13802" y="36726"/>
                  </a:lnTo>
                  <a:lnTo>
                    <a:pt x="14080" y="36402"/>
                  </a:lnTo>
                  <a:lnTo>
                    <a:pt x="14358" y="36078"/>
                  </a:lnTo>
                  <a:lnTo>
                    <a:pt x="14635" y="35754"/>
                  </a:lnTo>
                  <a:lnTo>
                    <a:pt x="14867" y="35383"/>
                  </a:lnTo>
                  <a:lnTo>
                    <a:pt x="15099" y="34966"/>
                  </a:lnTo>
                  <a:lnTo>
                    <a:pt x="15284" y="34550"/>
                  </a:lnTo>
                  <a:lnTo>
                    <a:pt x="15562" y="33901"/>
                  </a:lnTo>
                  <a:lnTo>
                    <a:pt x="15840" y="33207"/>
                  </a:lnTo>
                  <a:lnTo>
                    <a:pt x="16303" y="31863"/>
                  </a:lnTo>
                  <a:lnTo>
                    <a:pt x="17136" y="29085"/>
                  </a:lnTo>
                  <a:lnTo>
                    <a:pt x="17553" y="27788"/>
                  </a:lnTo>
                  <a:lnTo>
                    <a:pt x="17970" y="26538"/>
                  </a:lnTo>
                  <a:lnTo>
                    <a:pt x="18155" y="25889"/>
                  </a:lnTo>
                  <a:lnTo>
                    <a:pt x="18294" y="25241"/>
                  </a:lnTo>
                  <a:lnTo>
                    <a:pt x="18433" y="24592"/>
                  </a:lnTo>
                  <a:lnTo>
                    <a:pt x="18479" y="23898"/>
                  </a:lnTo>
                  <a:lnTo>
                    <a:pt x="18479" y="23620"/>
                  </a:lnTo>
                  <a:lnTo>
                    <a:pt x="18433" y="23157"/>
                  </a:lnTo>
                  <a:lnTo>
                    <a:pt x="18340" y="22601"/>
                  </a:lnTo>
                  <a:lnTo>
                    <a:pt x="18202" y="21999"/>
                  </a:lnTo>
                  <a:lnTo>
                    <a:pt x="17970" y="21443"/>
                  </a:lnTo>
                  <a:lnTo>
                    <a:pt x="17831" y="21212"/>
                  </a:lnTo>
                  <a:lnTo>
                    <a:pt x="17692" y="21026"/>
                  </a:lnTo>
                  <a:lnTo>
                    <a:pt x="17507" y="20887"/>
                  </a:lnTo>
                  <a:lnTo>
                    <a:pt x="17322" y="20795"/>
                  </a:lnTo>
                  <a:lnTo>
                    <a:pt x="17090" y="20841"/>
                  </a:lnTo>
                  <a:lnTo>
                    <a:pt x="16858" y="20934"/>
                  </a:lnTo>
                  <a:lnTo>
                    <a:pt x="16442" y="21212"/>
                  </a:lnTo>
                  <a:lnTo>
                    <a:pt x="16117" y="21490"/>
                  </a:lnTo>
                  <a:lnTo>
                    <a:pt x="15886" y="21767"/>
                  </a:lnTo>
                  <a:lnTo>
                    <a:pt x="15701" y="22092"/>
                  </a:lnTo>
                  <a:lnTo>
                    <a:pt x="15515" y="22416"/>
                  </a:lnTo>
                  <a:lnTo>
                    <a:pt x="15423" y="22833"/>
                  </a:lnTo>
                  <a:lnTo>
                    <a:pt x="15191" y="23759"/>
                  </a:lnTo>
                  <a:lnTo>
                    <a:pt x="14821" y="25195"/>
                  </a:lnTo>
                  <a:lnTo>
                    <a:pt x="14404" y="26630"/>
                  </a:lnTo>
                  <a:lnTo>
                    <a:pt x="13524" y="29502"/>
                  </a:lnTo>
                  <a:lnTo>
                    <a:pt x="12876" y="31771"/>
                  </a:lnTo>
                  <a:lnTo>
                    <a:pt x="12505" y="32882"/>
                  </a:lnTo>
                  <a:lnTo>
                    <a:pt x="12274" y="33438"/>
                  </a:lnTo>
                  <a:lnTo>
                    <a:pt x="12042" y="33994"/>
                  </a:lnTo>
                  <a:lnTo>
                    <a:pt x="11857" y="34411"/>
                  </a:lnTo>
                  <a:lnTo>
                    <a:pt x="11579" y="34781"/>
                  </a:lnTo>
                  <a:lnTo>
                    <a:pt x="11347" y="35105"/>
                  </a:lnTo>
                  <a:lnTo>
                    <a:pt x="11069" y="35337"/>
                  </a:lnTo>
                  <a:lnTo>
                    <a:pt x="10745" y="35568"/>
                  </a:lnTo>
                  <a:lnTo>
                    <a:pt x="10375" y="35707"/>
                  </a:lnTo>
                  <a:lnTo>
                    <a:pt x="10004" y="35846"/>
                  </a:lnTo>
                  <a:lnTo>
                    <a:pt x="9587" y="35939"/>
                  </a:lnTo>
                  <a:lnTo>
                    <a:pt x="9587" y="33716"/>
                  </a:lnTo>
                  <a:lnTo>
                    <a:pt x="9495" y="31493"/>
                  </a:lnTo>
                  <a:lnTo>
                    <a:pt x="9310" y="29270"/>
                  </a:lnTo>
                  <a:lnTo>
                    <a:pt x="9078" y="27047"/>
                  </a:lnTo>
                  <a:lnTo>
                    <a:pt x="8985" y="26213"/>
                  </a:lnTo>
                  <a:lnTo>
                    <a:pt x="8939" y="25426"/>
                  </a:lnTo>
                  <a:lnTo>
                    <a:pt x="8939" y="24639"/>
                  </a:lnTo>
                  <a:lnTo>
                    <a:pt x="8985" y="23898"/>
                  </a:lnTo>
                  <a:lnTo>
                    <a:pt x="9171" y="22369"/>
                  </a:lnTo>
                  <a:lnTo>
                    <a:pt x="9448" y="20749"/>
                  </a:lnTo>
                  <a:lnTo>
                    <a:pt x="9587" y="19915"/>
                  </a:lnTo>
                  <a:lnTo>
                    <a:pt x="9680" y="19128"/>
                  </a:lnTo>
                  <a:lnTo>
                    <a:pt x="9819" y="17460"/>
                  </a:lnTo>
                  <a:lnTo>
                    <a:pt x="9865" y="15793"/>
                  </a:lnTo>
                  <a:lnTo>
                    <a:pt x="9865" y="14126"/>
                  </a:lnTo>
                  <a:lnTo>
                    <a:pt x="9773" y="10513"/>
                  </a:lnTo>
                  <a:lnTo>
                    <a:pt x="9634" y="6901"/>
                  </a:lnTo>
                  <a:lnTo>
                    <a:pt x="9587" y="5234"/>
                  </a:lnTo>
                  <a:lnTo>
                    <a:pt x="9541" y="4400"/>
                  </a:lnTo>
                  <a:lnTo>
                    <a:pt x="9448" y="3613"/>
                  </a:lnTo>
                  <a:lnTo>
                    <a:pt x="9310" y="2779"/>
                  </a:lnTo>
                  <a:lnTo>
                    <a:pt x="9124" y="1992"/>
                  </a:lnTo>
                  <a:lnTo>
                    <a:pt x="8846" y="1251"/>
                  </a:lnTo>
                  <a:lnTo>
                    <a:pt x="8661" y="881"/>
                  </a:lnTo>
                  <a:lnTo>
                    <a:pt x="8430" y="510"/>
                  </a:lnTo>
                  <a:lnTo>
                    <a:pt x="8244" y="278"/>
                  </a:lnTo>
                  <a:lnTo>
                    <a:pt x="8013" y="140"/>
                  </a:lnTo>
                  <a:lnTo>
                    <a:pt x="7735" y="47"/>
                  </a:lnTo>
                  <a:lnTo>
                    <a:pt x="7457" y="1"/>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52" name="Google Shape;52;p4"/>
            <p:cNvSpPr/>
            <p:nvPr/>
          </p:nvSpPr>
          <p:spPr>
            <a:xfrm>
              <a:off x="8566875" y="3738725"/>
              <a:ext cx="291800" cy="981850"/>
            </a:xfrm>
            <a:custGeom>
              <a:avLst/>
              <a:gdLst/>
              <a:ahLst/>
              <a:cxnLst/>
              <a:rect l="l" t="t" r="r" b="b"/>
              <a:pathLst>
                <a:path w="11672" h="39274" extrusionOk="0">
                  <a:moveTo>
                    <a:pt x="6253" y="1"/>
                  </a:moveTo>
                  <a:lnTo>
                    <a:pt x="6068" y="47"/>
                  </a:lnTo>
                  <a:lnTo>
                    <a:pt x="5929" y="140"/>
                  </a:lnTo>
                  <a:lnTo>
                    <a:pt x="5558" y="603"/>
                  </a:lnTo>
                  <a:lnTo>
                    <a:pt x="5327" y="1112"/>
                  </a:lnTo>
                  <a:lnTo>
                    <a:pt x="5141" y="1622"/>
                  </a:lnTo>
                  <a:lnTo>
                    <a:pt x="5002" y="2177"/>
                  </a:lnTo>
                  <a:lnTo>
                    <a:pt x="4910" y="2733"/>
                  </a:lnTo>
                  <a:lnTo>
                    <a:pt x="4863" y="3289"/>
                  </a:lnTo>
                  <a:lnTo>
                    <a:pt x="4817" y="4447"/>
                  </a:lnTo>
                  <a:lnTo>
                    <a:pt x="4771" y="6855"/>
                  </a:lnTo>
                  <a:lnTo>
                    <a:pt x="4725" y="9263"/>
                  </a:lnTo>
                  <a:lnTo>
                    <a:pt x="4771" y="11903"/>
                  </a:lnTo>
                  <a:lnTo>
                    <a:pt x="4817" y="14543"/>
                  </a:lnTo>
                  <a:lnTo>
                    <a:pt x="4586" y="14172"/>
                  </a:lnTo>
                  <a:lnTo>
                    <a:pt x="4447" y="13755"/>
                  </a:lnTo>
                  <a:lnTo>
                    <a:pt x="4308" y="13339"/>
                  </a:lnTo>
                  <a:lnTo>
                    <a:pt x="4215" y="12922"/>
                  </a:lnTo>
                  <a:lnTo>
                    <a:pt x="4169" y="12459"/>
                  </a:lnTo>
                  <a:lnTo>
                    <a:pt x="4076" y="11533"/>
                  </a:lnTo>
                  <a:lnTo>
                    <a:pt x="4030" y="10699"/>
                  </a:lnTo>
                  <a:lnTo>
                    <a:pt x="4076" y="10189"/>
                  </a:lnTo>
                  <a:lnTo>
                    <a:pt x="4076" y="9680"/>
                  </a:lnTo>
                  <a:lnTo>
                    <a:pt x="4030" y="8661"/>
                  </a:lnTo>
                  <a:lnTo>
                    <a:pt x="3798" y="6670"/>
                  </a:lnTo>
                  <a:lnTo>
                    <a:pt x="3752" y="5605"/>
                  </a:lnTo>
                  <a:lnTo>
                    <a:pt x="3659" y="4586"/>
                  </a:lnTo>
                  <a:lnTo>
                    <a:pt x="3613" y="4076"/>
                  </a:lnTo>
                  <a:lnTo>
                    <a:pt x="3520" y="3567"/>
                  </a:lnTo>
                  <a:lnTo>
                    <a:pt x="3381" y="3057"/>
                  </a:lnTo>
                  <a:lnTo>
                    <a:pt x="3150" y="2594"/>
                  </a:lnTo>
                  <a:lnTo>
                    <a:pt x="3104" y="2502"/>
                  </a:lnTo>
                  <a:lnTo>
                    <a:pt x="3011" y="2409"/>
                  </a:lnTo>
                  <a:lnTo>
                    <a:pt x="2826" y="2363"/>
                  </a:lnTo>
                  <a:lnTo>
                    <a:pt x="2594" y="2455"/>
                  </a:lnTo>
                  <a:lnTo>
                    <a:pt x="2548" y="2502"/>
                  </a:lnTo>
                  <a:lnTo>
                    <a:pt x="2455" y="2594"/>
                  </a:lnTo>
                  <a:lnTo>
                    <a:pt x="2224" y="3104"/>
                  </a:lnTo>
                  <a:lnTo>
                    <a:pt x="2038" y="3613"/>
                  </a:lnTo>
                  <a:lnTo>
                    <a:pt x="1946" y="4169"/>
                  </a:lnTo>
                  <a:lnTo>
                    <a:pt x="1853" y="4725"/>
                  </a:lnTo>
                  <a:lnTo>
                    <a:pt x="1853" y="5280"/>
                  </a:lnTo>
                  <a:lnTo>
                    <a:pt x="1853" y="5836"/>
                  </a:lnTo>
                  <a:lnTo>
                    <a:pt x="1899" y="6994"/>
                  </a:lnTo>
                  <a:lnTo>
                    <a:pt x="1992" y="8105"/>
                  </a:lnTo>
                  <a:lnTo>
                    <a:pt x="2131" y="9171"/>
                  </a:lnTo>
                  <a:lnTo>
                    <a:pt x="2177" y="10421"/>
                  </a:lnTo>
                  <a:lnTo>
                    <a:pt x="2270" y="11625"/>
                  </a:lnTo>
                  <a:lnTo>
                    <a:pt x="2455" y="12737"/>
                  </a:lnTo>
                  <a:lnTo>
                    <a:pt x="2548" y="13292"/>
                  </a:lnTo>
                  <a:lnTo>
                    <a:pt x="2687" y="13802"/>
                  </a:lnTo>
                  <a:lnTo>
                    <a:pt x="2872" y="14265"/>
                  </a:lnTo>
                  <a:lnTo>
                    <a:pt x="3057" y="14682"/>
                  </a:lnTo>
                  <a:lnTo>
                    <a:pt x="3289" y="15052"/>
                  </a:lnTo>
                  <a:lnTo>
                    <a:pt x="3567" y="15376"/>
                  </a:lnTo>
                  <a:lnTo>
                    <a:pt x="3845" y="15654"/>
                  </a:lnTo>
                  <a:lnTo>
                    <a:pt x="4169" y="15886"/>
                  </a:lnTo>
                  <a:lnTo>
                    <a:pt x="4493" y="16025"/>
                  </a:lnTo>
                  <a:lnTo>
                    <a:pt x="4863" y="16071"/>
                  </a:lnTo>
                  <a:lnTo>
                    <a:pt x="5002" y="18850"/>
                  </a:lnTo>
                  <a:lnTo>
                    <a:pt x="5049" y="19545"/>
                  </a:lnTo>
                  <a:lnTo>
                    <a:pt x="4910" y="19591"/>
                  </a:lnTo>
                  <a:lnTo>
                    <a:pt x="4586" y="19730"/>
                  </a:lnTo>
                  <a:lnTo>
                    <a:pt x="4261" y="19730"/>
                  </a:lnTo>
                  <a:lnTo>
                    <a:pt x="3984" y="19683"/>
                  </a:lnTo>
                  <a:lnTo>
                    <a:pt x="3752" y="19545"/>
                  </a:lnTo>
                  <a:lnTo>
                    <a:pt x="3520" y="19359"/>
                  </a:lnTo>
                  <a:lnTo>
                    <a:pt x="3289" y="19128"/>
                  </a:lnTo>
                  <a:lnTo>
                    <a:pt x="3104" y="18804"/>
                  </a:lnTo>
                  <a:lnTo>
                    <a:pt x="2965" y="18479"/>
                  </a:lnTo>
                  <a:lnTo>
                    <a:pt x="2687" y="17692"/>
                  </a:lnTo>
                  <a:lnTo>
                    <a:pt x="2455" y="16812"/>
                  </a:lnTo>
                  <a:lnTo>
                    <a:pt x="2316" y="15886"/>
                  </a:lnTo>
                  <a:lnTo>
                    <a:pt x="2224" y="15052"/>
                  </a:lnTo>
                  <a:lnTo>
                    <a:pt x="2224" y="14033"/>
                  </a:lnTo>
                  <a:lnTo>
                    <a:pt x="2177" y="13061"/>
                  </a:lnTo>
                  <a:lnTo>
                    <a:pt x="1992" y="11069"/>
                  </a:lnTo>
                  <a:lnTo>
                    <a:pt x="1899" y="9958"/>
                  </a:lnTo>
                  <a:lnTo>
                    <a:pt x="1807" y="9402"/>
                  </a:lnTo>
                  <a:lnTo>
                    <a:pt x="1714" y="8893"/>
                  </a:lnTo>
                  <a:lnTo>
                    <a:pt x="1529" y="8383"/>
                  </a:lnTo>
                  <a:lnTo>
                    <a:pt x="1344" y="7874"/>
                  </a:lnTo>
                  <a:lnTo>
                    <a:pt x="1066" y="7364"/>
                  </a:lnTo>
                  <a:lnTo>
                    <a:pt x="742" y="6901"/>
                  </a:lnTo>
                  <a:lnTo>
                    <a:pt x="649" y="6809"/>
                  </a:lnTo>
                  <a:lnTo>
                    <a:pt x="556" y="6762"/>
                  </a:lnTo>
                  <a:lnTo>
                    <a:pt x="417" y="6762"/>
                  </a:lnTo>
                  <a:lnTo>
                    <a:pt x="279" y="6809"/>
                  </a:lnTo>
                  <a:lnTo>
                    <a:pt x="186" y="6855"/>
                  </a:lnTo>
                  <a:lnTo>
                    <a:pt x="93" y="6948"/>
                  </a:lnTo>
                  <a:lnTo>
                    <a:pt x="47" y="7087"/>
                  </a:lnTo>
                  <a:lnTo>
                    <a:pt x="1" y="7179"/>
                  </a:lnTo>
                  <a:lnTo>
                    <a:pt x="47" y="8430"/>
                  </a:lnTo>
                  <a:lnTo>
                    <a:pt x="140" y="9634"/>
                  </a:lnTo>
                  <a:lnTo>
                    <a:pt x="232" y="10838"/>
                  </a:lnTo>
                  <a:lnTo>
                    <a:pt x="325" y="12088"/>
                  </a:lnTo>
                  <a:lnTo>
                    <a:pt x="371" y="13153"/>
                  </a:lnTo>
                  <a:lnTo>
                    <a:pt x="464" y="14265"/>
                  </a:lnTo>
                  <a:lnTo>
                    <a:pt x="510" y="15284"/>
                  </a:lnTo>
                  <a:lnTo>
                    <a:pt x="603" y="16256"/>
                  </a:lnTo>
                  <a:lnTo>
                    <a:pt x="742" y="17275"/>
                  </a:lnTo>
                  <a:lnTo>
                    <a:pt x="834" y="17738"/>
                  </a:lnTo>
                  <a:lnTo>
                    <a:pt x="973" y="18201"/>
                  </a:lnTo>
                  <a:lnTo>
                    <a:pt x="1066" y="18572"/>
                  </a:lnTo>
                  <a:lnTo>
                    <a:pt x="1205" y="18896"/>
                  </a:lnTo>
                  <a:lnTo>
                    <a:pt x="1575" y="19498"/>
                  </a:lnTo>
                  <a:lnTo>
                    <a:pt x="2038" y="20054"/>
                  </a:lnTo>
                  <a:lnTo>
                    <a:pt x="2270" y="20332"/>
                  </a:lnTo>
                  <a:lnTo>
                    <a:pt x="2548" y="20563"/>
                  </a:lnTo>
                  <a:lnTo>
                    <a:pt x="2826" y="20749"/>
                  </a:lnTo>
                  <a:lnTo>
                    <a:pt x="3104" y="20934"/>
                  </a:lnTo>
                  <a:lnTo>
                    <a:pt x="3428" y="21073"/>
                  </a:lnTo>
                  <a:lnTo>
                    <a:pt x="3752" y="21165"/>
                  </a:lnTo>
                  <a:lnTo>
                    <a:pt x="4076" y="21258"/>
                  </a:lnTo>
                  <a:lnTo>
                    <a:pt x="4771" y="21258"/>
                  </a:lnTo>
                  <a:lnTo>
                    <a:pt x="5095" y="21212"/>
                  </a:lnTo>
                  <a:lnTo>
                    <a:pt x="5141" y="23388"/>
                  </a:lnTo>
                  <a:lnTo>
                    <a:pt x="5141" y="25519"/>
                  </a:lnTo>
                  <a:lnTo>
                    <a:pt x="5188" y="29872"/>
                  </a:lnTo>
                  <a:lnTo>
                    <a:pt x="5188" y="32049"/>
                  </a:lnTo>
                  <a:lnTo>
                    <a:pt x="5234" y="34179"/>
                  </a:lnTo>
                  <a:lnTo>
                    <a:pt x="5327" y="36356"/>
                  </a:lnTo>
                  <a:lnTo>
                    <a:pt x="5466" y="38533"/>
                  </a:lnTo>
                  <a:lnTo>
                    <a:pt x="5512" y="38672"/>
                  </a:lnTo>
                  <a:lnTo>
                    <a:pt x="5558" y="38857"/>
                  </a:lnTo>
                  <a:lnTo>
                    <a:pt x="5697" y="38949"/>
                  </a:lnTo>
                  <a:lnTo>
                    <a:pt x="5836" y="39088"/>
                  </a:lnTo>
                  <a:lnTo>
                    <a:pt x="6021" y="39135"/>
                  </a:lnTo>
                  <a:lnTo>
                    <a:pt x="6207" y="39227"/>
                  </a:lnTo>
                  <a:lnTo>
                    <a:pt x="6577" y="39274"/>
                  </a:lnTo>
                  <a:lnTo>
                    <a:pt x="6994" y="39227"/>
                  </a:lnTo>
                  <a:lnTo>
                    <a:pt x="7179" y="39135"/>
                  </a:lnTo>
                  <a:lnTo>
                    <a:pt x="7318" y="39088"/>
                  </a:lnTo>
                  <a:lnTo>
                    <a:pt x="7457" y="38949"/>
                  </a:lnTo>
                  <a:lnTo>
                    <a:pt x="7596" y="38857"/>
                  </a:lnTo>
                  <a:lnTo>
                    <a:pt x="7642" y="38718"/>
                  </a:lnTo>
                  <a:lnTo>
                    <a:pt x="7689" y="38533"/>
                  </a:lnTo>
                  <a:lnTo>
                    <a:pt x="7689" y="36587"/>
                  </a:lnTo>
                  <a:lnTo>
                    <a:pt x="7596" y="34642"/>
                  </a:lnTo>
                  <a:lnTo>
                    <a:pt x="7411" y="30798"/>
                  </a:lnTo>
                  <a:lnTo>
                    <a:pt x="7179" y="26955"/>
                  </a:lnTo>
                  <a:lnTo>
                    <a:pt x="6948" y="23111"/>
                  </a:lnTo>
                  <a:lnTo>
                    <a:pt x="6948" y="23111"/>
                  </a:lnTo>
                  <a:lnTo>
                    <a:pt x="7225" y="23157"/>
                  </a:lnTo>
                  <a:lnTo>
                    <a:pt x="7828" y="23157"/>
                  </a:lnTo>
                  <a:lnTo>
                    <a:pt x="8152" y="23111"/>
                  </a:lnTo>
                  <a:lnTo>
                    <a:pt x="8430" y="23018"/>
                  </a:lnTo>
                  <a:lnTo>
                    <a:pt x="8707" y="22879"/>
                  </a:lnTo>
                  <a:lnTo>
                    <a:pt x="9217" y="22555"/>
                  </a:lnTo>
                  <a:lnTo>
                    <a:pt x="9726" y="22184"/>
                  </a:lnTo>
                  <a:lnTo>
                    <a:pt x="10143" y="21721"/>
                  </a:lnTo>
                  <a:lnTo>
                    <a:pt x="10514" y="21165"/>
                  </a:lnTo>
                  <a:lnTo>
                    <a:pt x="10792" y="20656"/>
                  </a:lnTo>
                  <a:lnTo>
                    <a:pt x="11116" y="19730"/>
                  </a:lnTo>
                  <a:lnTo>
                    <a:pt x="11394" y="18757"/>
                  </a:lnTo>
                  <a:lnTo>
                    <a:pt x="11579" y="17785"/>
                  </a:lnTo>
                  <a:lnTo>
                    <a:pt x="11671" y="16766"/>
                  </a:lnTo>
                  <a:lnTo>
                    <a:pt x="11671" y="15747"/>
                  </a:lnTo>
                  <a:lnTo>
                    <a:pt x="11625" y="15237"/>
                  </a:lnTo>
                  <a:lnTo>
                    <a:pt x="11533" y="14728"/>
                  </a:lnTo>
                  <a:lnTo>
                    <a:pt x="11440" y="14265"/>
                  </a:lnTo>
                  <a:lnTo>
                    <a:pt x="11301" y="13755"/>
                  </a:lnTo>
                  <a:lnTo>
                    <a:pt x="11162" y="13339"/>
                  </a:lnTo>
                  <a:lnTo>
                    <a:pt x="10977" y="12876"/>
                  </a:lnTo>
                  <a:lnTo>
                    <a:pt x="10884" y="12783"/>
                  </a:lnTo>
                  <a:lnTo>
                    <a:pt x="10792" y="12690"/>
                  </a:lnTo>
                  <a:lnTo>
                    <a:pt x="10653" y="12644"/>
                  </a:lnTo>
                  <a:lnTo>
                    <a:pt x="10560" y="12690"/>
                  </a:lnTo>
                  <a:lnTo>
                    <a:pt x="10421" y="12690"/>
                  </a:lnTo>
                  <a:lnTo>
                    <a:pt x="10328" y="12783"/>
                  </a:lnTo>
                  <a:lnTo>
                    <a:pt x="10236" y="12876"/>
                  </a:lnTo>
                  <a:lnTo>
                    <a:pt x="10189" y="12968"/>
                  </a:lnTo>
                  <a:lnTo>
                    <a:pt x="10004" y="13524"/>
                  </a:lnTo>
                  <a:lnTo>
                    <a:pt x="9912" y="14033"/>
                  </a:lnTo>
                  <a:lnTo>
                    <a:pt x="9726" y="15099"/>
                  </a:lnTo>
                  <a:lnTo>
                    <a:pt x="9448" y="17229"/>
                  </a:lnTo>
                  <a:lnTo>
                    <a:pt x="9263" y="18433"/>
                  </a:lnTo>
                  <a:lnTo>
                    <a:pt x="9078" y="19128"/>
                  </a:lnTo>
                  <a:lnTo>
                    <a:pt x="8846" y="19822"/>
                  </a:lnTo>
                  <a:lnTo>
                    <a:pt x="8707" y="20054"/>
                  </a:lnTo>
                  <a:lnTo>
                    <a:pt x="8569" y="20286"/>
                  </a:lnTo>
                  <a:lnTo>
                    <a:pt x="8383" y="20471"/>
                  </a:lnTo>
                  <a:lnTo>
                    <a:pt x="8198" y="20610"/>
                  </a:lnTo>
                  <a:lnTo>
                    <a:pt x="7920" y="20702"/>
                  </a:lnTo>
                  <a:lnTo>
                    <a:pt x="7689" y="20749"/>
                  </a:lnTo>
                  <a:lnTo>
                    <a:pt x="7364" y="20749"/>
                  </a:lnTo>
                  <a:lnTo>
                    <a:pt x="6994" y="20702"/>
                  </a:lnTo>
                  <a:lnTo>
                    <a:pt x="6855" y="20656"/>
                  </a:lnTo>
                  <a:lnTo>
                    <a:pt x="6809" y="18850"/>
                  </a:lnTo>
                  <a:lnTo>
                    <a:pt x="6809" y="17877"/>
                  </a:lnTo>
                  <a:lnTo>
                    <a:pt x="7225" y="17831"/>
                  </a:lnTo>
                  <a:lnTo>
                    <a:pt x="7550" y="17738"/>
                  </a:lnTo>
                  <a:lnTo>
                    <a:pt x="7874" y="17599"/>
                  </a:lnTo>
                  <a:lnTo>
                    <a:pt x="8105" y="17414"/>
                  </a:lnTo>
                  <a:lnTo>
                    <a:pt x="8337" y="17229"/>
                  </a:lnTo>
                  <a:lnTo>
                    <a:pt x="8476" y="17044"/>
                  </a:lnTo>
                  <a:lnTo>
                    <a:pt x="8615" y="16812"/>
                  </a:lnTo>
                  <a:lnTo>
                    <a:pt x="8754" y="16534"/>
                  </a:lnTo>
                  <a:lnTo>
                    <a:pt x="8893" y="16349"/>
                  </a:lnTo>
                  <a:lnTo>
                    <a:pt x="9032" y="16117"/>
                  </a:lnTo>
                  <a:lnTo>
                    <a:pt x="9217" y="15562"/>
                  </a:lnTo>
                  <a:lnTo>
                    <a:pt x="9356" y="15006"/>
                  </a:lnTo>
                  <a:lnTo>
                    <a:pt x="9402" y="14404"/>
                  </a:lnTo>
                  <a:lnTo>
                    <a:pt x="9448" y="13061"/>
                  </a:lnTo>
                  <a:lnTo>
                    <a:pt x="9819" y="11394"/>
                  </a:lnTo>
                  <a:lnTo>
                    <a:pt x="9912" y="10560"/>
                  </a:lnTo>
                  <a:lnTo>
                    <a:pt x="10004" y="9726"/>
                  </a:lnTo>
                  <a:lnTo>
                    <a:pt x="10004" y="8893"/>
                  </a:lnTo>
                  <a:lnTo>
                    <a:pt x="9912" y="8059"/>
                  </a:lnTo>
                  <a:lnTo>
                    <a:pt x="9819" y="7642"/>
                  </a:lnTo>
                  <a:lnTo>
                    <a:pt x="9726" y="7225"/>
                  </a:lnTo>
                  <a:lnTo>
                    <a:pt x="9541" y="6809"/>
                  </a:lnTo>
                  <a:lnTo>
                    <a:pt x="9356" y="6392"/>
                  </a:lnTo>
                  <a:lnTo>
                    <a:pt x="9263" y="6299"/>
                  </a:lnTo>
                  <a:lnTo>
                    <a:pt x="9171" y="6207"/>
                  </a:lnTo>
                  <a:lnTo>
                    <a:pt x="8939" y="6207"/>
                  </a:lnTo>
                  <a:lnTo>
                    <a:pt x="8846" y="6253"/>
                  </a:lnTo>
                  <a:lnTo>
                    <a:pt x="8707" y="6299"/>
                  </a:lnTo>
                  <a:lnTo>
                    <a:pt x="8661" y="6392"/>
                  </a:lnTo>
                  <a:lnTo>
                    <a:pt x="8569" y="6531"/>
                  </a:lnTo>
                  <a:lnTo>
                    <a:pt x="8383" y="7179"/>
                  </a:lnTo>
                  <a:lnTo>
                    <a:pt x="8198" y="7920"/>
                  </a:lnTo>
                  <a:lnTo>
                    <a:pt x="8059" y="8661"/>
                  </a:lnTo>
                  <a:lnTo>
                    <a:pt x="7966" y="9448"/>
                  </a:lnTo>
                  <a:lnTo>
                    <a:pt x="7828" y="10977"/>
                  </a:lnTo>
                  <a:lnTo>
                    <a:pt x="7735" y="12459"/>
                  </a:lnTo>
                  <a:lnTo>
                    <a:pt x="7689" y="13014"/>
                  </a:lnTo>
                  <a:lnTo>
                    <a:pt x="7735" y="13570"/>
                  </a:lnTo>
                  <a:lnTo>
                    <a:pt x="7735" y="14126"/>
                  </a:lnTo>
                  <a:lnTo>
                    <a:pt x="7735" y="14404"/>
                  </a:lnTo>
                  <a:lnTo>
                    <a:pt x="7689" y="14682"/>
                  </a:lnTo>
                  <a:lnTo>
                    <a:pt x="7550" y="15099"/>
                  </a:lnTo>
                  <a:lnTo>
                    <a:pt x="7318" y="15423"/>
                  </a:lnTo>
                  <a:lnTo>
                    <a:pt x="7087" y="15654"/>
                  </a:lnTo>
                  <a:lnTo>
                    <a:pt x="6809" y="15886"/>
                  </a:lnTo>
                  <a:lnTo>
                    <a:pt x="6809" y="12551"/>
                  </a:lnTo>
                  <a:lnTo>
                    <a:pt x="6855" y="9263"/>
                  </a:lnTo>
                  <a:lnTo>
                    <a:pt x="6948" y="6670"/>
                  </a:lnTo>
                  <a:lnTo>
                    <a:pt x="7087" y="4076"/>
                  </a:lnTo>
                  <a:lnTo>
                    <a:pt x="7133" y="3057"/>
                  </a:lnTo>
                  <a:lnTo>
                    <a:pt x="7179" y="2548"/>
                  </a:lnTo>
                  <a:lnTo>
                    <a:pt x="7133" y="2038"/>
                  </a:lnTo>
                  <a:lnTo>
                    <a:pt x="7087" y="1529"/>
                  </a:lnTo>
                  <a:lnTo>
                    <a:pt x="6994" y="1066"/>
                  </a:lnTo>
                  <a:lnTo>
                    <a:pt x="6809" y="603"/>
                  </a:lnTo>
                  <a:lnTo>
                    <a:pt x="6531" y="140"/>
                  </a:lnTo>
                  <a:lnTo>
                    <a:pt x="6438" y="47"/>
                  </a:lnTo>
                  <a:lnTo>
                    <a:pt x="6253" y="1"/>
                  </a:lnTo>
                  <a:close/>
                </a:path>
              </a:pathLst>
            </a:cu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grpSp>
        <p:nvGrpSpPr>
          <p:cNvPr id="53" name="Google Shape;53;p4"/>
          <p:cNvGrpSpPr/>
          <p:nvPr/>
        </p:nvGrpSpPr>
        <p:grpSpPr>
          <a:xfrm>
            <a:off x="921445" y="681333"/>
            <a:ext cx="18477111" cy="481333"/>
            <a:chOff x="414650" y="306600"/>
            <a:chExt cx="8314700" cy="216600"/>
          </a:xfrm>
        </p:grpSpPr>
        <p:grpSp>
          <p:nvGrpSpPr>
            <p:cNvPr id="54" name="Google Shape;54;p4"/>
            <p:cNvGrpSpPr/>
            <p:nvPr/>
          </p:nvGrpSpPr>
          <p:grpSpPr>
            <a:xfrm>
              <a:off x="713281" y="389286"/>
              <a:ext cx="7717437" cy="51251"/>
              <a:chOff x="450050" y="465475"/>
              <a:chExt cx="8367600" cy="51241"/>
            </a:xfrm>
          </p:grpSpPr>
          <p:cxnSp>
            <p:nvCxnSpPr>
              <p:cNvPr id="55" name="Google Shape;55;p4"/>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56" name="Google Shape;56;p4"/>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57" name="Google Shape;57;p4"/>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58" name="Google Shape;58;p4"/>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Tree>
    <p:extLst>
      <p:ext uri="{BB962C8B-B14F-4D97-AF65-F5344CB8AC3E}">
        <p14:creationId xmlns:p14="http://schemas.microsoft.com/office/powerpoint/2010/main" val="2717728866"/>
      </p:ext>
    </p:extLst>
  </p:cSld>
  <p:clrMapOvr>
    <a:masterClrMapping/>
  </p:clrMapOvr>
</p:sldLayout>
</file>

<file path=ppt/slideLayouts/slideLayout87.xml><?xml version="1.0" encoding="utf-8"?>
<p:sldLayout xmlns:a="http://schemas.openxmlformats.org/drawingml/2006/main" xmlns:r="http://schemas.openxmlformats.org/officeDocument/2006/relationships" xmlns:p="http://schemas.openxmlformats.org/presentationml/2006/main" matchingName="Title and two columns" type="twoColTx">
  <p:cSld name="Title and two columns">
    <p:spTree>
      <p:nvGrpSpPr>
        <p:cNvPr id="1" name="Shape 59"/>
        <p:cNvGrpSpPr/>
        <p:nvPr/>
      </p:nvGrpSpPr>
      <p:grpSpPr>
        <a:xfrm>
          <a:off x="0" y="0"/>
          <a:ext cx="0" cy="0"/>
          <a:chOff x="0" y="0"/>
          <a:chExt cx="0" cy="0"/>
        </a:xfrm>
      </p:grpSpPr>
      <p:pic>
        <p:nvPicPr>
          <p:cNvPr id="60" name="Google Shape;60;p5"/>
          <p:cNvPicPr preferRelativeResize="0"/>
          <p:nvPr/>
        </p:nvPicPr>
        <p:blipFill rotWithShape="1">
          <a:blip r:embed="rId2">
            <a:alphaModFix amt="58999"/>
          </a:blip>
          <a:srcRect/>
          <a:stretch/>
        </p:blipFill>
        <p:spPr>
          <a:xfrm>
            <a:off x="0" y="0"/>
            <a:ext cx="20320000" cy="11430000"/>
          </a:xfrm>
          <a:prstGeom prst="rect">
            <a:avLst/>
          </a:prstGeom>
          <a:noFill/>
          <a:ln>
            <a:noFill/>
          </a:ln>
        </p:spPr>
      </p:pic>
      <p:grpSp>
        <p:nvGrpSpPr>
          <p:cNvPr id="61" name="Google Shape;61;p5"/>
          <p:cNvGrpSpPr/>
          <p:nvPr/>
        </p:nvGrpSpPr>
        <p:grpSpPr>
          <a:xfrm>
            <a:off x="921445" y="681333"/>
            <a:ext cx="18477111" cy="481333"/>
            <a:chOff x="414650" y="306600"/>
            <a:chExt cx="8314700" cy="216600"/>
          </a:xfrm>
        </p:grpSpPr>
        <p:grpSp>
          <p:nvGrpSpPr>
            <p:cNvPr id="62" name="Google Shape;62;p5"/>
            <p:cNvGrpSpPr/>
            <p:nvPr/>
          </p:nvGrpSpPr>
          <p:grpSpPr>
            <a:xfrm>
              <a:off x="713281" y="389286"/>
              <a:ext cx="7717437" cy="51251"/>
              <a:chOff x="450050" y="465475"/>
              <a:chExt cx="8367600" cy="51241"/>
            </a:xfrm>
          </p:grpSpPr>
          <p:cxnSp>
            <p:nvCxnSpPr>
              <p:cNvPr id="63" name="Google Shape;63;p5"/>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64" name="Google Shape;64;p5"/>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65" name="Google Shape;65;p5"/>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66" name="Google Shape;66;p5"/>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67" name="Google Shape;67;p5"/>
          <p:cNvSpPr txBox="1">
            <a:spLocks noGrp="1"/>
          </p:cNvSpPr>
          <p:nvPr>
            <p:ph type="title"/>
          </p:nvPr>
        </p:nvSpPr>
        <p:spPr>
          <a:xfrm>
            <a:off x="1600000" y="988944"/>
            <a:ext cx="17120000" cy="1272667"/>
          </a:xfrm>
          <a:prstGeom prst="rect">
            <a:avLst/>
          </a:prstGeom>
        </p:spPr>
        <p:txBody>
          <a:bodyPr spcFirstLastPara="1" wrap="square" lIns="91425" tIns="91425" rIns="91425" bIns="91425" anchor="t" anchorCtr="0">
            <a:noAutofit/>
          </a:bodyPr>
          <a:lstStyle>
            <a:lvl1pPr lvl="0" rtl="0">
              <a:spcBef>
                <a:spcPts val="0"/>
              </a:spcBef>
              <a:spcAft>
                <a:spcPts val="0"/>
              </a:spcAft>
              <a:buSzPts val="3500"/>
              <a:buNone/>
              <a:defRPr/>
            </a:lvl1pPr>
            <a:lvl2pPr lvl="1" rtl="0">
              <a:spcBef>
                <a:spcPts val="0"/>
              </a:spcBef>
              <a:spcAft>
                <a:spcPts val="0"/>
              </a:spcAft>
              <a:buSzPts val="3500"/>
              <a:buNone/>
              <a:defRPr/>
            </a:lvl2pPr>
            <a:lvl3pPr lvl="2" rtl="0">
              <a:spcBef>
                <a:spcPts val="0"/>
              </a:spcBef>
              <a:spcAft>
                <a:spcPts val="0"/>
              </a:spcAft>
              <a:buSzPts val="3500"/>
              <a:buNone/>
              <a:defRPr/>
            </a:lvl3pPr>
            <a:lvl4pPr lvl="3" rtl="0">
              <a:spcBef>
                <a:spcPts val="0"/>
              </a:spcBef>
              <a:spcAft>
                <a:spcPts val="0"/>
              </a:spcAft>
              <a:buSzPts val="3500"/>
              <a:buNone/>
              <a:defRPr/>
            </a:lvl4pPr>
            <a:lvl5pPr lvl="4" rtl="0">
              <a:spcBef>
                <a:spcPts val="0"/>
              </a:spcBef>
              <a:spcAft>
                <a:spcPts val="0"/>
              </a:spcAft>
              <a:buSzPts val="3500"/>
              <a:buNone/>
              <a:defRPr/>
            </a:lvl5pPr>
            <a:lvl6pPr lvl="5" rtl="0">
              <a:spcBef>
                <a:spcPts val="0"/>
              </a:spcBef>
              <a:spcAft>
                <a:spcPts val="0"/>
              </a:spcAft>
              <a:buSzPts val="3500"/>
              <a:buNone/>
              <a:defRPr/>
            </a:lvl6pPr>
            <a:lvl7pPr lvl="6" rtl="0">
              <a:spcBef>
                <a:spcPts val="0"/>
              </a:spcBef>
              <a:spcAft>
                <a:spcPts val="0"/>
              </a:spcAft>
              <a:buSzPts val="3500"/>
              <a:buNone/>
              <a:defRPr/>
            </a:lvl7pPr>
            <a:lvl8pPr lvl="7" rtl="0">
              <a:spcBef>
                <a:spcPts val="0"/>
              </a:spcBef>
              <a:spcAft>
                <a:spcPts val="0"/>
              </a:spcAft>
              <a:buSzPts val="3500"/>
              <a:buNone/>
              <a:defRPr/>
            </a:lvl8pPr>
            <a:lvl9pPr lvl="8" rtl="0">
              <a:spcBef>
                <a:spcPts val="0"/>
              </a:spcBef>
              <a:spcAft>
                <a:spcPts val="0"/>
              </a:spcAft>
              <a:buSzPts val="3500"/>
              <a:buNone/>
              <a:defRPr/>
            </a:lvl9pPr>
          </a:lstStyle>
          <a:p>
            <a:endParaRPr/>
          </a:p>
        </p:txBody>
      </p:sp>
      <p:sp>
        <p:nvSpPr>
          <p:cNvPr id="68" name="Google Shape;68;p5"/>
          <p:cNvSpPr txBox="1">
            <a:spLocks noGrp="1"/>
          </p:cNvSpPr>
          <p:nvPr>
            <p:ph type="subTitle" idx="1"/>
          </p:nvPr>
        </p:nvSpPr>
        <p:spPr>
          <a:xfrm>
            <a:off x="11778009" y="8019442"/>
            <a:ext cx="4480000" cy="1272667"/>
          </a:xfrm>
          <a:prstGeom prst="rect">
            <a:avLst/>
          </a:prstGeom>
        </p:spPr>
        <p:txBody>
          <a:bodyPr spcFirstLastPara="1" wrap="square" lIns="91425" tIns="91425" rIns="91425" bIns="91425" anchor="t" anchorCtr="0">
            <a:noAutofit/>
          </a:bodyPr>
          <a:lstStyle>
            <a:lvl1pPr lvl="0" rtl="0">
              <a:lnSpc>
                <a:spcPct val="100000"/>
              </a:lnSpc>
              <a:spcBef>
                <a:spcPts val="0"/>
              </a:spcBef>
              <a:spcAft>
                <a:spcPts val="0"/>
              </a:spcAft>
              <a:buSzPts val="2800"/>
              <a:buNone/>
              <a:defRPr sz="3111" b="0"/>
            </a:lvl1pPr>
            <a:lvl2pPr lvl="1" algn="ctr" rtl="0">
              <a:lnSpc>
                <a:spcPct val="100000"/>
              </a:lnSpc>
              <a:spcBef>
                <a:spcPts val="0"/>
              </a:spcBef>
              <a:spcAft>
                <a:spcPts val="0"/>
              </a:spcAft>
              <a:buSzPts val="2800"/>
              <a:buNone/>
              <a:defRPr sz="6222"/>
            </a:lvl2pPr>
            <a:lvl3pPr lvl="2" algn="ctr" rtl="0">
              <a:lnSpc>
                <a:spcPct val="100000"/>
              </a:lnSpc>
              <a:spcBef>
                <a:spcPts val="0"/>
              </a:spcBef>
              <a:spcAft>
                <a:spcPts val="0"/>
              </a:spcAft>
              <a:buSzPts val="2800"/>
              <a:buNone/>
              <a:defRPr sz="6222"/>
            </a:lvl3pPr>
            <a:lvl4pPr lvl="3" algn="ctr" rtl="0">
              <a:lnSpc>
                <a:spcPct val="100000"/>
              </a:lnSpc>
              <a:spcBef>
                <a:spcPts val="0"/>
              </a:spcBef>
              <a:spcAft>
                <a:spcPts val="0"/>
              </a:spcAft>
              <a:buSzPts val="2800"/>
              <a:buNone/>
              <a:defRPr sz="6222"/>
            </a:lvl4pPr>
            <a:lvl5pPr lvl="4" algn="ctr" rtl="0">
              <a:lnSpc>
                <a:spcPct val="100000"/>
              </a:lnSpc>
              <a:spcBef>
                <a:spcPts val="0"/>
              </a:spcBef>
              <a:spcAft>
                <a:spcPts val="0"/>
              </a:spcAft>
              <a:buSzPts val="2800"/>
              <a:buNone/>
              <a:defRPr sz="6222"/>
            </a:lvl5pPr>
            <a:lvl6pPr lvl="5" algn="ctr" rtl="0">
              <a:lnSpc>
                <a:spcPct val="100000"/>
              </a:lnSpc>
              <a:spcBef>
                <a:spcPts val="0"/>
              </a:spcBef>
              <a:spcAft>
                <a:spcPts val="0"/>
              </a:spcAft>
              <a:buSzPts val="2800"/>
              <a:buNone/>
              <a:defRPr sz="6222"/>
            </a:lvl6pPr>
            <a:lvl7pPr lvl="6" algn="ctr" rtl="0">
              <a:lnSpc>
                <a:spcPct val="100000"/>
              </a:lnSpc>
              <a:spcBef>
                <a:spcPts val="0"/>
              </a:spcBef>
              <a:spcAft>
                <a:spcPts val="0"/>
              </a:spcAft>
              <a:buSzPts val="2800"/>
              <a:buNone/>
              <a:defRPr sz="6222"/>
            </a:lvl7pPr>
            <a:lvl8pPr lvl="7" algn="ctr" rtl="0">
              <a:lnSpc>
                <a:spcPct val="100000"/>
              </a:lnSpc>
              <a:spcBef>
                <a:spcPts val="0"/>
              </a:spcBef>
              <a:spcAft>
                <a:spcPts val="0"/>
              </a:spcAft>
              <a:buSzPts val="2800"/>
              <a:buNone/>
              <a:defRPr sz="6222"/>
            </a:lvl8pPr>
            <a:lvl9pPr lvl="8" algn="ctr" rtl="0">
              <a:lnSpc>
                <a:spcPct val="100000"/>
              </a:lnSpc>
              <a:spcBef>
                <a:spcPts val="0"/>
              </a:spcBef>
              <a:spcAft>
                <a:spcPts val="0"/>
              </a:spcAft>
              <a:buSzPts val="2800"/>
              <a:buNone/>
              <a:defRPr sz="6222"/>
            </a:lvl9pPr>
          </a:lstStyle>
          <a:p>
            <a:endParaRPr/>
          </a:p>
        </p:txBody>
      </p:sp>
      <p:sp>
        <p:nvSpPr>
          <p:cNvPr id="69" name="Google Shape;69;p5"/>
          <p:cNvSpPr txBox="1">
            <a:spLocks noGrp="1"/>
          </p:cNvSpPr>
          <p:nvPr>
            <p:ph type="subTitle" idx="2"/>
          </p:nvPr>
        </p:nvSpPr>
        <p:spPr>
          <a:xfrm>
            <a:off x="4062393" y="8019442"/>
            <a:ext cx="4480000" cy="1272667"/>
          </a:xfrm>
          <a:prstGeom prst="rect">
            <a:avLst/>
          </a:prstGeom>
        </p:spPr>
        <p:txBody>
          <a:bodyPr spcFirstLastPara="1" wrap="square" lIns="91425" tIns="91425" rIns="91425" bIns="91425" anchor="t" anchorCtr="0">
            <a:noAutofit/>
          </a:bodyPr>
          <a:lstStyle>
            <a:lvl1pPr lvl="0" rtl="0">
              <a:lnSpc>
                <a:spcPct val="100000"/>
              </a:lnSpc>
              <a:spcBef>
                <a:spcPts val="0"/>
              </a:spcBef>
              <a:spcAft>
                <a:spcPts val="0"/>
              </a:spcAft>
              <a:buSzPts val="2800"/>
              <a:buNone/>
              <a:defRPr sz="3111" b="0"/>
            </a:lvl1pPr>
            <a:lvl2pPr lvl="1" algn="ctr" rtl="0">
              <a:lnSpc>
                <a:spcPct val="100000"/>
              </a:lnSpc>
              <a:spcBef>
                <a:spcPts val="0"/>
              </a:spcBef>
              <a:spcAft>
                <a:spcPts val="0"/>
              </a:spcAft>
              <a:buSzPts val="2800"/>
              <a:buNone/>
              <a:defRPr sz="6222"/>
            </a:lvl2pPr>
            <a:lvl3pPr lvl="2" algn="ctr" rtl="0">
              <a:lnSpc>
                <a:spcPct val="100000"/>
              </a:lnSpc>
              <a:spcBef>
                <a:spcPts val="0"/>
              </a:spcBef>
              <a:spcAft>
                <a:spcPts val="0"/>
              </a:spcAft>
              <a:buSzPts val="2800"/>
              <a:buNone/>
              <a:defRPr sz="6222"/>
            </a:lvl3pPr>
            <a:lvl4pPr lvl="3" algn="ctr" rtl="0">
              <a:lnSpc>
                <a:spcPct val="100000"/>
              </a:lnSpc>
              <a:spcBef>
                <a:spcPts val="0"/>
              </a:spcBef>
              <a:spcAft>
                <a:spcPts val="0"/>
              </a:spcAft>
              <a:buSzPts val="2800"/>
              <a:buNone/>
              <a:defRPr sz="6222"/>
            </a:lvl4pPr>
            <a:lvl5pPr lvl="4" algn="ctr" rtl="0">
              <a:lnSpc>
                <a:spcPct val="100000"/>
              </a:lnSpc>
              <a:spcBef>
                <a:spcPts val="0"/>
              </a:spcBef>
              <a:spcAft>
                <a:spcPts val="0"/>
              </a:spcAft>
              <a:buSzPts val="2800"/>
              <a:buNone/>
              <a:defRPr sz="6222"/>
            </a:lvl5pPr>
            <a:lvl6pPr lvl="5" algn="ctr" rtl="0">
              <a:lnSpc>
                <a:spcPct val="100000"/>
              </a:lnSpc>
              <a:spcBef>
                <a:spcPts val="0"/>
              </a:spcBef>
              <a:spcAft>
                <a:spcPts val="0"/>
              </a:spcAft>
              <a:buSzPts val="2800"/>
              <a:buNone/>
              <a:defRPr sz="6222"/>
            </a:lvl6pPr>
            <a:lvl7pPr lvl="6" algn="ctr" rtl="0">
              <a:lnSpc>
                <a:spcPct val="100000"/>
              </a:lnSpc>
              <a:spcBef>
                <a:spcPts val="0"/>
              </a:spcBef>
              <a:spcAft>
                <a:spcPts val="0"/>
              </a:spcAft>
              <a:buSzPts val="2800"/>
              <a:buNone/>
              <a:defRPr sz="6222"/>
            </a:lvl7pPr>
            <a:lvl8pPr lvl="7" algn="ctr" rtl="0">
              <a:lnSpc>
                <a:spcPct val="100000"/>
              </a:lnSpc>
              <a:spcBef>
                <a:spcPts val="0"/>
              </a:spcBef>
              <a:spcAft>
                <a:spcPts val="0"/>
              </a:spcAft>
              <a:buSzPts val="2800"/>
              <a:buNone/>
              <a:defRPr sz="6222"/>
            </a:lvl8pPr>
            <a:lvl9pPr lvl="8" algn="ctr" rtl="0">
              <a:lnSpc>
                <a:spcPct val="100000"/>
              </a:lnSpc>
              <a:spcBef>
                <a:spcPts val="0"/>
              </a:spcBef>
              <a:spcAft>
                <a:spcPts val="0"/>
              </a:spcAft>
              <a:buSzPts val="2800"/>
              <a:buNone/>
              <a:defRPr sz="6222"/>
            </a:lvl9pPr>
          </a:lstStyle>
          <a:p>
            <a:endParaRPr/>
          </a:p>
        </p:txBody>
      </p:sp>
      <p:sp>
        <p:nvSpPr>
          <p:cNvPr id="70" name="Google Shape;70;p5"/>
          <p:cNvSpPr txBox="1">
            <a:spLocks noGrp="1"/>
          </p:cNvSpPr>
          <p:nvPr>
            <p:ph type="subTitle" idx="3"/>
          </p:nvPr>
        </p:nvSpPr>
        <p:spPr>
          <a:xfrm>
            <a:off x="11777991" y="7281333"/>
            <a:ext cx="4480000" cy="930000"/>
          </a:xfrm>
          <a:prstGeom prst="rect">
            <a:avLst/>
          </a:prstGeom>
        </p:spPr>
        <p:txBody>
          <a:bodyPr spcFirstLastPara="1" wrap="square" lIns="91425" tIns="91425" rIns="91425" bIns="91425" anchor="b" anchorCtr="0">
            <a:noAutofit/>
          </a:bodyPr>
          <a:lstStyle>
            <a:lvl1pPr lvl="0" rtl="0">
              <a:lnSpc>
                <a:spcPct val="100000"/>
              </a:lnSpc>
              <a:spcBef>
                <a:spcPts val="0"/>
              </a:spcBef>
              <a:spcAft>
                <a:spcPts val="0"/>
              </a:spcAft>
              <a:buSzPts val="2400"/>
              <a:buFont typeface="Orelega One"/>
              <a:buNone/>
              <a:defRPr sz="4889">
                <a:solidFill>
                  <a:schemeClr val="dk1"/>
                </a:solidFill>
                <a:latin typeface="Orelega One"/>
                <a:ea typeface="Orelega One"/>
                <a:cs typeface="Orelega One"/>
                <a:sym typeface="Orelega One"/>
              </a:defRPr>
            </a:lvl1pPr>
            <a:lvl2pPr lvl="1"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2pPr>
            <a:lvl3pPr lvl="2"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3pPr>
            <a:lvl4pPr lvl="3"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4pPr>
            <a:lvl5pPr lvl="4"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5pPr>
            <a:lvl6pPr lvl="5"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6pPr>
            <a:lvl7pPr lvl="6"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7pPr>
            <a:lvl8pPr lvl="7"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8pPr>
            <a:lvl9pPr lvl="8"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9pPr>
          </a:lstStyle>
          <a:p>
            <a:endParaRPr/>
          </a:p>
        </p:txBody>
      </p:sp>
      <p:sp>
        <p:nvSpPr>
          <p:cNvPr id="71" name="Google Shape;71;p5"/>
          <p:cNvSpPr txBox="1">
            <a:spLocks noGrp="1"/>
          </p:cNvSpPr>
          <p:nvPr>
            <p:ph type="subTitle" idx="4"/>
          </p:nvPr>
        </p:nvSpPr>
        <p:spPr>
          <a:xfrm>
            <a:off x="4061991" y="7281333"/>
            <a:ext cx="4480000" cy="930000"/>
          </a:xfrm>
          <a:prstGeom prst="rect">
            <a:avLst/>
          </a:prstGeom>
        </p:spPr>
        <p:txBody>
          <a:bodyPr spcFirstLastPara="1" wrap="square" lIns="91425" tIns="91425" rIns="91425" bIns="91425" anchor="b" anchorCtr="0">
            <a:noAutofit/>
          </a:bodyPr>
          <a:lstStyle>
            <a:lvl1pPr lvl="0" rtl="0">
              <a:lnSpc>
                <a:spcPct val="100000"/>
              </a:lnSpc>
              <a:spcBef>
                <a:spcPts val="0"/>
              </a:spcBef>
              <a:spcAft>
                <a:spcPts val="0"/>
              </a:spcAft>
              <a:buSzPts val="2400"/>
              <a:buFont typeface="Orelega One"/>
              <a:buNone/>
              <a:defRPr sz="4889">
                <a:solidFill>
                  <a:schemeClr val="dk1"/>
                </a:solidFill>
                <a:latin typeface="Orelega One"/>
                <a:ea typeface="Orelega One"/>
                <a:cs typeface="Orelega One"/>
                <a:sym typeface="Orelega One"/>
              </a:defRPr>
            </a:lvl1pPr>
            <a:lvl2pPr lvl="1"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2pPr>
            <a:lvl3pPr lvl="2"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3pPr>
            <a:lvl4pPr lvl="3"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4pPr>
            <a:lvl5pPr lvl="4"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5pPr>
            <a:lvl6pPr lvl="5"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6pPr>
            <a:lvl7pPr lvl="6"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7pPr>
            <a:lvl8pPr lvl="7"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8pPr>
            <a:lvl9pPr lvl="8" algn="ctr" rtl="0">
              <a:lnSpc>
                <a:spcPct val="100000"/>
              </a:lnSpc>
              <a:spcBef>
                <a:spcPts val="0"/>
              </a:spcBef>
              <a:spcAft>
                <a:spcPts val="0"/>
              </a:spcAft>
              <a:buSzPts val="2400"/>
              <a:buFont typeface="Orelega One"/>
              <a:buNone/>
              <a:defRPr sz="5333">
                <a:latin typeface="Orelega One"/>
                <a:ea typeface="Orelega One"/>
                <a:cs typeface="Orelega One"/>
                <a:sym typeface="Orelega One"/>
              </a:defRPr>
            </a:lvl9pPr>
          </a:lstStyle>
          <a:p>
            <a:endParaRPr/>
          </a:p>
        </p:txBody>
      </p:sp>
      <p:grpSp>
        <p:nvGrpSpPr>
          <p:cNvPr id="72" name="Google Shape;72;p5"/>
          <p:cNvGrpSpPr/>
          <p:nvPr/>
        </p:nvGrpSpPr>
        <p:grpSpPr>
          <a:xfrm>
            <a:off x="0" y="10231185"/>
            <a:ext cx="20320000" cy="1351767"/>
            <a:chOff x="0" y="4611433"/>
            <a:chExt cx="9144000" cy="608295"/>
          </a:xfrm>
        </p:grpSpPr>
        <p:sp>
          <p:nvSpPr>
            <p:cNvPr id="73" name="Google Shape;73;p5"/>
            <p:cNvSpPr/>
            <p:nvPr/>
          </p:nvSpPr>
          <p:spPr>
            <a:xfrm>
              <a:off x="0" y="4611433"/>
              <a:ext cx="9144000" cy="532075"/>
            </a:xfrm>
            <a:custGeom>
              <a:avLst/>
              <a:gdLst/>
              <a:ahLst/>
              <a:cxnLst/>
              <a:rect l="l" t="t" r="r" b="b"/>
              <a:pathLst>
                <a:path w="285750" h="81326" extrusionOk="0">
                  <a:moveTo>
                    <a:pt x="84150" y="1"/>
                  </a:moveTo>
                  <a:lnTo>
                    <a:pt x="83270" y="47"/>
                  </a:lnTo>
                  <a:lnTo>
                    <a:pt x="82437" y="186"/>
                  </a:lnTo>
                  <a:lnTo>
                    <a:pt x="80723" y="464"/>
                  </a:lnTo>
                  <a:lnTo>
                    <a:pt x="78917" y="835"/>
                  </a:lnTo>
                  <a:lnTo>
                    <a:pt x="77111" y="1205"/>
                  </a:lnTo>
                  <a:lnTo>
                    <a:pt x="75258" y="1668"/>
                  </a:lnTo>
                  <a:lnTo>
                    <a:pt x="73359" y="2178"/>
                  </a:lnTo>
                  <a:lnTo>
                    <a:pt x="71414" y="2687"/>
                  </a:lnTo>
                  <a:lnTo>
                    <a:pt x="67478" y="3845"/>
                  </a:lnTo>
                  <a:lnTo>
                    <a:pt x="63402" y="5095"/>
                  </a:lnTo>
                  <a:lnTo>
                    <a:pt x="59280" y="6438"/>
                  </a:lnTo>
                  <a:lnTo>
                    <a:pt x="51037" y="9217"/>
                  </a:lnTo>
                  <a:lnTo>
                    <a:pt x="46961" y="10606"/>
                  </a:lnTo>
                  <a:lnTo>
                    <a:pt x="42932" y="11950"/>
                  </a:lnTo>
                  <a:lnTo>
                    <a:pt x="39042" y="13154"/>
                  </a:lnTo>
                  <a:lnTo>
                    <a:pt x="35290" y="14265"/>
                  </a:lnTo>
                  <a:lnTo>
                    <a:pt x="33484" y="14775"/>
                  </a:lnTo>
                  <a:lnTo>
                    <a:pt x="31724" y="15238"/>
                  </a:lnTo>
                  <a:lnTo>
                    <a:pt x="30011" y="15655"/>
                  </a:lnTo>
                  <a:lnTo>
                    <a:pt x="28390" y="16025"/>
                  </a:lnTo>
                  <a:lnTo>
                    <a:pt x="26815" y="16349"/>
                  </a:lnTo>
                  <a:lnTo>
                    <a:pt x="25287" y="16627"/>
                  </a:lnTo>
                  <a:lnTo>
                    <a:pt x="23851" y="16812"/>
                  </a:lnTo>
                  <a:lnTo>
                    <a:pt x="22462" y="16951"/>
                  </a:lnTo>
                  <a:lnTo>
                    <a:pt x="19868" y="17183"/>
                  </a:lnTo>
                  <a:lnTo>
                    <a:pt x="17414" y="17368"/>
                  </a:lnTo>
                  <a:lnTo>
                    <a:pt x="15098" y="17646"/>
                  </a:lnTo>
                  <a:lnTo>
                    <a:pt x="12921" y="17878"/>
                  </a:lnTo>
                  <a:lnTo>
                    <a:pt x="9077" y="18433"/>
                  </a:lnTo>
                  <a:lnTo>
                    <a:pt x="5882" y="18896"/>
                  </a:lnTo>
                  <a:lnTo>
                    <a:pt x="3335" y="19360"/>
                  </a:lnTo>
                  <a:lnTo>
                    <a:pt x="1528" y="19730"/>
                  </a:lnTo>
                  <a:lnTo>
                    <a:pt x="0" y="20101"/>
                  </a:lnTo>
                  <a:lnTo>
                    <a:pt x="0" y="81325"/>
                  </a:lnTo>
                  <a:lnTo>
                    <a:pt x="285750" y="81325"/>
                  </a:lnTo>
                  <a:lnTo>
                    <a:pt x="285750" y="16951"/>
                  </a:lnTo>
                  <a:lnTo>
                    <a:pt x="281906" y="16396"/>
                  </a:lnTo>
                  <a:lnTo>
                    <a:pt x="277460" y="15793"/>
                  </a:lnTo>
                  <a:lnTo>
                    <a:pt x="271578" y="15006"/>
                  </a:lnTo>
                  <a:lnTo>
                    <a:pt x="264492" y="14173"/>
                  </a:lnTo>
                  <a:lnTo>
                    <a:pt x="256388" y="13339"/>
                  </a:lnTo>
                  <a:lnTo>
                    <a:pt x="252034" y="12922"/>
                  </a:lnTo>
                  <a:lnTo>
                    <a:pt x="247496" y="12505"/>
                  </a:lnTo>
                  <a:lnTo>
                    <a:pt x="242818" y="12135"/>
                  </a:lnTo>
                  <a:lnTo>
                    <a:pt x="238002" y="11811"/>
                  </a:lnTo>
                  <a:lnTo>
                    <a:pt x="233139" y="11486"/>
                  </a:lnTo>
                  <a:lnTo>
                    <a:pt x="228137" y="11255"/>
                  </a:lnTo>
                  <a:lnTo>
                    <a:pt x="223135" y="11023"/>
                  </a:lnTo>
                  <a:lnTo>
                    <a:pt x="218133" y="10931"/>
                  </a:lnTo>
                  <a:lnTo>
                    <a:pt x="213132" y="10838"/>
                  </a:lnTo>
                  <a:lnTo>
                    <a:pt x="208130" y="10838"/>
                  </a:lnTo>
                  <a:lnTo>
                    <a:pt x="203221" y="10977"/>
                  </a:lnTo>
                  <a:lnTo>
                    <a:pt x="198404" y="11162"/>
                  </a:lnTo>
                  <a:lnTo>
                    <a:pt x="196042" y="11301"/>
                  </a:lnTo>
                  <a:lnTo>
                    <a:pt x="193680" y="11440"/>
                  </a:lnTo>
                  <a:lnTo>
                    <a:pt x="191365" y="11625"/>
                  </a:lnTo>
                  <a:lnTo>
                    <a:pt x="189141" y="11857"/>
                  </a:lnTo>
                  <a:lnTo>
                    <a:pt x="186918" y="12088"/>
                  </a:lnTo>
                  <a:lnTo>
                    <a:pt x="184695" y="12366"/>
                  </a:lnTo>
                  <a:lnTo>
                    <a:pt x="182565" y="12691"/>
                  </a:lnTo>
                  <a:lnTo>
                    <a:pt x="180527" y="13015"/>
                  </a:lnTo>
                  <a:lnTo>
                    <a:pt x="178490" y="13385"/>
                  </a:lnTo>
                  <a:lnTo>
                    <a:pt x="176498" y="13756"/>
                  </a:lnTo>
                  <a:lnTo>
                    <a:pt x="174599" y="14219"/>
                  </a:lnTo>
                  <a:lnTo>
                    <a:pt x="172747" y="14682"/>
                  </a:lnTo>
                  <a:lnTo>
                    <a:pt x="170987" y="15191"/>
                  </a:lnTo>
                  <a:lnTo>
                    <a:pt x="169273" y="15747"/>
                  </a:lnTo>
                  <a:lnTo>
                    <a:pt x="167652" y="16349"/>
                  </a:lnTo>
                  <a:lnTo>
                    <a:pt x="166124" y="16951"/>
                  </a:lnTo>
                  <a:lnTo>
                    <a:pt x="164596" y="17553"/>
                  </a:lnTo>
                  <a:lnTo>
                    <a:pt x="163114" y="18109"/>
                  </a:lnTo>
                  <a:lnTo>
                    <a:pt x="161585" y="18572"/>
                  </a:lnTo>
                  <a:lnTo>
                    <a:pt x="160057" y="18989"/>
                  </a:lnTo>
                  <a:lnTo>
                    <a:pt x="158529" y="19360"/>
                  </a:lnTo>
                  <a:lnTo>
                    <a:pt x="157047" y="19637"/>
                  </a:lnTo>
                  <a:lnTo>
                    <a:pt x="155518" y="19869"/>
                  </a:lnTo>
                  <a:lnTo>
                    <a:pt x="153990" y="20054"/>
                  </a:lnTo>
                  <a:lnTo>
                    <a:pt x="152508" y="20193"/>
                  </a:lnTo>
                  <a:lnTo>
                    <a:pt x="150980" y="20286"/>
                  </a:lnTo>
                  <a:lnTo>
                    <a:pt x="147969" y="20286"/>
                  </a:lnTo>
                  <a:lnTo>
                    <a:pt x="146487" y="20193"/>
                  </a:lnTo>
                  <a:lnTo>
                    <a:pt x="144959" y="20101"/>
                  </a:lnTo>
                  <a:lnTo>
                    <a:pt x="143477" y="19915"/>
                  </a:lnTo>
                  <a:lnTo>
                    <a:pt x="141995" y="19730"/>
                  </a:lnTo>
                  <a:lnTo>
                    <a:pt x="140513" y="19498"/>
                  </a:lnTo>
                  <a:lnTo>
                    <a:pt x="139031" y="19221"/>
                  </a:lnTo>
                  <a:lnTo>
                    <a:pt x="137549" y="18896"/>
                  </a:lnTo>
                  <a:lnTo>
                    <a:pt x="136067" y="18572"/>
                  </a:lnTo>
                  <a:lnTo>
                    <a:pt x="134585" y="18202"/>
                  </a:lnTo>
                  <a:lnTo>
                    <a:pt x="133149" y="17831"/>
                  </a:lnTo>
                  <a:lnTo>
                    <a:pt x="130232" y="16951"/>
                  </a:lnTo>
                  <a:lnTo>
                    <a:pt x="127360" y="15979"/>
                  </a:lnTo>
                  <a:lnTo>
                    <a:pt x="124535" y="14914"/>
                  </a:lnTo>
                  <a:lnTo>
                    <a:pt x="121710" y="13802"/>
                  </a:lnTo>
                  <a:lnTo>
                    <a:pt x="118931" y="12644"/>
                  </a:lnTo>
                  <a:lnTo>
                    <a:pt x="116245" y="11440"/>
                  </a:lnTo>
                  <a:lnTo>
                    <a:pt x="113559" y="10236"/>
                  </a:lnTo>
                  <a:lnTo>
                    <a:pt x="108326" y="7874"/>
                  </a:lnTo>
                  <a:lnTo>
                    <a:pt x="103324" y="5558"/>
                  </a:lnTo>
                  <a:lnTo>
                    <a:pt x="100916" y="4493"/>
                  </a:lnTo>
                  <a:lnTo>
                    <a:pt x="98554" y="3521"/>
                  </a:lnTo>
                  <a:lnTo>
                    <a:pt x="96284" y="2641"/>
                  </a:lnTo>
                  <a:lnTo>
                    <a:pt x="94061" y="1853"/>
                  </a:lnTo>
                  <a:lnTo>
                    <a:pt x="91931" y="1159"/>
                  </a:lnTo>
                  <a:lnTo>
                    <a:pt x="90912" y="881"/>
                  </a:lnTo>
                  <a:lnTo>
                    <a:pt x="89893" y="649"/>
                  </a:lnTo>
                  <a:lnTo>
                    <a:pt x="88874" y="418"/>
                  </a:lnTo>
                  <a:lnTo>
                    <a:pt x="87902" y="279"/>
                  </a:lnTo>
                  <a:lnTo>
                    <a:pt x="86929" y="140"/>
                  </a:lnTo>
                  <a:lnTo>
                    <a:pt x="86003" y="47"/>
                  </a:lnTo>
                  <a:lnTo>
                    <a:pt x="85077" y="1"/>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74" name="Google Shape;74;p5"/>
            <p:cNvSpPr/>
            <p:nvPr/>
          </p:nvSpPr>
          <p:spPr>
            <a:xfrm>
              <a:off x="0" y="4687599"/>
              <a:ext cx="9143916" cy="532129"/>
            </a:xfrm>
            <a:custGeom>
              <a:avLst/>
              <a:gdLst/>
              <a:ahLst/>
              <a:cxnLst/>
              <a:rect l="l" t="t" r="r" b="b"/>
              <a:pathLst>
                <a:path w="285057" h="22555" extrusionOk="0">
                  <a:moveTo>
                    <a:pt x="1" y="0"/>
                  </a:moveTo>
                  <a:lnTo>
                    <a:pt x="1" y="22554"/>
                  </a:lnTo>
                  <a:lnTo>
                    <a:pt x="285056" y="22554"/>
                  </a:lnTo>
                  <a:lnTo>
                    <a:pt x="285056" y="16904"/>
                  </a:lnTo>
                  <a:lnTo>
                    <a:pt x="281860" y="16673"/>
                  </a:lnTo>
                  <a:lnTo>
                    <a:pt x="273246" y="16117"/>
                  </a:lnTo>
                  <a:lnTo>
                    <a:pt x="267365" y="15654"/>
                  </a:lnTo>
                  <a:lnTo>
                    <a:pt x="260695" y="15144"/>
                  </a:lnTo>
                  <a:lnTo>
                    <a:pt x="253424" y="14496"/>
                  </a:lnTo>
                  <a:lnTo>
                    <a:pt x="245736" y="13801"/>
                  </a:lnTo>
                  <a:lnTo>
                    <a:pt x="237771" y="12968"/>
                  </a:lnTo>
                  <a:lnTo>
                    <a:pt x="229759" y="12088"/>
                  </a:lnTo>
                  <a:lnTo>
                    <a:pt x="225822" y="11625"/>
                  </a:lnTo>
                  <a:lnTo>
                    <a:pt x="221885" y="11115"/>
                  </a:lnTo>
                  <a:lnTo>
                    <a:pt x="218088" y="10606"/>
                  </a:lnTo>
                  <a:lnTo>
                    <a:pt x="214336" y="10050"/>
                  </a:lnTo>
                  <a:lnTo>
                    <a:pt x="210770" y="9494"/>
                  </a:lnTo>
                  <a:lnTo>
                    <a:pt x="207297" y="8892"/>
                  </a:lnTo>
                  <a:lnTo>
                    <a:pt x="204009" y="8290"/>
                  </a:lnTo>
                  <a:lnTo>
                    <a:pt x="200952" y="7688"/>
                  </a:lnTo>
                  <a:lnTo>
                    <a:pt x="198081" y="7040"/>
                  </a:lnTo>
                  <a:lnTo>
                    <a:pt x="195441" y="6391"/>
                  </a:lnTo>
                  <a:lnTo>
                    <a:pt x="193079" y="5697"/>
                  </a:lnTo>
                  <a:lnTo>
                    <a:pt x="192014" y="5326"/>
                  </a:lnTo>
                  <a:lnTo>
                    <a:pt x="190995" y="5002"/>
                  </a:lnTo>
                  <a:lnTo>
                    <a:pt x="190022" y="4632"/>
                  </a:lnTo>
                  <a:lnTo>
                    <a:pt x="189096" y="4354"/>
                  </a:lnTo>
                  <a:lnTo>
                    <a:pt x="188123" y="4030"/>
                  </a:lnTo>
                  <a:lnTo>
                    <a:pt x="187151" y="3798"/>
                  </a:lnTo>
                  <a:lnTo>
                    <a:pt x="186132" y="3566"/>
                  </a:lnTo>
                  <a:lnTo>
                    <a:pt x="185159" y="3381"/>
                  </a:lnTo>
                  <a:lnTo>
                    <a:pt x="183214" y="3057"/>
                  </a:lnTo>
                  <a:lnTo>
                    <a:pt x="181223" y="2872"/>
                  </a:lnTo>
                  <a:lnTo>
                    <a:pt x="179231" y="2733"/>
                  </a:lnTo>
                  <a:lnTo>
                    <a:pt x="177193" y="2733"/>
                  </a:lnTo>
                  <a:lnTo>
                    <a:pt x="175156" y="2779"/>
                  </a:lnTo>
                  <a:lnTo>
                    <a:pt x="173118" y="2918"/>
                  </a:lnTo>
                  <a:lnTo>
                    <a:pt x="171034" y="3103"/>
                  </a:lnTo>
                  <a:lnTo>
                    <a:pt x="168996" y="3381"/>
                  </a:lnTo>
                  <a:lnTo>
                    <a:pt x="166866" y="3705"/>
                  </a:lnTo>
                  <a:lnTo>
                    <a:pt x="164735" y="4076"/>
                  </a:lnTo>
                  <a:lnTo>
                    <a:pt x="162605" y="4493"/>
                  </a:lnTo>
                  <a:lnTo>
                    <a:pt x="160475" y="4956"/>
                  </a:lnTo>
                  <a:lnTo>
                    <a:pt x="158298" y="5465"/>
                  </a:lnTo>
                  <a:lnTo>
                    <a:pt x="153852" y="6484"/>
                  </a:lnTo>
                  <a:lnTo>
                    <a:pt x="149359" y="7596"/>
                  </a:lnTo>
                  <a:lnTo>
                    <a:pt x="144775" y="8707"/>
                  </a:lnTo>
                  <a:lnTo>
                    <a:pt x="140097" y="9772"/>
                  </a:lnTo>
                  <a:lnTo>
                    <a:pt x="137735" y="10282"/>
                  </a:lnTo>
                  <a:lnTo>
                    <a:pt x="135327" y="10745"/>
                  </a:lnTo>
                  <a:lnTo>
                    <a:pt x="132918" y="11162"/>
                  </a:lnTo>
                  <a:lnTo>
                    <a:pt x="130464" y="11532"/>
                  </a:lnTo>
                  <a:lnTo>
                    <a:pt x="127963" y="11903"/>
                  </a:lnTo>
                  <a:lnTo>
                    <a:pt x="125462" y="12180"/>
                  </a:lnTo>
                  <a:lnTo>
                    <a:pt x="122961" y="12366"/>
                  </a:lnTo>
                  <a:lnTo>
                    <a:pt x="120414" y="12505"/>
                  </a:lnTo>
                  <a:lnTo>
                    <a:pt x="117635" y="12597"/>
                  </a:lnTo>
                  <a:lnTo>
                    <a:pt x="114532" y="12597"/>
                  </a:lnTo>
                  <a:lnTo>
                    <a:pt x="111105" y="12505"/>
                  </a:lnTo>
                  <a:lnTo>
                    <a:pt x="107354" y="12319"/>
                  </a:lnTo>
                  <a:lnTo>
                    <a:pt x="103371" y="12088"/>
                  </a:lnTo>
                  <a:lnTo>
                    <a:pt x="99110" y="11810"/>
                  </a:lnTo>
                  <a:lnTo>
                    <a:pt x="94664" y="11486"/>
                  </a:lnTo>
                  <a:lnTo>
                    <a:pt x="90033" y="11069"/>
                  </a:lnTo>
                  <a:lnTo>
                    <a:pt x="85263" y="10606"/>
                  </a:lnTo>
                  <a:lnTo>
                    <a:pt x="80353" y="10143"/>
                  </a:lnTo>
                  <a:lnTo>
                    <a:pt x="70257" y="9078"/>
                  </a:lnTo>
                  <a:lnTo>
                    <a:pt x="60068" y="7920"/>
                  </a:lnTo>
                  <a:lnTo>
                    <a:pt x="49926" y="6716"/>
                  </a:lnTo>
                  <a:lnTo>
                    <a:pt x="40108" y="5465"/>
                  </a:lnTo>
                  <a:lnTo>
                    <a:pt x="30891" y="4261"/>
                  </a:lnTo>
                  <a:lnTo>
                    <a:pt x="22416" y="3150"/>
                  </a:lnTo>
                  <a:lnTo>
                    <a:pt x="14960" y="2131"/>
                  </a:lnTo>
                  <a:lnTo>
                    <a:pt x="4076" y="602"/>
                  </a:lnTo>
                  <a:lnTo>
                    <a:pt x="1" y="0"/>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75" name="Google Shape;75;p5"/>
          <p:cNvSpPr/>
          <p:nvPr/>
        </p:nvSpPr>
        <p:spPr>
          <a:xfrm>
            <a:off x="18720000" y="8393085"/>
            <a:ext cx="1026667" cy="3005222"/>
          </a:xfrm>
          <a:custGeom>
            <a:avLst/>
            <a:gdLst/>
            <a:ahLst/>
            <a:cxnLst/>
            <a:rect l="l" t="t" r="r" b="b"/>
            <a:pathLst>
              <a:path w="18480" h="54094" extrusionOk="0">
                <a:moveTo>
                  <a:pt x="2177" y="27464"/>
                </a:moveTo>
                <a:lnTo>
                  <a:pt x="2363" y="27973"/>
                </a:lnTo>
                <a:lnTo>
                  <a:pt x="2594" y="28436"/>
                </a:lnTo>
                <a:lnTo>
                  <a:pt x="2872" y="28853"/>
                </a:lnTo>
                <a:lnTo>
                  <a:pt x="3243" y="29224"/>
                </a:lnTo>
                <a:lnTo>
                  <a:pt x="3613" y="29548"/>
                </a:lnTo>
                <a:lnTo>
                  <a:pt x="4122" y="29779"/>
                </a:lnTo>
                <a:lnTo>
                  <a:pt x="4632" y="30011"/>
                </a:lnTo>
                <a:lnTo>
                  <a:pt x="5188" y="30196"/>
                </a:lnTo>
                <a:lnTo>
                  <a:pt x="5327" y="31539"/>
                </a:lnTo>
                <a:lnTo>
                  <a:pt x="4863" y="31493"/>
                </a:lnTo>
                <a:lnTo>
                  <a:pt x="4447" y="31400"/>
                </a:lnTo>
                <a:lnTo>
                  <a:pt x="3984" y="31261"/>
                </a:lnTo>
                <a:lnTo>
                  <a:pt x="3613" y="31076"/>
                </a:lnTo>
                <a:lnTo>
                  <a:pt x="3243" y="30845"/>
                </a:lnTo>
                <a:lnTo>
                  <a:pt x="2918" y="30613"/>
                </a:lnTo>
                <a:lnTo>
                  <a:pt x="2687" y="30335"/>
                </a:lnTo>
                <a:lnTo>
                  <a:pt x="2502" y="30011"/>
                </a:lnTo>
                <a:lnTo>
                  <a:pt x="2409" y="29733"/>
                </a:lnTo>
                <a:lnTo>
                  <a:pt x="2316" y="29455"/>
                </a:lnTo>
                <a:lnTo>
                  <a:pt x="2224" y="28807"/>
                </a:lnTo>
                <a:lnTo>
                  <a:pt x="2224" y="28158"/>
                </a:lnTo>
                <a:lnTo>
                  <a:pt x="2177" y="27464"/>
                </a:lnTo>
                <a:close/>
                <a:moveTo>
                  <a:pt x="7457" y="1"/>
                </a:moveTo>
                <a:lnTo>
                  <a:pt x="7179" y="47"/>
                </a:lnTo>
                <a:lnTo>
                  <a:pt x="6901" y="140"/>
                </a:lnTo>
                <a:lnTo>
                  <a:pt x="6670" y="278"/>
                </a:lnTo>
                <a:lnTo>
                  <a:pt x="6484" y="510"/>
                </a:lnTo>
                <a:lnTo>
                  <a:pt x="6299" y="881"/>
                </a:lnTo>
                <a:lnTo>
                  <a:pt x="6114" y="1251"/>
                </a:lnTo>
                <a:lnTo>
                  <a:pt x="5882" y="2038"/>
                </a:lnTo>
                <a:lnTo>
                  <a:pt x="5697" y="2826"/>
                </a:lnTo>
                <a:lnTo>
                  <a:pt x="5604" y="3613"/>
                </a:lnTo>
                <a:lnTo>
                  <a:pt x="5558" y="4400"/>
                </a:lnTo>
                <a:lnTo>
                  <a:pt x="5558" y="5234"/>
                </a:lnTo>
                <a:lnTo>
                  <a:pt x="5558" y="6901"/>
                </a:lnTo>
                <a:lnTo>
                  <a:pt x="5558" y="10004"/>
                </a:lnTo>
                <a:lnTo>
                  <a:pt x="5604" y="13107"/>
                </a:lnTo>
                <a:lnTo>
                  <a:pt x="5651" y="14913"/>
                </a:lnTo>
                <a:lnTo>
                  <a:pt x="5604" y="16719"/>
                </a:lnTo>
                <a:lnTo>
                  <a:pt x="5558" y="18479"/>
                </a:lnTo>
                <a:lnTo>
                  <a:pt x="5466" y="19405"/>
                </a:lnTo>
                <a:lnTo>
                  <a:pt x="5327" y="20285"/>
                </a:lnTo>
                <a:lnTo>
                  <a:pt x="5095" y="21860"/>
                </a:lnTo>
                <a:lnTo>
                  <a:pt x="4817" y="23388"/>
                </a:lnTo>
                <a:lnTo>
                  <a:pt x="4771" y="24176"/>
                </a:lnTo>
                <a:lnTo>
                  <a:pt x="4725" y="24963"/>
                </a:lnTo>
                <a:lnTo>
                  <a:pt x="4725" y="25750"/>
                </a:lnTo>
                <a:lnTo>
                  <a:pt x="4817" y="26538"/>
                </a:lnTo>
                <a:lnTo>
                  <a:pt x="4910" y="27603"/>
                </a:lnTo>
                <a:lnTo>
                  <a:pt x="4539" y="27047"/>
                </a:lnTo>
                <a:lnTo>
                  <a:pt x="4261" y="26445"/>
                </a:lnTo>
                <a:lnTo>
                  <a:pt x="4030" y="25797"/>
                </a:lnTo>
                <a:lnTo>
                  <a:pt x="3891" y="25195"/>
                </a:lnTo>
                <a:lnTo>
                  <a:pt x="3845" y="24546"/>
                </a:lnTo>
                <a:lnTo>
                  <a:pt x="3798" y="23851"/>
                </a:lnTo>
                <a:lnTo>
                  <a:pt x="3845" y="22416"/>
                </a:lnTo>
                <a:lnTo>
                  <a:pt x="3798" y="21721"/>
                </a:lnTo>
                <a:lnTo>
                  <a:pt x="3752" y="21397"/>
                </a:lnTo>
                <a:lnTo>
                  <a:pt x="3659" y="21073"/>
                </a:lnTo>
                <a:lnTo>
                  <a:pt x="3567" y="20795"/>
                </a:lnTo>
                <a:lnTo>
                  <a:pt x="3428" y="20517"/>
                </a:lnTo>
                <a:lnTo>
                  <a:pt x="3243" y="20285"/>
                </a:lnTo>
                <a:lnTo>
                  <a:pt x="3011" y="20054"/>
                </a:lnTo>
                <a:lnTo>
                  <a:pt x="2965" y="20008"/>
                </a:lnTo>
                <a:lnTo>
                  <a:pt x="2872" y="20054"/>
                </a:lnTo>
                <a:lnTo>
                  <a:pt x="2502" y="20332"/>
                </a:lnTo>
                <a:lnTo>
                  <a:pt x="2224" y="20656"/>
                </a:lnTo>
                <a:lnTo>
                  <a:pt x="1992" y="21026"/>
                </a:lnTo>
                <a:lnTo>
                  <a:pt x="1853" y="21490"/>
                </a:lnTo>
                <a:lnTo>
                  <a:pt x="1761" y="21953"/>
                </a:lnTo>
                <a:lnTo>
                  <a:pt x="1714" y="22416"/>
                </a:lnTo>
                <a:lnTo>
                  <a:pt x="1668" y="22925"/>
                </a:lnTo>
                <a:lnTo>
                  <a:pt x="1668" y="23435"/>
                </a:lnTo>
                <a:lnTo>
                  <a:pt x="1483" y="22694"/>
                </a:lnTo>
                <a:lnTo>
                  <a:pt x="1297" y="21953"/>
                </a:lnTo>
                <a:lnTo>
                  <a:pt x="1020" y="21212"/>
                </a:lnTo>
                <a:lnTo>
                  <a:pt x="742" y="20424"/>
                </a:lnTo>
                <a:lnTo>
                  <a:pt x="695" y="20378"/>
                </a:lnTo>
                <a:lnTo>
                  <a:pt x="603" y="20424"/>
                </a:lnTo>
                <a:lnTo>
                  <a:pt x="371" y="21397"/>
                </a:lnTo>
                <a:lnTo>
                  <a:pt x="232" y="22323"/>
                </a:lnTo>
                <a:lnTo>
                  <a:pt x="93" y="23296"/>
                </a:lnTo>
                <a:lnTo>
                  <a:pt x="1" y="24268"/>
                </a:lnTo>
                <a:lnTo>
                  <a:pt x="1" y="25195"/>
                </a:lnTo>
                <a:lnTo>
                  <a:pt x="1" y="26167"/>
                </a:lnTo>
                <a:lnTo>
                  <a:pt x="47" y="28158"/>
                </a:lnTo>
                <a:lnTo>
                  <a:pt x="140" y="28853"/>
                </a:lnTo>
                <a:lnTo>
                  <a:pt x="186" y="29455"/>
                </a:lnTo>
                <a:lnTo>
                  <a:pt x="325" y="30057"/>
                </a:lnTo>
                <a:lnTo>
                  <a:pt x="510" y="30567"/>
                </a:lnTo>
                <a:lnTo>
                  <a:pt x="788" y="31030"/>
                </a:lnTo>
                <a:lnTo>
                  <a:pt x="1112" y="31493"/>
                </a:lnTo>
                <a:lnTo>
                  <a:pt x="1575" y="31863"/>
                </a:lnTo>
                <a:lnTo>
                  <a:pt x="2177" y="32234"/>
                </a:lnTo>
                <a:lnTo>
                  <a:pt x="2548" y="32419"/>
                </a:lnTo>
                <a:lnTo>
                  <a:pt x="2918" y="32604"/>
                </a:lnTo>
                <a:lnTo>
                  <a:pt x="3752" y="32836"/>
                </a:lnTo>
                <a:lnTo>
                  <a:pt x="4586" y="33021"/>
                </a:lnTo>
                <a:lnTo>
                  <a:pt x="5002" y="33068"/>
                </a:lnTo>
                <a:lnTo>
                  <a:pt x="5419" y="33068"/>
                </a:lnTo>
                <a:lnTo>
                  <a:pt x="5466" y="34503"/>
                </a:lnTo>
                <a:lnTo>
                  <a:pt x="5466" y="35985"/>
                </a:lnTo>
                <a:lnTo>
                  <a:pt x="5466" y="37514"/>
                </a:lnTo>
                <a:lnTo>
                  <a:pt x="5419" y="39042"/>
                </a:lnTo>
                <a:lnTo>
                  <a:pt x="5141" y="45711"/>
                </a:lnTo>
                <a:lnTo>
                  <a:pt x="5002" y="47517"/>
                </a:lnTo>
                <a:lnTo>
                  <a:pt x="4863" y="49370"/>
                </a:lnTo>
                <a:lnTo>
                  <a:pt x="4863" y="50249"/>
                </a:lnTo>
                <a:lnTo>
                  <a:pt x="4863" y="51176"/>
                </a:lnTo>
                <a:lnTo>
                  <a:pt x="4863" y="52056"/>
                </a:lnTo>
                <a:lnTo>
                  <a:pt x="5002" y="52936"/>
                </a:lnTo>
                <a:lnTo>
                  <a:pt x="5095" y="53260"/>
                </a:lnTo>
                <a:lnTo>
                  <a:pt x="5234" y="53538"/>
                </a:lnTo>
                <a:lnTo>
                  <a:pt x="5419" y="53769"/>
                </a:lnTo>
                <a:lnTo>
                  <a:pt x="5697" y="53908"/>
                </a:lnTo>
                <a:lnTo>
                  <a:pt x="5975" y="54001"/>
                </a:lnTo>
                <a:lnTo>
                  <a:pt x="6299" y="54093"/>
                </a:lnTo>
                <a:lnTo>
                  <a:pt x="6948" y="54093"/>
                </a:lnTo>
                <a:lnTo>
                  <a:pt x="7272" y="54047"/>
                </a:lnTo>
                <a:lnTo>
                  <a:pt x="7596" y="53954"/>
                </a:lnTo>
                <a:lnTo>
                  <a:pt x="7874" y="53816"/>
                </a:lnTo>
                <a:lnTo>
                  <a:pt x="8105" y="53677"/>
                </a:lnTo>
                <a:lnTo>
                  <a:pt x="8337" y="53538"/>
                </a:lnTo>
                <a:lnTo>
                  <a:pt x="8476" y="53352"/>
                </a:lnTo>
                <a:lnTo>
                  <a:pt x="8568" y="53121"/>
                </a:lnTo>
                <a:lnTo>
                  <a:pt x="8568" y="52936"/>
                </a:lnTo>
                <a:lnTo>
                  <a:pt x="8754" y="52102"/>
                </a:lnTo>
                <a:lnTo>
                  <a:pt x="8939" y="51315"/>
                </a:lnTo>
                <a:lnTo>
                  <a:pt x="9171" y="49647"/>
                </a:lnTo>
                <a:lnTo>
                  <a:pt x="9310" y="47980"/>
                </a:lnTo>
                <a:lnTo>
                  <a:pt x="9356" y="46267"/>
                </a:lnTo>
                <a:lnTo>
                  <a:pt x="9402" y="42840"/>
                </a:lnTo>
                <a:lnTo>
                  <a:pt x="9448" y="41172"/>
                </a:lnTo>
                <a:lnTo>
                  <a:pt x="9495" y="39551"/>
                </a:lnTo>
                <a:lnTo>
                  <a:pt x="9541" y="38255"/>
                </a:lnTo>
                <a:lnTo>
                  <a:pt x="10282" y="38255"/>
                </a:lnTo>
                <a:lnTo>
                  <a:pt x="10699" y="38162"/>
                </a:lnTo>
                <a:lnTo>
                  <a:pt x="11162" y="38069"/>
                </a:lnTo>
                <a:lnTo>
                  <a:pt x="11579" y="37977"/>
                </a:lnTo>
                <a:lnTo>
                  <a:pt x="11996" y="37838"/>
                </a:lnTo>
                <a:lnTo>
                  <a:pt x="12366" y="37653"/>
                </a:lnTo>
                <a:lnTo>
                  <a:pt x="12737" y="37467"/>
                </a:lnTo>
                <a:lnTo>
                  <a:pt x="13107" y="37236"/>
                </a:lnTo>
                <a:lnTo>
                  <a:pt x="13478" y="36958"/>
                </a:lnTo>
                <a:lnTo>
                  <a:pt x="13802" y="36726"/>
                </a:lnTo>
                <a:lnTo>
                  <a:pt x="14080" y="36402"/>
                </a:lnTo>
                <a:lnTo>
                  <a:pt x="14358" y="36078"/>
                </a:lnTo>
                <a:lnTo>
                  <a:pt x="14635" y="35754"/>
                </a:lnTo>
                <a:lnTo>
                  <a:pt x="14867" y="35383"/>
                </a:lnTo>
                <a:lnTo>
                  <a:pt x="15099" y="34966"/>
                </a:lnTo>
                <a:lnTo>
                  <a:pt x="15284" y="34550"/>
                </a:lnTo>
                <a:lnTo>
                  <a:pt x="15562" y="33901"/>
                </a:lnTo>
                <a:lnTo>
                  <a:pt x="15840" y="33207"/>
                </a:lnTo>
                <a:lnTo>
                  <a:pt x="16303" y="31863"/>
                </a:lnTo>
                <a:lnTo>
                  <a:pt x="17136" y="29085"/>
                </a:lnTo>
                <a:lnTo>
                  <a:pt x="17553" y="27788"/>
                </a:lnTo>
                <a:lnTo>
                  <a:pt x="17970" y="26538"/>
                </a:lnTo>
                <a:lnTo>
                  <a:pt x="18155" y="25889"/>
                </a:lnTo>
                <a:lnTo>
                  <a:pt x="18294" y="25241"/>
                </a:lnTo>
                <a:lnTo>
                  <a:pt x="18433" y="24592"/>
                </a:lnTo>
                <a:lnTo>
                  <a:pt x="18479" y="23898"/>
                </a:lnTo>
                <a:lnTo>
                  <a:pt x="18479" y="23620"/>
                </a:lnTo>
                <a:lnTo>
                  <a:pt x="18433" y="23157"/>
                </a:lnTo>
                <a:lnTo>
                  <a:pt x="18340" y="22601"/>
                </a:lnTo>
                <a:lnTo>
                  <a:pt x="18202" y="21999"/>
                </a:lnTo>
                <a:lnTo>
                  <a:pt x="17970" y="21443"/>
                </a:lnTo>
                <a:lnTo>
                  <a:pt x="17831" y="21212"/>
                </a:lnTo>
                <a:lnTo>
                  <a:pt x="17692" y="21026"/>
                </a:lnTo>
                <a:lnTo>
                  <a:pt x="17507" y="20887"/>
                </a:lnTo>
                <a:lnTo>
                  <a:pt x="17322" y="20795"/>
                </a:lnTo>
                <a:lnTo>
                  <a:pt x="17090" y="20841"/>
                </a:lnTo>
                <a:lnTo>
                  <a:pt x="16858" y="20934"/>
                </a:lnTo>
                <a:lnTo>
                  <a:pt x="16442" y="21212"/>
                </a:lnTo>
                <a:lnTo>
                  <a:pt x="16117" y="21490"/>
                </a:lnTo>
                <a:lnTo>
                  <a:pt x="15886" y="21767"/>
                </a:lnTo>
                <a:lnTo>
                  <a:pt x="15701" y="22092"/>
                </a:lnTo>
                <a:lnTo>
                  <a:pt x="15515" y="22416"/>
                </a:lnTo>
                <a:lnTo>
                  <a:pt x="15423" y="22833"/>
                </a:lnTo>
                <a:lnTo>
                  <a:pt x="15191" y="23759"/>
                </a:lnTo>
                <a:lnTo>
                  <a:pt x="14821" y="25195"/>
                </a:lnTo>
                <a:lnTo>
                  <a:pt x="14404" y="26630"/>
                </a:lnTo>
                <a:lnTo>
                  <a:pt x="13524" y="29502"/>
                </a:lnTo>
                <a:lnTo>
                  <a:pt x="12876" y="31771"/>
                </a:lnTo>
                <a:lnTo>
                  <a:pt x="12505" y="32882"/>
                </a:lnTo>
                <a:lnTo>
                  <a:pt x="12274" y="33438"/>
                </a:lnTo>
                <a:lnTo>
                  <a:pt x="12042" y="33994"/>
                </a:lnTo>
                <a:lnTo>
                  <a:pt x="11857" y="34411"/>
                </a:lnTo>
                <a:lnTo>
                  <a:pt x="11579" y="34781"/>
                </a:lnTo>
                <a:lnTo>
                  <a:pt x="11347" y="35105"/>
                </a:lnTo>
                <a:lnTo>
                  <a:pt x="11069" y="35337"/>
                </a:lnTo>
                <a:lnTo>
                  <a:pt x="10745" y="35568"/>
                </a:lnTo>
                <a:lnTo>
                  <a:pt x="10375" y="35707"/>
                </a:lnTo>
                <a:lnTo>
                  <a:pt x="10004" y="35846"/>
                </a:lnTo>
                <a:lnTo>
                  <a:pt x="9587" y="35939"/>
                </a:lnTo>
                <a:lnTo>
                  <a:pt x="9587" y="33716"/>
                </a:lnTo>
                <a:lnTo>
                  <a:pt x="9495" y="31493"/>
                </a:lnTo>
                <a:lnTo>
                  <a:pt x="9310" y="29270"/>
                </a:lnTo>
                <a:lnTo>
                  <a:pt x="9078" y="27047"/>
                </a:lnTo>
                <a:lnTo>
                  <a:pt x="8985" y="26213"/>
                </a:lnTo>
                <a:lnTo>
                  <a:pt x="8939" y="25426"/>
                </a:lnTo>
                <a:lnTo>
                  <a:pt x="8939" y="24639"/>
                </a:lnTo>
                <a:lnTo>
                  <a:pt x="8985" y="23898"/>
                </a:lnTo>
                <a:lnTo>
                  <a:pt x="9171" y="22369"/>
                </a:lnTo>
                <a:lnTo>
                  <a:pt x="9448" y="20749"/>
                </a:lnTo>
                <a:lnTo>
                  <a:pt x="9587" y="19915"/>
                </a:lnTo>
                <a:lnTo>
                  <a:pt x="9680" y="19128"/>
                </a:lnTo>
                <a:lnTo>
                  <a:pt x="9819" y="17460"/>
                </a:lnTo>
                <a:lnTo>
                  <a:pt x="9865" y="15793"/>
                </a:lnTo>
                <a:lnTo>
                  <a:pt x="9865" y="14126"/>
                </a:lnTo>
                <a:lnTo>
                  <a:pt x="9773" y="10513"/>
                </a:lnTo>
                <a:lnTo>
                  <a:pt x="9634" y="6901"/>
                </a:lnTo>
                <a:lnTo>
                  <a:pt x="9587" y="5234"/>
                </a:lnTo>
                <a:lnTo>
                  <a:pt x="9541" y="4400"/>
                </a:lnTo>
                <a:lnTo>
                  <a:pt x="9448" y="3613"/>
                </a:lnTo>
                <a:lnTo>
                  <a:pt x="9310" y="2779"/>
                </a:lnTo>
                <a:lnTo>
                  <a:pt x="9124" y="1992"/>
                </a:lnTo>
                <a:lnTo>
                  <a:pt x="8846" y="1251"/>
                </a:lnTo>
                <a:lnTo>
                  <a:pt x="8661" y="881"/>
                </a:lnTo>
                <a:lnTo>
                  <a:pt x="8430" y="510"/>
                </a:lnTo>
                <a:lnTo>
                  <a:pt x="8244" y="278"/>
                </a:lnTo>
                <a:lnTo>
                  <a:pt x="8013" y="140"/>
                </a:lnTo>
                <a:lnTo>
                  <a:pt x="7735" y="47"/>
                </a:lnTo>
                <a:lnTo>
                  <a:pt x="7457" y="1"/>
                </a:lnTo>
                <a:close/>
              </a:path>
            </a:pathLst>
          </a:custGeom>
          <a:solidFill>
            <a:schemeClr val="dk1"/>
          </a:solidFill>
          <a:ln>
            <a:noFill/>
          </a:ln>
        </p:spPr>
        <p:txBody>
          <a:bodyPr spcFirstLastPara="1" wrap="square" lIns="203167" tIns="203167" rIns="203167" bIns="203167" anchor="ctr" anchorCtr="0">
            <a:noAutofit/>
          </a:bodyPr>
          <a:lstStyle/>
          <a:p>
            <a:pPr marL="0" lvl="0" indent="0" algn="l" rtl="0">
              <a:spcBef>
                <a:spcPts val="0"/>
              </a:spcBef>
              <a:spcAft>
                <a:spcPts val="0"/>
              </a:spcAft>
              <a:buNone/>
            </a:pPr>
            <a:endParaRPr sz="6000"/>
          </a:p>
        </p:txBody>
      </p:sp>
    </p:spTree>
    <p:extLst>
      <p:ext uri="{BB962C8B-B14F-4D97-AF65-F5344CB8AC3E}">
        <p14:creationId xmlns:p14="http://schemas.microsoft.com/office/powerpoint/2010/main" val="593018821"/>
      </p:ext>
    </p:extLst>
  </p:cSld>
  <p:clrMapOvr>
    <a:masterClrMapping/>
  </p:clrMapOvr>
</p:sldLayout>
</file>

<file path=ppt/slideLayouts/slideLayout88.xml><?xml version="1.0" encoding="utf-8"?>
<p:sldLayout xmlns:a="http://schemas.openxmlformats.org/drawingml/2006/main" xmlns:r="http://schemas.openxmlformats.org/officeDocument/2006/relationships" xmlns:p="http://schemas.openxmlformats.org/presentationml/2006/main" matchingName="Title only" type="titleOnly">
  <p:cSld name="Title only">
    <p:spTree>
      <p:nvGrpSpPr>
        <p:cNvPr id="1" name="Shape 76"/>
        <p:cNvGrpSpPr/>
        <p:nvPr/>
      </p:nvGrpSpPr>
      <p:grpSpPr>
        <a:xfrm>
          <a:off x="0" y="0"/>
          <a:ext cx="0" cy="0"/>
          <a:chOff x="0" y="0"/>
          <a:chExt cx="0" cy="0"/>
        </a:xfrm>
      </p:grpSpPr>
      <p:pic>
        <p:nvPicPr>
          <p:cNvPr id="77" name="Google Shape;77;p6"/>
          <p:cNvPicPr preferRelativeResize="0"/>
          <p:nvPr/>
        </p:nvPicPr>
        <p:blipFill rotWithShape="1">
          <a:blip r:embed="rId2">
            <a:alphaModFix amt="58999"/>
          </a:blip>
          <a:srcRect/>
          <a:stretch/>
        </p:blipFill>
        <p:spPr>
          <a:xfrm>
            <a:off x="0" y="0"/>
            <a:ext cx="20320000" cy="11430000"/>
          </a:xfrm>
          <a:prstGeom prst="rect">
            <a:avLst/>
          </a:prstGeom>
          <a:noFill/>
          <a:ln>
            <a:noFill/>
          </a:ln>
        </p:spPr>
      </p:pic>
      <p:grpSp>
        <p:nvGrpSpPr>
          <p:cNvPr id="78" name="Google Shape;78;p6"/>
          <p:cNvGrpSpPr/>
          <p:nvPr/>
        </p:nvGrpSpPr>
        <p:grpSpPr>
          <a:xfrm>
            <a:off x="921445" y="681333"/>
            <a:ext cx="18477111" cy="481333"/>
            <a:chOff x="414650" y="306600"/>
            <a:chExt cx="8314700" cy="216600"/>
          </a:xfrm>
        </p:grpSpPr>
        <p:grpSp>
          <p:nvGrpSpPr>
            <p:cNvPr id="79" name="Google Shape;79;p6"/>
            <p:cNvGrpSpPr/>
            <p:nvPr/>
          </p:nvGrpSpPr>
          <p:grpSpPr>
            <a:xfrm>
              <a:off x="713281" y="389286"/>
              <a:ext cx="7717437" cy="51251"/>
              <a:chOff x="450050" y="465475"/>
              <a:chExt cx="8367600" cy="51241"/>
            </a:xfrm>
          </p:grpSpPr>
          <p:cxnSp>
            <p:nvCxnSpPr>
              <p:cNvPr id="80" name="Google Shape;80;p6"/>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81" name="Google Shape;81;p6"/>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82" name="Google Shape;82;p6"/>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83" name="Google Shape;83;p6"/>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84" name="Google Shape;84;p6"/>
          <p:cNvSpPr txBox="1">
            <a:spLocks noGrp="1"/>
          </p:cNvSpPr>
          <p:nvPr>
            <p:ph type="title"/>
          </p:nvPr>
        </p:nvSpPr>
        <p:spPr>
          <a:xfrm>
            <a:off x="1600000" y="1158278"/>
            <a:ext cx="17120000" cy="1272667"/>
          </a:xfrm>
          <a:prstGeom prst="rect">
            <a:avLst/>
          </a:prstGeom>
        </p:spPr>
        <p:txBody>
          <a:bodyPr spcFirstLastPara="1" wrap="square" lIns="91425" tIns="91425" rIns="91425" bIns="91425" anchor="t" anchorCtr="0">
            <a:noAutofit/>
          </a:bodyPr>
          <a:lstStyle>
            <a:lvl1pPr lvl="0" rtl="0">
              <a:spcBef>
                <a:spcPts val="0"/>
              </a:spcBef>
              <a:spcAft>
                <a:spcPts val="0"/>
              </a:spcAft>
              <a:buSzPts val="3500"/>
              <a:buNone/>
              <a:defRPr/>
            </a:lvl1pPr>
            <a:lvl2pPr lvl="1" rtl="0">
              <a:spcBef>
                <a:spcPts val="0"/>
              </a:spcBef>
              <a:spcAft>
                <a:spcPts val="0"/>
              </a:spcAft>
              <a:buSzPts val="3500"/>
              <a:buNone/>
              <a:defRPr/>
            </a:lvl2pPr>
            <a:lvl3pPr lvl="2" rtl="0">
              <a:spcBef>
                <a:spcPts val="0"/>
              </a:spcBef>
              <a:spcAft>
                <a:spcPts val="0"/>
              </a:spcAft>
              <a:buSzPts val="3500"/>
              <a:buNone/>
              <a:defRPr/>
            </a:lvl3pPr>
            <a:lvl4pPr lvl="3" rtl="0">
              <a:spcBef>
                <a:spcPts val="0"/>
              </a:spcBef>
              <a:spcAft>
                <a:spcPts val="0"/>
              </a:spcAft>
              <a:buSzPts val="3500"/>
              <a:buNone/>
              <a:defRPr/>
            </a:lvl4pPr>
            <a:lvl5pPr lvl="4" rtl="0">
              <a:spcBef>
                <a:spcPts val="0"/>
              </a:spcBef>
              <a:spcAft>
                <a:spcPts val="0"/>
              </a:spcAft>
              <a:buSzPts val="3500"/>
              <a:buNone/>
              <a:defRPr/>
            </a:lvl5pPr>
            <a:lvl6pPr lvl="5" rtl="0">
              <a:spcBef>
                <a:spcPts val="0"/>
              </a:spcBef>
              <a:spcAft>
                <a:spcPts val="0"/>
              </a:spcAft>
              <a:buSzPts val="3500"/>
              <a:buNone/>
              <a:defRPr/>
            </a:lvl6pPr>
            <a:lvl7pPr lvl="6" rtl="0">
              <a:spcBef>
                <a:spcPts val="0"/>
              </a:spcBef>
              <a:spcAft>
                <a:spcPts val="0"/>
              </a:spcAft>
              <a:buSzPts val="3500"/>
              <a:buNone/>
              <a:defRPr/>
            </a:lvl7pPr>
            <a:lvl8pPr lvl="7" rtl="0">
              <a:spcBef>
                <a:spcPts val="0"/>
              </a:spcBef>
              <a:spcAft>
                <a:spcPts val="0"/>
              </a:spcAft>
              <a:buSzPts val="3500"/>
              <a:buNone/>
              <a:defRPr/>
            </a:lvl8pPr>
            <a:lvl9pPr lvl="8" rtl="0">
              <a:spcBef>
                <a:spcPts val="0"/>
              </a:spcBef>
              <a:spcAft>
                <a:spcPts val="0"/>
              </a:spcAft>
              <a:buSzPts val="3500"/>
              <a:buNone/>
              <a:defRPr/>
            </a:lvl9pPr>
          </a:lstStyle>
          <a:p>
            <a:endParaRPr/>
          </a:p>
        </p:txBody>
      </p:sp>
      <p:grpSp>
        <p:nvGrpSpPr>
          <p:cNvPr id="85" name="Google Shape;85;p6"/>
          <p:cNvGrpSpPr/>
          <p:nvPr/>
        </p:nvGrpSpPr>
        <p:grpSpPr>
          <a:xfrm>
            <a:off x="149722" y="7510085"/>
            <a:ext cx="19642333" cy="3445918"/>
            <a:chOff x="67375" y="3303338"/>
            <a:chExt cx="8839050" cy="1550663"/>
          </a:xfrm>
        </p:grpSpPr>
        <p:sp>
          <p:nvSpPr>
            <p:cNvPr id="86" name="Google Shape;86;p6"/>
            <p:cNvSpPr/>
            <p:nvPr/>
          </p:nvSpPr>
          <p:spPr>
            <a:xfrm>
              <a:off x="67375" y="3303338"/>
              <a:ext cx="462000" cy="1352350"/>
            </a:xfrm>
            <a:custGeom>
              <a:avLst/>
              <a:gdLst/>
              <a:ahLst/>
              <a:cxnLst/>
              <a:rect l="l" t="t" r="r" b="b"/>
              <a:pathLst>
                <a:path w="18480" h="54094" extrusionOk="0">
                  <a:moveTo>
                    <a:pt x="2177" y="27464"/>
                  </a:moveTo>
                  <a:lnTo>
                    <a:pt x="2363" y="27973"/>
                  </a:lnTo>
                  <a:lnTo>
                    <a:pt x="2594" y="28436"/>
                  </a:lnTo>
                  <a:lnTo>
                    <a:pt x="2872" y="28853"/>
                  </a:lnTo>
                  <a:lnTo>
                    <a:pt x="3243" y="29224"/>
                  </a:lnTo>
                  <a:lnTo>
                    <a:pt x="3613" y="29548"/>
                  </a:lnTo>
                  <a:lnTo>
                    <a:pt x="4122" y="29779"/>
                  </a:lnTo>
                  <a:lnTo>
                    <a:pt x="4632" y="30011"/>
                  </a:lnTo>
                  <a:lnTo>
                    <a:pt x="5188" y="30196"/>
                  </a:lnTo>
                  <a:lnTo>
                    <a:pt x="5327" y="31539"/>
                  </a:lnTo>
                  <a:lnTo>
                    <a:pt x="4863" y="31493"/>
                  </a:lnTo>
                  <a:lnTo>
                    <a:pt x="4447" y="31400"/>
                  </a:lnTo>
                  <a:lnTo>
                    <a:pt x="3984" y="31261"/>
                  </a:lnTo>
                  <a:lnTo>
                    <a:pt x="3613" y="31076"/>
                  </a:lnTo>
                  <a:lnTo>
                    <a:pt x="3243" y="30845"/>
                  </a:lnTo>
                  <a:lnTo>
                    <a:pt x="2918" y="30613"/>
                  </a:lnTo>
                  <a:lnTo>
                    <a:pt x="2687" y="30335"/>
                  </a:lnTo>
                  <a:lnTo>
                    <a:pt x="2502" y="30011"/>
                  </a:lnTo>
                  <a:lnTo>
                    <a:pt x="2409" y="29733"/>
                  </a:lnTo>
                  <a:lnTo>
                    <a:pt x="2316" y="29455"/>
                  </a:lnTo>
                  <a:lnTo>
                    <a:pt x="2224" y="28807"/>
                  </a:lnTo>
                  <a:lnTo>
                    <a:pt x="2224" y="28158"/>
                  </a:lnTo>
                  <a:lnTo>
                    <a:pt x="2177" y="27464"/>
                  </a:lnTo>
                  <a:close/>
                  <a:moveTo>
                    <a:pt x="7457" y="1"/>
                  </a:moveTo>
                  <a:lnTo>
                    <a:pt x="7179" y="47"/>
                  </a:lnTo>
                  <a:lnTo>
                    <a:pt x="6901" y="140"/>
                  </a:lnTo>
                  <a:lnTo>
                    <a:pt x="6670" y="278"/>
                  </a:lnTo>
                  <a:lnTo>
                    <a:pt x="6484" y="510"/>
                  </a:lnTo>
                  <a:lnTo>
                    <a:pt x="6299" y="881"/>
                  </a:lnTo>
                  <a:lnTo>
                    <a:pt x="6114" y="1251"/>
                  </a:lnTo>
                  <a:lnTo>
                    <a:pt x="5882" y="2038"/>
                  </a:lnTo>
                  <a:lnTo>
                    <a:pt x="5697" y="2826"/>
                  </a:lnTo>
                  <a:lnTo>
                    <a:pt x="5604" y="3613"/>
                  </a:lnTo>
                  <a:lnTo>
                    <a:pt x="5558" y="4400"/>
                  </a:lnTo>
                  <a:lnTo>
                    <a:pt x="5558" y="5234"/>
                  </a:lnTo>
                  <a:lnTo>
                    <a:pt x="5558" y="6901"/>
                  </a:lnTo>
                  <a:lnTo>
                    <a:pt x="5558" y="10004"/>
                  </a:lnTo>
                  <a:lnTo>
                    <a:pt x="5604" y="13107"/>
                  </a:lnTo>
                  <a:lnTo>
                    <a:pt x="5651" y="14913"/>
                  </a:lnTo>
                  <a:lnTo>
                    <a:pt x="5604" y="16719"/>
                  </a:lnTo>
                  <a:lnTo>
                    <a:pt x="5558" y="18479"/>
                  </a:lnTo>
                  <a:lnTo>
                    <a:pt x="5466" y="19405"/>
                  </a:lnTo>
                  <a:lnTo>
                    <a:pt x="5327" y="20285"/>
                  </a:lnTo>
                  <a:lnTo>
                    <a:pt x="5095" y="21860"/>
                  </a:lnTo>
                  <a:lnTo>
                    <a:pt x="4817" y="23388"/>
                  </a:lnTo>
                  <a:lnTo>
                    <a:pt x="4771" y="24176"/>
                  </a:lnTo>
                  <a:lnTo>
                    <a:pt x="4725" y="24963"/>
                  </a:lnTo>
                  <a:lnTo>
                    <a:pt x="4725" y="25750"/>
                  </a:lnTo>
                  <a:lnTo>
                    <a:pt x="4817" y="26538"/>
                  </a:lnTo>
                  <a:lnTo>
                    <a:pt x="4910" y="27603"/>
                  </a:lnTo>
                  <a:lnTo>
                    <a:pt x="4539" y="27047"/>
                  </a:lnTo>
                  <a:lnTo>
                    <a:pt x="4261" y="26445"/>
                  </a:lnTo>
                  <a:lnTo>
                    <a:pt x="4030" y="25797"/>
                  </a:lnTo>
                  <a:lnTo>
                    <a:pt x="3891" y="25195"/>
                  </a:lnTo>
                  <a:lnTo>
                    <a:pt x="3845" y="24546"/>
                  </a:lnTo>
                  <a:lnTo>
                    <a:pt x="3798" y="23851"/>
                  </a:lnTo>
                  <a:lnTo>
                    <a:pt x="3845" y="22416"/>
                  </a:lnTo>
                  <a:lnTo>
                    <a:pt x="3798" y="21721"/>
                  </a:lnTo>
                  <a:lnTo>
                    <a:pt x="3752" y="21397"/>
                  </a:lnTo>
                  <a:lnTo>
                    <a:pt x="3659" y="21073"/>
                  </a:lnTo>
                  <a:lnTo>
                    <a:pt x="3567" y="20795"/>
                  </a:lnTo>
                  <a:lnTo>
                    <a:pt x="3428" y="20517"/>
                  </a:lnTo>
                  <a:lnTo>
                    <a:pt x="3243" y="20285"/>
                  </a:lnTo>
                  <a:lnTo>
                    <a:pt x="3011" y="20054"/>
                  </a:lnTo>
                  <a:lnTo>
                    <a:pt x="2965" y="20008"/>
                  </a:lnTo>
                  <a:lnTo>
                    <a:pt x="2872" y="20054"/>
                  </a:lnTo>
                  <a:lnTo>
                    <a:pt x="2502" y="20332"/>
                  </a:lnTo>
                  <a:lnTo>
                    <a:pt x="2224" y="20656"/>
                  </a:lnTo>
                  <a:lnTo>
                    <a:pt x="1992" y="21026"/>
                  </a:lnTo>
                  <a:lnTo>
                    <a:pt x="1853" y="21490"/>
                  </a:lnTo>
                  <a:lnTo>
                    <a:pt x="1761" y="21953"/>
                  </a:lnTo>
                  <a:lnTo>
                    <a:pt x="1714" y="22416"/>
                  </a:lnTo>
                  <a:lnTo>
                    <a:pt x="1668" y="22925"/>
                  </a:lnTo>
                  <a:lnTo>
                    <a:pt x="1668" y="23435"/>
                  </a:lnTo>
                  <a:lnTo>
                    <a:pt x="1483" y="22694"/>
                  </a:lnTo>
                  <a:lnTo>
                    <a:pt x="1297" y="21953"/>
                  </a:lnTo>
                  <a:lnTo>
                    <a:pt x="1020" y="21212"/>
                  </a:lnTo>
                  <a:lnTo>
                    <a:pt x="742" y="20424"/>
                  </a:lnTo>
                  <a:lnTo>
                    <a:pt x="695" y="20378"/>
                  </a:lnTo>
                  <a:lnTo>
                    <a:pt x="603" y="20424"/>
                  </a:lnTo>
                  <a:lnTo>
                    <a:pt x="371" y="21397"/>
                  </a:lnTo>
                  <a:lnTo>
                    <a:pt x="232" y="22323"/>
                  </a:lnTo>
                  <a:lnTo>
                    <a:pt x="93" y="23296"/>
                  </a:lnTo>
                  <a:lnTo>
                    <a:pt x="1" y="24268"/>
                  </a:lnTo>
                  <a:lnTo>
                    <a:pt x="1" y="25195"/>
                  </a:lnTo>
                  <a:lnTo>
                    <a:pt x="1" y="26167"/>
                  </a:lnTo>
                  <a:lnTo>
                    <a:pt x="47" y="28158"/>
                  </a:lnTo>
                  <a:lnTo>
                    <a:pt x="140" y="28853"/>
                  </a:lnTo>
                  <a:lnTo>
                    <a:pt x="186" y="29455"/>
                  </a:lnTo>
                  <a:lnTo>
                    <a:pt x="325" y="30057"/>
                  </a:lnTo>
                  <a:lnTo>
                    <a:pt x="510" y="30567"/>
                  </a:lnTo>
                  <a:lnTo>
                    <a:pt x="788" y="31030"/>
                  </a:lnTo>
                  <a:lnTo>
                    <a:pt x="1112" y="31493"/>
                  </a:lnTo>
                  <a:lnTo>
                    <a:pt x="1575" y="31863"/>
                  </a:lnTo>
                  <a:lnTo>
                    <a:pt x="2177" y="32234"/>
                  </a:lnTo>
                  <a:lnTo>
                    <a:pt x="2548" y="32419"/>
                  </a:lnTo>
                  <a:lnTo>
                    <a:pt x="2918" y="32604"/>
                  </a:lnTo>
                  <a:lnTo>
                    <a:pt x="3752" y="32836"/>
                  </a:lnTo>
                  <a:lnTo>
                    <a:pt x="4586" y="33021"/>
                  </a:lnTo>
                  <a:lnTo>
                    <a:pt x="5002" y="33068"/>
                  </a:lnTo>
                  <a:lnTo>
                    <a:pt x="5419" y="33068"/>
                  </a:lnTo>
                  <a:lnTo>
                    <a:pt x="5466" y="34503"/>
                  </a:lnTo>
                  <a:lnTo>
                    <a:pt x="5466" y="35985"/>
                  </a:lnTo>
                  <a:lnTo>
                    <a:pt x="5466" y="37514"/>
                  </a:lnTo>
                  <a:lnTo>
                    <a:pt x="5419" y="39042"/>
                  </a:lnTo>
                  <a:lnTo>
                    <a:pt x="5141" y="45711"/>
                  </a:lnTo>
                  <a:lnTo>
                    <a:pt x="5002" y="47517"/>
                  </a:lnTo>
                  <a:lnTo>
                    <a:pt x="4863" y="49370"/>
                  </a:lnTo>
                  <a:lnTo>
                    <a:pt x="4863" y="50249"/>
                  </a:lnTo>
                  <a:lnTo>
                    <a:pt x="4863" y="51176"/>
                  </a:lnTo>
                  <a:lnTo>
                    <a:pt x="4863" y="52056"/>
                  </a:lnTo>
                  <a:lnTo>
                    <a:pt x="5002" y="52936"/>
                  </a:lnTo>
                  <a:lnTo>
                    <a:pt x="5095" y="53260"/>
                  </a:lnTo>
                  <a:lnTo>
                    <a:pt x="5234" y="53538"/>
                  </a:lnTo>
                  <a:lnTo>
                    <a:pt x="5419" y="53769"/>
                  </a:lnTo>
                  <a:lnTo>
                    <a:pt x="5697" y="53908"/>
                  </a:lnTo>
                  <a:lnTo>
                    <a:pt x="5975" y="54001"/>
                  </a:lnTo>
                  <a:lnTo>
                    <a:pt x="6299" y="54093"/>
                  </a:lnTo>
                  <a:lnTo>
                    <a:pt x="6948" y="54093"/>
                  </a:lnTo>
                  <a:lnTo>
                    <a:pt x="7272" y="54047"/>
                  </a:lnTo>
                  <a:lnTo>
                    <a:pt x="7596" y="53954"/>
                  </a:lnTo>
                  <a:lnTo>
                    <a:pt x="7874" y="53816"/>
                  </a:lnTo>
                  <a:lnTo>
                    <a:pt x="8105" y="53677"/>
                  </a:lnTo>
                  <a:lnTo>
                    <a:pt x="8337" y="53538"/>
                  </a:lnTo>
                  <a:lnTo>
                    <a:pt x="8476" y="53352"/>
                  </a:lnTo>
                  <a:lnTo>
                    <a:pt x="8568" y="53121"/>
                  </a:lnTo>
                  <a:lnTo>
                    <a:pt x="8568" y="52936"/>
                  </a:lnTo>
                  <a:lnTo>
                    <a:pt x="8754" y="52102"/>
                  </a:lnTo>
                  <a:lnTo>
                    <a:pt x="8939" y="51315"/>
                  </a:lnTo>
                  <a:lnTo>
                    <a:pt x="9171" y="49647"/>
                  </a:lnTo>
                  <a:lnTo>
                    <a:pt x="9310" y="47980"/>
                  </a:lnTo>
                  <a:lnTo>
                    <a:pt x="9356" y="46267"/>
                  </a:lnTo>
                  <a:lnTo>
                    <a:pt x="9402" y="42840"/>
                  </a:lnTo>
                  <a:lnTo>
                    <a:pt x="9448" y="41172"/>
                  </a:lnTo>
                  <a:lnTo>
                    <a:pt x="9495" y="39551"/>
                  </a:lnTo>
                  <a:lnTo>
                    <a:pt x="9541" y="38255"/>
                  </a:lnTo>
                  <a:lnTo>
                    <a:pt x="10282" y="38255"/>
                  </a:lnTo>
                  <a:lnTo>
                    <a:pt x="10699" y="38162"/>
                  </a:lnTo>
                  <a:lnTo>
                    <a:pt x="11162" y="38069"/>
                  </a:lnTo>
                  <a:lnTo>
                    <a:pt x="11579" y="37977"/>
                  </a:lnTo>
                  <a:lnTo>
                    <a:pt x="11996" y="37838"/>
                  </a:lnTo>
                  <a:lnTo>
                    <a:pt x="12366" y="37653"/>
                  </a:lnTo>
                  <a:lnTo>
                    <a:pt x="12737" y="37467"/>
                  </a:lnTo>
                  <a:lnTo>
                    <a:pt x="13107" y="37236"/>
                  </a:lnTo>
                  <a:lnTo>
                    <a:pt x="13478" y="36958"/>
                  </a:lnTo>
                  <a:lnTo>
                    <a:pt x="13802" y="36726"/>
                  </a:lnTo>
                  <a:lnTo>
                    <a:pt x="14080" y="36402"/>
                  </a:lnTo>
                  <a:lnTo>
                    <a:pt x="14358" y="36078"/>
                  </a:lnTo>
                  <a:lnTo>
                    <a:pt x="14635" y="35754"/>
                  </a:lnTo>
                  <a:lnTo>
                    <a:pt x="14867" y="35383"/>
                  </a:lnTo>
                  <a:lnTo>
                    <a:pt x="15099" y="34966"/>
                  </a:lnTo>
                  <a:lnTo>
                    <a:pt x="15284" y="34550"/>
                  </a:lnTo>
                  <a:lnTo>
                    <a:pt x="15562" y="33901"/>
                  </a:lnTo>
                  <a:lnTo>
                    <a:pt x="15840" y="33207"/>
                  </a:lnTo>
                  <a:lnTo>
                    <a:pt x="16303" y="31863"/>
                  </a:lnTo>
                  <a:lnTo>
                    <a:pt x="17136" y="29085"/>
                  </a:lnTo>
                  <a:lnTo>
                    <a:pt x="17553" y="27788"/>
                  </a:lnTo>
                  <a:lnTo>
                    <a:pt x="17970" y="26538"/>
                  </a:lnTo>
                  <a:lnTo>
                    <a:pt x="18155" y="25889"/>
                  </a:lnTo>
                  <a:lnTo>
                    <a:pt x="18294" y="25241"/>
                  </a:lnTo>
                  <a:lnTo>
                    <a:pt x="18433" y="24592"/>
                  </a:lnTo>
                  <a:lnTo>
                    <a:pt x="18479" y="23898"/>
                  </a:lnTo>
                  <a:lnTo>
                    <a:pt x="18479" y="23620"/>
                  </a:lnTo>
                  <a:lnTo>
                    <a:pt x="18433" y="23157"/>
                  </a:lnTo>
                  <a:lnTo>
                    <a:pt x="18340" y="22601"/>
                  </a:lnTo>
                  <a:lnTo>
                    <a:pt x="18202" y="21999"/>
                  </a:lnTo>
                  <a:lnTo>
                    <a:pt x="17970" y="21443"/>
                  </a:lnTo>
                  <a:lnTo>
                    <a:pt x="17831" y="21212"/>
                  </a:lnTo>
                  <a:lnTo>
                    <a:pt x="17692" y="21026"/>
                  </a:lnTo>
                  <a:lnTo>
                    <a:pt x="17507" y="20887"/>
                  </a:lnTo>
                  <a:lnTo>
                    <a:pt x="17322" y="20795"/>
                  </a:lnTo>
                  <a:lnTo>
                    <a:pt x="17090" y="20841"/>
                  </a:lnTo>
                  <a:lnTo>
                    <a:pt x="16858" y="20934"/>
                  </a:lnTo>
                  <a:lnTo>
                    <a:pt x="16442" y="21212"/>
                  </a:lnTo>
                  <a:lnTo>
                    <a:pt x="16117" y="21490"/>
                  </a:lnTo>
                  <a:lnTo>
                    <a:pt x="15886" y="21767"/>
                  </a:lnTo>
                  <a:lnTo>
                    <a:pt x="15701" y="22092"/>
                  </a:lnTo>
                  <a:lnTo>
                    <a:pt x="15515" y="22416"/>
                  </a:lnTo>
                  <a:lnTo>
                    <a:pt x="15423" y="22833"/>
                  </a:lnTo>
                  <a:lnTo>
                    <a:pt x="15191" y="23759"/>
                  </a:lnTo>
                  <a:lnTo>
                    <a:pt x="14821" y="25195"/>
                  </a:lnTo>
                  <a:lnTo>
                    <a:pt x="14404" y="26630"/>
                  </a:lnTo>
                  <a:lnTo>
                    <a:pt x="13524" y="29502"/>
                  </a:lnTo>
                  <a:lnTo>
                    <a:pt x="12876" y="31771"/>
                  </a:lnTo>
                  <a:lnTo>
                    <a:pt x="12505" y="32882"/>
                  </a:lnTo>
                  <a:lnTo>
                    <a:pt x="12274" y="33438"/>
                  </a:lnTo>
                  <a:lnTo>
                    <a:pt x="12042" y="33994"/>
                  </a:lnTo>
                  <a:lnTo>
                    <a:pt x="11857" y="34411"/>
                  </a:lnTo>
                  <a:lnTo>
                    <a:pt x="11579" y="34781"/>
                  </a:lnTo>
                  <a:lnTo>
                    <a:pt x="11347" y="35105"/>
                  </a:lnTo>
                  <a:lnTo>
                    <a:pt x="11069" y="35337"/>
                  </a:lnTo>
                  <a:lnTo>
                    <a:pt x="10745" y="35568"/>
                  </a:lnTo>
                  <a:lnTo>
                    <a:pt x="10375" y="35707"/>
                  </a:lnTo>
                  <a:lnTo>
                    <a:pt x="10004" y="35846"/>
                  </a:lnTo>
                  <a:lnTo>
                    <a:pt x="9587" y="35939"/>
                  </a:lnTo>
                  <a:lnTo>
                    <a:pt x="9587" y="33716"/>
                  </a:lnTo>
                  <a:lnTo>
                    <a:pt x="9495" y="31493"/>
                  </a:lnTo>
                  <a:lnTo>
                    <a:pt x="9310" y="29270"/>
                  </a:lnTo>
                  <a:lnTo>
                    <a:pt x="9078" y="27047"/>
                  </a:lnTo>
                  <a:lnTo>
                    <a:pt x="8985" y="26213"/>
                  </a:lnTo>
                  <a:lnTo>
                    <a:pt x="8939" y="25426"/>
                  </a:lnTo>
                  <a:lnTo>
                    <a:pt x="8939" y="24639"/>
                  </a:lnTo>
                  <a:lnTo>
                    <a:pt x="8985" y="23898"/>
                  </a:lnTo>
                  <a:lnTo>
                    <a:pt x="9171" y="22369"/>
                  </a:lnTo>
                  <a:lnTo>
                    <a:pt x="9448" y="20749"/>
                  </a:lnTo>
                  <a:lnTo>
                    <a:pt x="9587" y="19915"/>
                  </a:lnTo>
                  <a:lnTo>
                    <a:pt x="9680" y="19128"/>
                  </a:lnTo>
                  <a:lnTo>
                    <a:pt x="9819" y="17460"/>
                  </a:lnTo>
                  <a:lnTo>
                    <a:pt x="9865" y="15793"/>
                  </a:lnTo>
                  <a:lnTo>
                    <a:pt x="9865" y="14126"/>
                  </a:lnTo>
                  <a:lnTo>
                    <a:pt x="9773" y="10513"/>
                  </a:lnTo>
                  <a:lnTo>
                    <a:pt x="9634" y="6901"/>
                  </a:lnTo>
                  <a:lnTo>
                    <a:pt x="9587" y="5234"/>
                  </a:lnTo>
                  <a:lnTo>
                    <a:pt x="9541" y="4400"/>
                  </a:lnTo>
                  <a:lnTo>
                    <a:pt x="9448" y="3613"/>
                  </a:lnTo>
                  <a:lnTo>
                    <a:pt x="9310" y="2779"/>
                  </a:lnTo>
                  <a:lnTo>
                    <a:pt x="9124" y="1992"/>
                  </a:lnTo>
                  <a:lnTo>
                    <a:pt x="8846" y="1251"/>
                  </a:lnTo>
                  <a:lnTo>
                    <a:pt x="8661" y="881"/>
                  </a:lnTo>
                  <a:lnTo>
                    <a:pt x="8430" y="510"/>
                  </a:lnTo>
                  <a:lnTo>
                    <a:pt x="8244" y="278"/>
                  </a:lnTo>
                  <a:lnTo>
                    <a:pt x="8013" y="140"/>
                  </a:lnTo>
                  <a:lnTo>
                    <a:pt x="7735" y="47"/>
                  </a:lnTo>
                  <a:lnTo>
                    <a:pt x="7457" y="1"/>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87" name="Google Shape;87;p6"/>
            <p:cNvSpPr/>
            <p:nvPr/>
          </p:nvSpPr>
          <p:spPr>
            <a:xfrm>
              <a:off x="8614625" y="3872150"/>
              <a:ext cx="291800" cy="981850"/>
            </a:xfrm>
            <a:custGeom>
              <a:avLst/>
              <a:gdLst/>
              <a:ahLst/>
              <a:cxnLst/>
              <a:rect l="l" t="t" r="r" b="b"/>
              <a:pathLst>
                <a:path w="11672" h="39274" extrusionOk="0">
                  <a:moveTo>
                    <a:pt x="6253" y="1"/>
                  </a:moveTo>
                  <a:lnTo>
                    <a:pt x="6068" y="47"/>
                  </a:lnTo>
                  <a:lnTo>
                    <a:pt x="5929" y="140"/>
                  </a:lnTo>
                  <a:lnTo>
                    <a:pt x="5558" y="603"/>
                  </a:lnTo>
                  <a:lnTo>
                    <a:pt x="5327" y="1112"/>
                  </a:lnTo>
                  <a:lnTo>
                    <a:pt x="5141" y="1622"/>
                  </a:lnTo>
                  <a:lnTo>
                    <a:pt x="5002" y="2177"/>
                  </a:lnTo>
                  <a:lnTo>
                    <a:pt x="4910" y="2733"/>
                  </a:lnTo>
                  <a:lnTo>
                    <a:pt x="4863" y="3289"/>
                  </a:lnTo>
                  <a:lnTo>
                    <a:pt x="4817" y="4447"/>
                  </a:lnTo>
                  <a:lnTo>
                    <a:pt x="4771" y="6855"/>
                  </a:lnTo>
                  <a:lnTo>
                    <a:pt x="4725" y="9263"/>
                  </a:lnTo>
                  <a:lnTo>
                    <a:pt x="4771" y="11903"/>
                  </a:lnTo>
                  <a:lnTo>
                    <a:pt x="4817" y="14543"/>
                  </a:lnTo>
                  <a:lnTo>
                    <a:pt x="4586" y="14172"/>
                  </a:lnTo>
                  <a:lnTo>
                    <a:pt x="4447" y="13755"/>
                  </a:lnTo>
                  <a:lnTo>
                    <a:pt x="4308" y="13339"/>
                  </a:lnTo>
                  <a:lnTo>
                    <a:pt x="4215" y="12922"/>
                  </a:lnTo>
                  <a:lnTo>
                    <a:pt x="4169" y="12459"/>
                  </a:lnTo>
                  <a:lnTo>
                    <a:pt x="4076" y="11533"/>
                  </a:lnTo>
                  <a:lnTo>
                    <a:pt x="4030" y="10699"/>
                  </a:lnTo>
                  <a:lnTo>
                    <a:pt x="4076" y="10189"/>
                  </a:lnTo>
                  <a:lnTo>
                    <a:pt x="4076" y="9680"/>
                  </a:lnTo>
                  <a:lnTo>
                    <a:pt x="4030" y="8661"/>
                  </a:lnTo>
                  <a:lnTo>
                    <a:pt x="3798" y="6670"/>
                  </a:lnTo>
                  <a:lnTo>
                    <a:pt x="3752" y="5605"/>
                  </a:lnTo>
                  <a:lnTo>
                    <a:pt x="3659" y="4586"/>
                  </a:lnTo>
                  <a:lnTo>
                    <a:pt x="3613" y="4076"/>
                  </a:lnTo>
                  <a:lnTo>
                    <a:pt x="3520" y="3567"/>
                  </a:lnTo>
                  <a:lnTo>
                    <a:pt x="3381" y="3057"/>
                  </a:lnTo>
                  <a:lnTo>
                    <a:pt x="3150" y="2594"/>
                  </a:lnTo>
                  <a:lnTo>
                    <a:pt x="3104" y="2502"/>
                  </a:lnTo>
                  <a:lnTo>
                    <a:pt x="3011" y="2409"/>
                  </a:lnTo>
                  <a:lnTo>
                    <a:pt x="2826" y="2363"/>
                  </a:lnTo>
                  <a:lnTo>
                    <a:pt x="2594" y="2455"/>
                  </a:lnTo>
                  <a:lnTo>
                    <a:pt x="2548" y="2502"/>
                  </a:lnTo>
                  <a:lnTo>
                    <a:pt x="2455" y="2594"/>
                  </a:lnTo>
                  <a:lnTo>
                    <a:pt x="2224" y="3104"/>
                  </a:lnTo>
                  <a:lnTo>
                    <a:pt x="2038" y="3613"/>
                  </a:lnTo>
                  <a:lnTo>
                    <a:pt x="1946" y="4169"/>
                  </a:lnTo>
                  <a:lnTo>
                    <a:pt x="1853" y="4725"/>
                  </a:lnTo>
                  <a:lnTo>
                    <a:pt x="1853" y="5280"/>
                  </a:lnTo>
                  <a:lnTo>
                    <a:pt x="1853" y="5836"/>
                  </a:lnTo>
                  <a:lnTo>
                    <a:pt x="1899" y="6994"/>
                  </a:lnTo>
                  <a:lnTo>
                    <a:pt x="1992" y="8105"/>
                  </a:lnTo>
                  <a:lnTo>
                    <a:pt x="2131" y="9171"/>
                  </a:lnTo>
                  <a:lnTo>
                    <a:pt x="2177" y="10421"/>
                  </a:lnTo>
                  <a:lnTo>
                    <a:pt x="2270" y="11625"/>
                  </a:lnTo>
                  <a:lnTo>
                    <a:pt x="2455" y="12737"/>
                  </a:lnTo>
                  <a:lnTo>
                    <a:pt x="2548" y="13292"/>
                  </a:lnTo>
                  <a:lnTo>
                    <a:pt x="2687" y="13802"/>
                  </a:lnTo>
                  <a:lnTo>
                    <a:pt x="2872" y="14265"/>
                  </a:lnTo>
                  <a:lnTo>
                    <a:pt x="3057" y="14682"/>
                  </a:lnTo>
                  <a:lnTo>
                    <a:pt x="3289" y="15052"/>
                  </a:lnTo>
                  <a:lnTo>
                    <a:pt x="3567" y="15376"/>
                  </a:lnTo>
                  <a:lnTo>
                    <a:pt x="3845" y="15654"/>
                  </a:lnTo>
                  <a:lnTo>
                    <a:pt x="4169" y="15886"/>
                  </a:lnTo>
                  <a:lnTo>
                    <a:pt x="4493" y="16025"/>
                  </a:lnTo>
                  <a:lnTo>
                    <a:pt x="4863" y="16071"/>
                  </a:lnTo>
                  <a:lnTo>
                    <a:pt x="5002" y="18850"/>
                  </a:lnTo>
                  <a:lnTo>
                    <a:pt x="5049" y="19545"/>
                  </a:lnTo>
                  <a:lnTo>
                    <a:pt x="4910" y="19591"/>
                  </a:lnTo>
                  <a:lnTo>
                    <a:pt x="4586" y="19730"/>
                  </a:lnTo>
                  <a:lnTo>
                    <a:pt x="4261" y="19730"/>
                  </a:lnTo>
                  <a:lnTo>
                    <a:pt x="3984" y="19683"/>
                  </a:lnTo>
                  <a:lnTo>
                    <a:pt x="3752" y="19545"/>
                  </a:lnTo>
                  <a:lnTo>
                    <a:pt x="3520" y="19359"/>
                  </a:lnTo>
                  <a:lnTo>
                    <a:pt x="3289" y="19128"/>
                  </a:lnTo>
                  <a:lnTo>
                    <a:pt x="3104" y="18804"/>
                  </a:lnTo>
                  <a:lnTo>
                    <a:pt x="2965" y="18479"/>
                  </a:lnTo>
                  <a:lnTo>
                    <a:pt x="2687" y="17692"/>
                  </a:lnTo>
                  <a:lnTo>
                    <a:pt x="2455" y="16812"/>
                  </a:lnTo>
                  <a:lnTo>
                    <a:pt x="2316" y="15886"/>
                  </a:lnTo>
                  <a:lnTo>
                    <a:pt x="2224" y="15052"/>
                  </a:lnTo>
                  <a:lnTo>
                    <a:pt x="2224" y="14033"/>
                  </a:lnTo>
                  <a:lnTo>
                    <a:pt x="2177" y="13061"/>
                  </a:lnTo>
                  <a:lnTo>
                    <a:pt x="1992" y="11069"/>
                  </a:lnTo>
                  <a:lnTo>
                    <a:pt x="1899" y="9958"/>
                  </a:lnTo>
                  <a:lnTo>
                    <a:pt x="1807" y="9402"/>
                  </a:lnTo>
                  <a:lnTo>
                    <a:pt x="1714" y="8893"/>
                  </a:lnTo>
                  <a:lnTo>
                    <a:pt x="1529" y="8383"/>
                  </a:lnTo>
                  <a:lnTo>
                    <a:pt x="1344" y="7874"/>
                  </a:lnTo>
                  <a:lnTo>
                    <a:pt x="1066" y="7364"/>
                  </a:lnTo>
                  <a:lnTo>
                    <a:pt x="742" y="6901"/>
                  </a:lnTo>
                  <a:lnTo>
                    <a:pt x="649" y="6809"/>
                  </a:lnTo>
                  <a:lnTo>
                    <a:pt x="556" y="6762"/>
                  </a:lnTo>
                  <a:lnTo>
                    <a:pt x="417" y="6762"/>
                  </a:lnTo>
                  <a:lnTo>
                    <a:pt x="279" y="6809"/>
                  </a:lnTo>
                  <a:lnTo>
                    <a:pt x="186" y="6855"/>
                  </a:lnTo>
                  <a:lnTo>
                    <a:pt x="93" y="6948"/>
                  </a:lnTo>
                  <a:lnTo>
                    <a:pt x="47" y="7087"/>
                  </a:lnTo>
                  <a:lnTo>
                    <a:pt x="1" y="7179"/>
                  </a:lnTo>
                  <a:lnTo>
                    <a:pt x="47" y="8430"/>
                  </a:lnTo>
                  <a:lnTo>
                    <a:pt x="140" y="9634"/>
                  </a:lnTo>
                  <a:lnTo>
                    <a:pt x="232" y="10838"/>
                  </a:lnTo>
                  <a:lnTo>
                    <a:pt x="325" y="12088"/>
                  </a:lnTo>
                  <a:lnTo>
                    <a:pt x="371" y="13153"/>
                  </a:lnTo>
                  <a:lnTo>
                    <a:pt x="464" y="14265"/>
                  </a:lnTo>
                  <a:lnTo>
                    <a:pt x="510" y="15284"/>
                  </a:lnTo>
                  <a:lnTo>
                    <a:pt x="603" y="16256"/>
                  </a:lnTo>
                  <a:lnTo>
                    <a:pt x="742" y="17275"/>
                  </a:lnTo>
                  <a:lnTo>
                    <a:pt x="834" y="17738"/>
                  </a:lnTo>
                  <a:lnTo>
                    <a:pt x="973" y="18201"/>
                  </a:lnTo>
                  <a:lnTo>
                    <a:pt x="1066" y="18572"/>
                  </a:lnTo>
                  <a:lnTo>
                    <a:pt x="1205" y="18896"/>
                  </a:lnTo>
                  <a:lnTo>
                    <a:pt x="1575" y="19498"/>
                  </a:lnTo>
                  <a:lnTo>
                    <a:pt x="2038" y="20054"/>
                  </a:lnTo>
                  <a:lnTo>
                    <a:pt x="2270" y="20332"/>
                  </a:lnTo>
                  <a:lnTo>
                    <a:pt x="2548" y="20563"/>
                  </a:lnTo>
                  <a:lnTo>
                    <a:pt x="2826" y="20749"/>
                  </a:lnTo>
                  <a:lnTo>
                    <a:pt x="3104" y="20934"/>
                  </a:lnTo>
                  <a:lnTo>
                    <a:pt x="3428" y="21073"/>
                  </a:lnTo>
                  <a:lnTo>
                    <a:pt x="3752" y="21165"/>
                  </a:lnTo>
                  <a:lnTo>
                    <a:pt x="4076" y="21258"/>
                  </a:lnTo>
                  <a:lnTo>
                    <a:pt x="4771" y="21258"/>
                  </a:lnTo>
                  <a:lnTo>
                    <a:pt x="5095" y="21212"/>
                  </a:lnTo>
                  <a:lnTo>
                    <a:pt x="5141" y="23388"/>
                  </a:lnTo>
                  <a:lnTo>
                    <a:pt x="5141" y="25519"/>
                  </a:lnTo>
                  <a:lnTo>
                    <a:pt x="5188" y="29872"/>
                  </a:lnTo>
                  <a:lnTo>
                    <a:pt x="5188" y="32049"/>
                  </a:lnTo>
                  <a:lnTo>
                    <a:pt x="5234" y="34179"/>
                  </a:lnTo>
                  <a:lnTo>
                    <a:pt x="5327" y="36356"/>
                  </a:lnTo>
                  <a:lnTo>
                    <a:pt x="5466" y="38533"/>
                  </a:lnTo>
                  <a:lnTo>
                    <a:pt x="5512" y="38672"/>
                  </a:lnTo>
                  <a:lnTo>
                    <a:pt x="5558" y="38857"/>
                  </a:lnTo>
                  <a:lnTo>
                    <a:pt x="5697" y="38949"/>
                  </a:lnTo>
                  <a:lnTo>
                    <a:pt x="5836" y="39088"/>
                  </a:lnTo>
                  <a:lnTo>
                    <a:pt x="6021" y="39135"/>
                  </a:lnTo>
                  <a:lnTo>
                    <a:pt x="6207" y="39227"/>
                  </a:lnTo>
                  <a:lnTo>
                    <a:pt x="6577" y="39274"/>
                  </a:lnTo>
                  <a:lnTo>
                    <a:pt x="6994" y="39227"/>
                  </a:lnTo>
                  <a:lnTo>
                    <a:pt x="7179" y="39135"/>
                  </a:lnTo>
                  <a:lnTo>
                    <a:pt x="7318" y="39088"/>
                  </a:lnTo>
                  <a:lnTo>
                    <a:pt x="7457" y="38949"/>
                  </a:lnTo>
                  <a:lnTo>
                    <a:pt x="7596" y="38857"/>
                  </a:lnTo>
                  <a:lnTo>
                    <a:pt x="7642" y="38718"/>
                  </a:lnTo>
                  <a:lnTo>
                    <a:pt x="7689" y="38533"/>
                  </a:lnTo>
                  <a:lnTo>
                    <a:pt x="7689" y="36587"/>
                  </a:lnTo>
                  <a:lnTo>
                    <a:pt x="7596" y="34642"/>
                  </a:lnTo>
                  <a:lnTo>
                    <a:pt x="7411" y="30798"/>
                  </a:lnTo>
                  <a:lnTo>
                    <a:pt x="7179" y="26955"/>
                  </a:lnTo>
                  <a:lnTo>
                    <a:pt x="6948" y="23111"/>
                  </a:lnTo>
                  <a:lnTo>
                    <a:pt x="6948" y="23111"/>
                  </a:lnTo>
                  <a:lnTo>
                    <a:pt x="7225" y="23157"/>
                  </a:lnTo>
                  <a:lnTo>
                    <a:pt x="7828" y="23157"/>
                  </a:lnTo>
                  <a:lnTo>
                    <a:pt x="8152" y="23111"/>
                  </a:lnTo>
                  <a:lnTo>
                    <a:pt x="8430" y="23018"/>
                  </a:lnTo>
                  <a:lnTo>
                    <a:pt x="8707" y="22879"/>
                  </a:lnTo>
                  <a:lnTo>
                    <a:pt x="9217" y="22555"/>
                  </a:lnTo>
                  <a:lnTo>
                    <a:pt x="9726" y="22184"/>
                  </a:lnTo>
                  <a:lnTo>
                    <a:pt x="10143" y="21721"/>
                  </a:lnTo>
                  <a:lnTo>
                    <a:pt x="10514" y="21165"/>
                  </a:lnTo>
                  <a:lnTo>
                    <a:pt x="10792" y="20656"/>
                  </a:lnTo>
                  <a:lnTo>
                    <a:pt x="11116" y="19730"/>
                  </a:lnTo>
                  <a:lnTo>
                    <a:pt x="11394" y="18757"/>
                  </a:lnTo>
                  <a:lnTo>
                    <a:pt x="11579" y="17785"/>
                  </a:lnTo>
                  <a:lnTo>
                    <a:pt x="11671" y="16766"/>
                  </a:lnTo>
                  <a:lnTo>
                    <a:pt x="11671" y="15747"/>
                  </a:lnTo>
                  <a:lnTo>
                    <a:pt x="11625" y="15237"/>
                  </a:lnTo>
                  <a:lnTo>
                    <a:pt x="11533" y="14728"/>
                  </a:lnTo>
                  <a:lnTo>
                    <a:pt x="11440" y="14265"/>
                  </a:lnTo>
                  <a:lnTo>
                    <a:pt x="11301" y="13755"/>
                  </a:lnTo>
                  <a:lnTo>
                    <a:pt x="11162" y="13339"/>
                  </a:lnTo>
                  <a:lnTo>
                    <a:pt x="10977" y="12876"/>
                  </a:lnTo>
                  <a:lnTo>
                    <a:pt x="10884" y="12783"/>
                  </a:lnTo>
                  <a:lnTo>
                    <a:pt x="10792" y="12690"/>
                  </a:lnTo>
                  <a:lnTo>
                    <a:pt x="10653" y="12644"/>
                  </a:lnTo>
                  <a:lnTo>
                    <a:pt x="10560" y="12690"/>
                  </a:lnTo>
                  <a:lnTo>
                    <a:pt x="10421" y="12690"/>
                  </a:lnTo>
                  <a:lnTo>
                    <a:pt x="10328" y="12783"/>
                  </a:lnTo>
                  <a:lnTo>
                    <a:pt x="10236" y="12876"/>
                  </a:lnTo>
                  <a:lnTo>
                    <a:pt x="10189" y="12968"/>
                  </a:lnTo>
                  <a:lnTo>
                    <a:pt x="10004" y="13524"/>
                  </a:lnTo>
                  <a:lnTo>
                    <a:pt x="9912" y="14033"/>
                  </a:lnTo>
                  <a:lnTo>
                    <a:pt x="9726" y="15099"/>
                  </a:lnTo>
                  <a:lnTo>
                    <a:pt x="9448" y="17229"/>
                  </a:lnTo>
                  <a:lnTo>
                    <a:pt x="9263" y="18433"/>
                  </a:lnTo>
                  <a:lnTo>
                    <a:pt x="9078" y="19128"/>
                  </a:lnTo>
                  <a:lnTo>
                    <a:pt x="8846" y="19822"/>
                  </a:lnTo>
                  <a:lnTo>
                    <a:pt x="8707" y="20054"/>
                  </a:lnTo>
                  <a:lnTo>
                    <a:pt x="8569" y="20286"/>
                  </a:lnTo>
                  <a:lnTo>
                    <a:pt x="8383" y="20471"/>
                  </a:lnTo>
                  <a:lnTo>
                    <a:pt x="8198" y="20610"/>
                  </a:lnTo>
                  <a:lnTo>
                    <a:pt x="7920" y="20702"/>
                  </a:lnTo>
                  <a:lnTo>
                    <a:pt x="7689" y="20749"/>
                  </a:lnTo>
                  <a:lnTo>
                    <a:pt x="7364" y="20749"/>
                  </a:lnTo>
                  <a:lnTo>
                    <a:pt x="6994" y="20702"/>
                  </a:lnTo>
                  <a:lnTo>
                    <a:pt x="6855" y="20656"/>
                  </a:lnTo>
                  <a:lnTo>
                    <a:pt x="6809" y="18850"/>
                  </a:lnTo>
                  <a:lnTo>
                    <a:pt x="6809" y="17877"/>
                  </a:lnTo>
                  <a:lnTo>
                    <a:pt x="7225" y="17831"/>
                  </a:lnTo>
                  <a:lnTo>
                    <a:pt x="7550" y="17738"/>
                  </a:lnTo>
                  <a:lnTo>
                    <a:pt x="7874" y="17599"/>
                  </a:lnTo>
                  <a:lnTo>
                    <a:pt x="8105" y="17414"/>
                  </a:lnTo>
                  <a:lnTo>
                    <a:pt x="8337" y="17229"/>
                  </a:lnTo>
                  <a:lnTo>
                    <a:pt x="8476" y="17044"/>
                  </a:lnTo>
                  <a:lnTo>
                    <a:pt x="8615" y="16812"/>
                  </a:lnTo>
                  <a:lnTo>
                    <a:pt x="8754" y="16534"/>
                  </a:lnTo>
                  <a:lnTo>
                    <a:pt x="8893" y="16349"/>
                  </a:lnTo>
                  <a:lnTo>
                    <a:pt x="9032" y="16117"/>
                  </a:lnTo>
                  <a:lnTo>
                    <a:pt x="9217" y="15562"/>
                  </a:lnTo>
                  <a:lnTo>
                    <a:pt x="9356" y="15006"/>
                  </a:lnTo>
                  <a:lnTo>
                    <a:pt x="9402" y="14404"/>
                  </a:lnTo>
                  <a:lnTo>
                    <a:pt x="9448" y="13061"/>
                  </a:lnTo>
                  <a:lnTo>
                    <a:pt x="9819" y="11394"/>
                  </a:lnTo>
                  <a:lnTo>
                    <a:pt x="9912" y="10560"/>
                  </a:lnTo>
                  <a:lnTo>
                    <a:pt x="10004" y="9726"/>
                  </a:lnTo>
                  <a:lnTo>
                    <a:pt x="10004" y="8893"/>
                  </a:lnTo>
                  <a:lnTo>
                    <a:pt x="9912" y="8059"/>
                  </a:lnTo>
                  <a:lnTo>
                    <a:pt x="9819" y="7642"/>
                  </a:lnTo>
                  <a:lnTo>
                    <a:pt x="9726" y="7225"/>
                  </a:lnTo>
                  <a:lnTo>
                    <a:pt x="9541" y="6809"/>
                  </a:lnTo>
                  <a:lnTo>
                    <a:pt x="9356" y="6392"/>
                  </a:lnTo>
                  <a:lnTo>
                    <a:pt x="9263" y="6299"/>
                  </a:lnTo>
                  <a:lnTo>
                    <a:pt x="9171" y="6207"/>
                  </a:lnTo>
                  <a:lnTo>
                    <a:pt x="8939" y="6207"/>
                  </a:lnTo>
                  <a:lnTo>
                    <a:pt x="8846" y="6253"/>
                  </a:lnTo>
                  <a:lnTo>
                    <a:pt x="8707" y="6299"/>
                  </a:lnTo>
                  <a:lnTo>
                    <a:pt x="8661" y="6392"/>
                  </a:lnTo>
                  <a:lnTo>
                    <a:pt x="8569" y="6531"/>
                  </a:lnTo>
                  <a:lnTo>
                    <a:pt x="8383" y="7179"/>
                  </a:lnTo>
                  <a:lnTo>
                    <a:pt x="8198" y="7920"/>
                  </a:lnTo>
                  <a:lnTo>
                    <a:pt x="8059" y="8661"/>
                  </a:lnTo>
                  <a:lnTo>
                    <a:pt x="7966" y="9448"/>
                  </a:lnTo>
                  <a:lnTo>
                    <a:pt x="7828" y="10977"/>
                  </a:lnTo>
                  <a:lnTo>
                    <a:pt x="7735" y="12459"/>
                  </a:lnTo>
                  <a:lnTo>
                    <a:pt x="7689" y="13014"/>
                  </a:lnTo>
                  <a:lnTo>
                    <a:pt x="7735" y="13570"/>
                  </a:lnTo>
                  <a:lnTo>
                    <a:pt x="7735" y="14126"/>
                  </a:lnTo>
                  <a:lnTo>
                    <a:pt x="7735" y="14404"/>
                  </a:lnTo>
                  <a:lnTo>
                    <a:pt x="7689" y="14682"/>
                  </a:lnTo>
                  <a:lnTo>
                    <a:pt x="7550" y="15099"/>
                  </a:lnTo>
                  <a:lnTo>
                    <a:pt x="7318" y="15423"/>
                  </a:lnTo>
                  <a:lnTo>
                    <a:pt x="7087" y="15654"/>
                  </a:lnTo>
                  <a:lnTo>
                    <a:pt x="6809" y="15886"/>
                  </a:lnTo>
                  <a:lnTo>
                    <a:pt x="6809" y="12551"/>
                  </a:lnTo>
                  <a:lnTo>
                    <a:pt x="6855" y="9263"/>
                  </a:lnTo>
                  <a:lnTo>
                    <a:pt x="6948" y="6670"/>
                  </a:lnTo>
                  <a:lnTo>
                    <a:pt x="7087" y="4076"/>
                  </a:lnTo>
                  <a:lnTo>
                    <a:pt x="7133" y="3057"/>
                  </a:lnTo>
                  <a:lnTo>
                    <a:pt x="7179" y="2548"/>
                  </a:lnTo>
                  <a:lnTo>
                    <a:pt x="7133" y="2038"/>
                  </a:lnTo>
                  <a:lnTo>
                    <a:pt x="7087" y="1529"/>
                  </a:lnTo>
                  <a:lnTo>
                    <a:pt x="6994" y="1066"/>
                  </a:lnTo>
                  <a:lnTo>
                    <a:pt x="6809" y="603"/>
                  </a:lnTo>
                  <a:lnTo>
                    <a:pt x="6531" y="140"/>
                  </a:lnTo>
                  <a:lnTo>
                    <a:pt x="6438" y="47"/>
                  </a:lnTo>
                  <a:lnTo>
                    <a:pt x="6253" y="1"/>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grpSp>
        <p:nvGrpSpPr>
          <p:cNvPr id="88" name="Google Shape;88;p6"/>
          <p:cNvGrpSpPr/>
          <p:nvPr/>
        </p:nvGrpSpPr>
        <p:grpSpPr>
          <a:xfrm>
            <a:off x="0" y="10231186"/>
            <a:ext cx="20320000" cy="1227891"/>
            <a:chOff x="0" y="4611433"/>
            <a:chExt cx="9144000" cy="552551"/>
          </a:xfrm>
        </p:grpSpPr>
        <p:sp>
          <p:nvSpPr>
            <p:cNvPr id="89" name="Google Shape;89;p6"/>
            <p:cNvSpPr/>
            <p:nvPr/>
          </p:nvSpPr>
          <p:spPr>
            <a:xfrm>
              <a:off x="0" y="4611433"/>
              <a:ext cx="9144000" cy="532075"/>
            </a:xfrm>
            <a:custGeom>
              <a:avLst/>
              <a:gdLst/>
              <a:ahLst/>
              <a:cxnLst/>
              <a:rect l="l" t="t" r="r" b="b"/>
              <a:pathLst>
                <a:path w="285750" h="81326" extrusionOk="0">
                  <a:moveTo>
                    <a:pt x="84150" y="1"/>
                  </a:moveTo>
                  <a:lnTo>
                    <a:pt x="83270" y="47"/>
                  </a:lnTo>
                  <a:lnTo>
                    <a:pt x="82437" y="186"/>
                  </a:lnTo>
                  <a:lnTo>
                    <a:pt x="80723" y="464"/>
                  </a:lnTo>
                  <a:lnTo>
                    <a:pt x="78917" y="835"/>
                  </a:lnTo>
                  <a:lnTo>
                    <a:pt x="77111" y="1205"/>
                  </a:lnTo>
                  <a:lnTo>
                    <a:pt x="75258" y="1668"/>
                  </a:lnTo>
                  <a:lnTo>
                    <a:pt x="73359" y="2178"/>
                  </a:lnTo>
                  <a:lnTo>
                    <a:pt x="71414" y="2687"/>
                  </a:lnTo>
                  <a:lnTo>
                    <a:pt x="67478" y="3845"/>
                  </a:lnTo>
                  <a:lnTo>
                    <a:pt x="63402" y="5095"/>
                  </a:lnTo>
                  <a:lnTo>
                    <a:pt x="59280" y="6438"/>
                  </a:lnTo>
                  <a:lnTo>
                    <a:pt x="51037" y="9217"/>
                  </a:lnTo>
                  <a:lnTo>
                    <a:pt x="46961" y="10606"/>
                  </a:lnTo>
                  <a:lnTo>
                    <a:pt x="42932" y="11950"/>
                  </a:lnTo>
                  <a:lnTo>
                    <a:pt x="39042" y="13154"/>
                  </a:lnTo>
                  <a:lnTo>
                    <a:pt x="35290" y="14265"/>
                  </a:lnTo>
                  <a:lnTo>
                    <a:pt x="33484" y="14775"/>
                  </a:lnTo>
                  <a:lnTo>
                    <a:pt x="31724" y="15238"/>
                  </a:lnTo>
                  <a:lnTo>
                    <a:pt x="30011" y="15655"/>
                  </a:lnTo>
                  <a:lnTo>
                    <a:pt x="28390" y="16025"/>
                  </a:lnTo>
                  <a:lnTo>
                    <a:pt x="26815" y="16349"/>
                  </a:lnTo>
                  <a:lnTo>
                    <a:pt x="25287" y="16627"/>
                  </a:lnTo>
                  <a:lnTo>
                    <a:pt x="23851" y="16812"/>
                  </a:lnTo>
                  <a:lnTo>
                    <a:pt x="22462" y="16951"/>
                  </a:lnTo>
                  <a:lnTo>
                    <a:pt x="19868" y="17183"/>
                  </a:lnTo>
                  <a:lnTo>
                    <a:pt x="17414" y="17368"/>
                  </a:lnTo>
                  <a:lnTo>
                    <a:pt x="15098" y="17646"/>
                  </a:lnTo>
                  <a:lnTo>
                    <a:pt x="12921" y="17878"/>
                  </a:lnTo>
                  <a:lnTo>
                    <a:pt x="9077" y="18433"/>
                  </a:lnTo>
                  <a:lnTo>
                    <a:pt x="5882" y="18896"/>
                  </a:lnTo>
                  <a:lnTo>
                    <a:pt x="3335" y="19360"/>
                  </a:lnTo>
                  <a:lnTo>
                    <a:pt x="1528" y="19730"/>
                  </a:lnTo>
                  <a:lnTo>
                    <a:pt x="0" y="20101"/>
                  </a:lnTo>
                  <a:lnTo>
                    <a:pt x="0" y="81325"/>
                  </a:lnTo>
                  <a:lnTo>
                    <a:pt x="285750" y="81325"/>
                  </a:lnTo>
                  <a:lnTo>
                    <a:pt x="285750" y="16951"/>
                  </a:lnTo>
                  <a:lnTo>
                    <a:pt x="281906" y="16396"/>
                  </a:lnTo>
                  <a:lnTo>
                    <a:pt x="277460" y="15793"/>
                  </a:lnTo>
                  <a:lnTo>
                    <a:pt x="271578" y="15006"/>
                  </a:lnTo>
                  <a:lnTo>
                    <a:pt x="264492" y="14173"/>
                  </a:lnTo>
                  <a:lnTo>
                    <a:pt x="256388" y="13339"/>
                  </a:lnTo>
                  <a:lnTo>
                    <a:pt x="252034" y="12922"/>
                  </a:lnTo>
                  <a:lnTo>
                    <a:pt x="247496" y="12505"/>
                  </a:lnTo>
                  <a:lnTo>
                    <a:pt x="242818" y="12135"/>
                  </a:lnTo>
                  <a:lnTo>
                    <a:pt x="238002" y="11811"/>
                  </a:lnTo>
                  <a:lnTo>
                    <a:pt x="233139" y="11486"/>
                  </a:lnTo>
                  <a:lnTo>
                    <a:pt x="228137" y="11255"/>
                  </a:lnTo>
                  <a:lnTo>
                    <a:pt x="223135" y="11023"/>
                  </a:lnTo>
                  <a:lnTo>
                    <a:pt x="218133" y="10931"/>
                  </a:lnTo>
                  <a:lnTo>
                    <a:pt x="213132" y="10838"/>
                  </a:lnTo>
                  <a:lnTo>
                    <a:pt x="208130" y="10838"/>
                  </a:lnTo>
                  <a:lnTo>
                    <a:pt x="203221" y="10977"/>
                  </a:lnTo>
                  <a:lnTo>
                    <a:pt x="198404" y="11162"/>
                  </a:lnTo>
                  <a:lnTo>
                    <a:pt x="196042" y="11301"/>
                  </a:lnTo>
                  <a:lnTo>
                    <a:pt x="193680" y="11440"/>
                  </a:lnTo>
                  <a:lnTo>
                    <a:pt x="191365" y="11625"/>
                  </a:lnTo>
                  <a:lnTo>
                    <a:pt x="189141" y="11857"/>
                  </a:lnTo>
                  <a:lnTo>
                    <a:pt x="186918" y="12088"/>
                  </a:lnTo>
                  <a:lnTo>
                    <a:pt x="184695" y="12366"/>
                  </a:lnTo>
                  <a:lnTo>
                    <a:pt x="182565" y="12691"/>
                  </a:lnTo>
                  <a:lnTo>
                    <a:pt x="180527" y="13015"/>
                  </a:lnTo>
                  <a:lnTo>
                    <a:pt x="178490" y="13385"/>
                  </a:lnTo>
                  <a:lnTo>
                    <a:pt x="176498" y="13756"/>
                  </a:lnTo>
                  <a:lnTo>
                    <a:pt x="174599" y="14219"/>
                  </a:lnTo>
                  <a:lnTo>
                    <a:pt x="172747" y="14682"/>
                  </a:lnTo>
                  <a:lnTo>
                    <a:pt x="170987" y="15191"/>
                  </a:lnTo>
                  <a:lnTo>
                    <a:pt x="169273" y="15747"/>
                  </a:lnTo>
                  <a:lnTo>
                    <a:pt x="167652" y="16349"/>
                  </a:lnTo>
                  <a:lnTo>
                    <a:pt x="166124" y="16951"/>
                  </a:lnTo>
                  <a:lnTo>
                    <a:pt x="164596" y="17553"/>
                  </a:lnTo>
                  <a:lnTo>
                    <a:pt x="163114" y="18109"/>
                  </a:lnTo>
                  <a:lnTo>
                    <a:pt x="161585" y="18572"/>
                  </a:lnTo>
                  <a:lnTo>
                    <a:pt x="160057" y="18989"/>
                  </a:lnTo>
                  <a:lnTo>
                    <a:pt x="158529" y="19360"/>
                  </a:lnTo>
                  <a:lnTo>
                    <a:pt x="157047" y="19637"/>
                  </a:lnTo>
                  <a:lnTo>
                    <a:pt x="155518" y="19869"/>
                  </a:lnTo>
                  <a:lnTo>
                    <a:pt x="153990" y="20054"/>
                  </a:lnTo>
                  <a:lnTo>
                    <a:pt x="152508" y="20193"/>
                  </a:lnTo>
                  <a:lnTo>
                    <a:pt x="150980" y="20286"/>
                  </a:lnTo>
                  <a:lnTo>
                    <a:pt x="147969" y="20286"/>
                  </a:lnTo>
                  <a:lnTo>
                    <a:pt x="146487" y="20193"/>
                  </a:lnTo>
                  <a:lnTo>
                    <a:pt x="144959" y="20101"/>
                  </a:lnTo>
                  <a:lnTo>
                    <a:pt x="143477" y="19915"/>
                  </a:lnTo>
                  <a:lnTo>
                    <a:pt x="141995" y="19730"/>
                  </a:lnTo>
                  <a:lnTo>
                    <a:pt x="140513" y="19498"/>
                  </a:lnTo>
                  <a:lnTo>
                    <a:pt x="139031" y="19221"/>
                  </a:lnTo>
                  <a:lnTo>
                    <a:pt x="137549" y="18896"/>
                  </a:lnTo>
                  <a:lnTo>
                    <a:pt x="136067" y="18572"/>
                  </a:lnTo>
                  <a:lnTo>
                    <a:pt x="134585" y="18202"/>
                  </a:lnTo>
                  <a:lnTo>
                    <a:pt x="133149" y="17831"/>
                  </a:lnTo>
                  <a:lnTo>
                    <a:pt x="130232" y="16951"/>
                  </a:lnTo>
                  <a:lnTo>
                    <a:pt x="127360" y="15979"/>
                  </a:lnTo>
                  <a:lnTo>
                    <a:pt x="124535" y="14914"/>
                  </a:lnTo>
                  <a:lnTo>
                    <a:pt x="121710" y="13802"/>
                  </a:lnTo>
                  <a:lnTo>
                    <a:pt x="118931" y="12644"/>
                  </a:lnTo>
                  <a:lnTo>
                    <a:pt x="116245" y="11440"/>
                  </a:lnTo>
                  <a:lnTo>
                    <a:pt x="113559" y="10236"/>
                  </a:lnTo>
                  <a:lnTo>
                    <a:pt x="108326" y="7874"/>
                  </a:lnTo>
                  <a:lnTo>
                    <a:pt x="103324" y="5558"/>
                  </a:lnTo>
                  <a:lnTo>
                    <a:pt x="100916" y="4493"/>
                  </a:lnTo>
                  <a:lnTo>
                    <a:pt x="98554" y="3521"/>
                  </a:lnTo>
                  <a:lnTo>
                    <a:pt x="96284" y="2641"/>
                  </a:lnTo>
                  <a:lnTo>
                    <a:pt x="94061" y="1853"/>
                  </a:lnTo>
                  <a:lnTo>
                    <a:pt x="91931" y="1159"/>
                  </a:lnTo>
                  <a:lnTo>
                    <a:pt x="90912" y="881"/>
                  </a:lnTo>
                  <a:lnTo>
                    <a:pt x="89893" y="649"/>
                  </a:lnTo>
                  <a:lnTo>
                    <a:pt x="88874" y="418"/>
                  </a:lnTo>
                  <a:lnTo>
                    <a:pt x="87902" y="279"/>
                  </a:lnTo>
                  <a:lnTo>
                    <a:pt x="86929" y="140"/>
                  </a:lnTo>
                  <a:lnTo>
                    <a:pt x="86003" y="47"/>
                  </a:lnTo>
                  <a:lnTo>
                    <a:pt x="85077" y="1"/>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90" name="Google Shape;90;p6"/>
            <p:cNvSpPr/>
            <p:nvPr/>
          </p:nvSpPr>
          <p:spPr>
            <a:xfrm>
              <a:off x="0" y="4631855"/>
              <a:ext cx="9143916" cy="532129"/>
            </a:xfrm>
            <a:custGeom>
              <a:avLst/>
              <a:gdLst/>
              <a:ahLst/>
              <a:cxnLst/>
              <a:rect l="l" t="t" r="r" b="b"/>
              <a:pathLst>
                <a:path w="285057" h="22555" extrusionOk="0">
                  <a:moveTo>
                    <a:pt x="1" y="0"/>
                  </a:moveTo>
                  <a:lnTo>
                    <a:pt x="1" y="22554"/>
                  </a:lnTo>
                  <a:lnTo>
                    <a:pt x="285056" y="22554"/>
                  </a:lnTo>
                  <a:lnTo>
                    <a:pt x="285056" y="16904"/>
                  </a:lnTo>
                  <a:lnTo>
                    <a:pt x="281860" y="16673"/>
                  </a:lnTo>
                  <a:lnTo>
                    <a:pt x="273246" y="16117"/>
                  </a:lnTo>
                  <a:lnTo>
                    <a:pt x="267365" y="15654"/>
                  </a:lnTo>
                  <a:lnTo>
                    <a:pt x="260695" y="15144"/>
                  </a:lnTo>
                  <a:lnTo>
                    <a:pt x="253424" y="14496"/>
                  </a:lnTo>
                  <a:lnTo>
                    <a:pt x="245736" y="13801"/>
                  </a:lnTo>
                  <a:lnTo>
                    <a:pt x="237771" y="12968"/>
                  </a:lnTo>
                  <a:lnTo>
                    <a:pt x="229759" y="12088"/>
                  </a:lnTo>
                  <a:lnTo>
                    <a:pt x="225822" y="11625"/>
                  </a:lnTo>
                  <a:lnTo>
                    <a:pt x="221885" y="11115"/>
                  </a:lnTo>
                  <a:lnTo>
                    <a:pt x="218088" y="10606"/>
                  </a:lnTo>
                  <a:lnTo>
                    <a:pt x="214336" y="10050"/>
                  </a:lnTo>
                  <a:lnTo>
                    <a:pt x="210770" y="9494"/>
                  </a:lnTo>
                  <a:lnTo>
                    <a:pt x="207297" y="8892"/>
                  </a:lnTo>
                  <a:lnTo>
                    <a:pt x="204009" y="8290"/>
                  </a:lnTo>
                  <a:lnTo>
                    <a:pt x="200952" y="7688"/>
                  </a:lnTo>
                  <a:lnTo>
                    <a:pt x="198081" y="7040"/>
                  </a:lnTo>
                  <a:lnTo>
                    <a:pt x="195441" y="6391"/>
                  </a:lnTo>
                  <a:lnTo>
                    <a:pt x="193079" y="5697"/>
                  </a:lnTo>
                  <a:lnTo>
                    <a:pt x="192014" y="5326"/>
                  </a:lnTo>
                  <a:lnTo>
                    <a:pt x="190995" y="5002"/>
                  </a:lnTo>
                  <a:lnTo>
                    <a:pt x="190022" y="4632"/>
                  </a:lnTo>
                  <a:lnTo>
                    <a:pt x="189096" y="4354"/>
                  </a:lnTo>
                  <a:lnTo>
                    <a:pt x="188123" y="4030"/>
                  </a:lnTo>
                  <a:lnTo>
                    <a:pt x="187151" y="3798"/>
                  </a:lnTo>
                  <a:lnTo>
                    <a:pt x="186132" y="3566"/>
                  </a:lnTo>
                  <a:lnTo>
                    <a:pt x="185159" y="3381"/>
                  </a:lnTo>
                  <a:lnTo>
                    <a:pt x="183214" y="3057"/>
                  </a:lnTo>
                  <a:lnTo>
                    <a:pt x="181223" y="2872"/>
                  </a:lnTo>
                  <a:lnTo>
                    <a:pt x="179231" y="2733"/>
                  </a:lnTo>
                  <a:lnTo>
                    <a:pt x="177193" y="2733"/>
                  </a:lnTo>
                  <a:lnTo>
                    <a:pt x="175156" y="2779"/>
                  </a:lnTo>
                  <a:lnTo>
                    <a:pt x="173118" y="2918"/>
                  </a:lnTo>
                  <a:lnTo>
                    <a:pt x="171034" y="3103"/>
                  </a:lnTo>
                  <a:lnTo>
                    <a:pt x="168996" y="3381"/>
                  </a:lnTo>
                  <a:lnTo>
                    <a:pt x="166866" y="3705"/>
                  </a:lnTo>
                  <a:lnTo>
                    <a:pt x="164735" y="4076"/>
                  </a:lnTo>
                  <a:lnTo>
                    <a:pt x="162605" y="4493"/>
                  </a:lnTo>
                  <a:lnTo>
                    <a:pt x="160475" y="4956"/>
                  </a:lnTo>
                  <a:lnTo>
                    <a:pt x="158298" y="5465"/>
                  </a:lnTo>
                  <a:lnTo>
                    <a:pt x="153852" y="6484"/>
                  </a:lnTo>
                  <a:lnTo>
                    <a:pt x="149359" y="7596"/>
                  </a:lnTo>
                  <a:lnTo>
                    <a:pt x="144775" y="8707"/>
                  </a:lnTo>
                  <a:lnTo>
                    <a:pt x="140097" y="9772"/>
                  </a:lnTo>
                  <a:lnTo>
                    <a:pt x="137735" y="10282"/>
                  </a:lnTo>
                  <a:lnTo>
                    <a:pt x="135327" y="10745"/>
                  </a:lnTo>
                  <a:lnTo>
                    <a:pt x="132918" y="11162"/>
                  </a:lnTo>
                  <a:lnTo>
                    <a:pt x="130464" y="11532"/>
                  </a:lnTo>
                  <a:lnTo>
                    <a:pt x="127963" y="11903"/>
                  </a:lnTo>
                  <a:lnTo>
                    <a:pt x="125462" y="12180"/>
                  </a:lnTo>
                  <a:lnTo>
                    <a:pt x="122961" y="12366"/>
                  </a:lnTo>
                  <a:lnTo>
                    <a:pt x="120414" y="12505"/>
                  </a:lnTo>
                  <a:lnTo>
                    <a:pt x="117635" y="12597"/>
                  </a:lnTo>
                  <a:lnTo>
                    <a:pt x="114532" y="12597"/>
                  </a:lnTo>
                  <a:lnTo>
                    <a:pt x="111105" y="12505"/>
                  </a:lnTo>
                  <a:lnTo>
                    <a:pt x="107354" y="12319"/>
                  </a:lnTo>
                  <a:lnTo>
                    <a:pt x="103371" y="12088"/>
                  </a:lnTo>
                  <a:lnTo>
                    <a:pt x="99110" y="11810"/>
                  </a:lnTo>
                  <a:lnTo>
                    <a:pt x="94664" y="11486"/>
                  </a:lnTo>
                  <a:lnTo>
                    <a:pt x="90033" y="11069"/>
                  </a:lnTo>
                  <a:lnTo>
                    <a:pt x="85263" y="10606"/>
                  </a:lnTo>
                  <a:lnTo>
                    <a:pt x="80353" y="10143"/>
                  </a:lnTo>
                  <a:lnTo>
                    <a:pt x="70257" y="9078"/>
                  </a:lnTo>
                  <a:lnTo>
                    <a:pt x="60068" y="7920"/>
                  </a:lnTo>
                  <a:lnTo>
                    <a:pt x="49926" y="6716"/>
                  </a:lnTo>
                  <a:lnTo>
                    <a:pt x="40108" y="5465"/>
                  </a:lnTo>
                  <a:lnTo>
                    <a:pt x="30891" y="4261"/>
                  </a:lnTo>
                  <a:lnTo>
                    <a:pt x="22416" y="3150"/>
                  </a:lnTo>
                  <a:lnTo>
                    <a:pt x="14960" y="2131"/>
                  </a:lnTo>
                  <a:lnTo>
                    <a:pt x="4076" y="602"/>
                  </a:lnTo>
                  <a:lnTo>
                    <a:pt x="1" y="0"/>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Tree>
    <p:extLst>
      <p:ext uri="{BB962C8B-B14F-4D97-AF65-F5344CB8AC3E}">
        <p14:creationId xmlns:p14="http://schemas.microsoft.com/office/powerpoint/2010/main" val="3189416459"/>
      </p:ext>
    </p:extLst>
  </p:cSld>
  <p:clrMapOvr>
    <a:masterClrMapping/>
  </p:clrMapOvr>
</p:sldLayout>
</file>

<file path=ppt/slideLayouts/slideLayout89.xml><?xml version="1.0" encoding="utf-8"?>
<p:sldLayout xmlns:a="http://schemas.openxmlformats.org/drawingml/2006/main" xmlns:r="http://schemas.openxmlformats.org/officeDocument/2006/relationships" xmlns:p="http://schemas.openxmlformats.org/presentationml/2006/main" matchingName="One column text">
  <p:cSld name="One column text">
    <p:spTree>
      <p:nvGrpSpPr>
        <p:cNvPr id="1" name="Shape 91"/>
        <p:cNvGrpSpPr/>
        <p:nvPr/>
      </p:nvGrpSpPr>
      <p:grpSpPr>
        <a:xfrm>
          <a:off x="0" y="0"/>
          <a:ext cx="0" cy="0"/>
          <a:chOff x="0" y="0"/>
          <a:chExt cx="0" cy="0"/>
        </a:xfrm>
      </p:grpSpPr>
      <p:pic>
        <p:nvPicPr>
          <p:cNvPr id="92" name="Google Shape;92;p7"/>
          <p:cNvPicPr preferRelativeResize="0"/>
          <p:nvPr/>
        </p:nvPicPr>
        <p:blipFill rotWithShape="1">
          <a:blip r:embed="rId2">
            <a:alphaModFix amt="58999"/>
          </a:blip>
          <a:srcRect/>
          <a:stretch/>
        </p:blipFill>
        <p:spPr>
          <a:xfrm>
            <a:off x="0" y="0"/>
            <a:ext cx="20320000" cy="11430000"/>
          </a:xfrm>
          <a:prstGeom prst="rect">
            <a:avLst/>
          </a:prstGeom>
          <a:noFill/>
          <a:ln>
            <a:noFill/>
          </a:ln>
        </p:spPr>
      </p:pic>
      <p:sp>
        <p:nvSpPr>
          <p:cNvPr id="93" name="Google Shape;93;p7"/>
          <p:cNvSpPr txBox="1">
            <a:spLocks noGrp="1"/>
          </p:cNvSpPr>
          <p:nvPr>
            <p:ph type="title"/>
          </p:nvPr>
        </p:nvSpPr>
        <p:spPr>
          <a:xfrm>
            <a:off x="1600000" y="1158278"/>
            <a:ext cx="17135333" cy="1272667"/>
          </a:xfrm>
          <a:prstGeom prst="rect">
            <a:avLst/>
          </a:prstGeom>
        </p:spPr>
        <p:txBody>
          <a:bodyPr spcFirstLastPara="1" wrap="square" lIns="91425" tIns="91425" rIns="91425" bIns="91425" anchor="t" anchorCtr="0">
            <a:noAutofit/>
          </a:bodyPr>
          <a:lstStyle>
            <a:lvl1pPr lvl="0" rtl="0">
              <a:spcBef>
                <a:spcPts val="0"/>
              </a:spcBef>
              <a:spcAft>
                <a:spcPts val="0"/>
              </a:spcAft>
              <a:buSzPts val="3500"/>
              <a:buNone/>
              <a:defRPr/>
            </a:lvl1pPr>
            <a:lvl2pPr lvl="1" rtl="0">
              <a:spcBef>
                <a:spcPts val="0"/>
              </a:spcBef>
              <a:spcAft>
                <a:spcPts val="0"/>
              </a:spcAft>
              <a:buSzPts val="3500"/>
              <a:buNone/>
              <a:defRPr/>
            </a:lvl2pPr>
            <a:lvl3pPr lvl="2" rtl="0">
              <a:spcBef>
                <a:spcPts val="0"/>
              </a:spcBef>
              <a:spcAft>
                <a:spcPts val="0"/>
              </a:spcAft>
              <a:buSzPts val="3500"/>
              <a:buNone/>
              <a:defRPr/>
            </a:lvl3pPr>
            <a:lvl4pPr lvl="3" rtl="0">
              <a:spcBef>
                <a:spcPts val="0"/>
              </a:spcBef>
              <a:spcAft>
                <a:spcPts val="0"/>
              </a:spcAft>
              <a:buSzPts val="3500"/>
              <a:buNone/>
              <a:defRPr/>
            </a:lvl4pPr>
            <a:lvl5pPr lvl="4" rtl="0">
              <a:spcBef>
                <a:spcPts val="0"/>
              </a:spcBef>
              <a:spcAft>
                <a:spcPts val="0"/>
              </a:spcAft>
              <a:buSzPts val="3500"/>
              <a:buNone/>
              <a:defRPr/>
            </a:lvl5pPr>
            <a:lvl6pPr lvl="5" rtl="0">
              <a:spcBef>
                <a:spcPts val="0"/>
              </a:spcBef>
              <a:spcAft>
                <a:spcPts val="0"/>
              </a:spcAft>
              <a:buSzPts val="3500"/>
              <a:buNone/>
              <a:defRPr/>
            </a:lvl6pPr>
            <a:lvl7pPr lvl="6" rtl="0">
              <a:spcBef>
                <a:spcPts val="0"/>
              </a:spcBef>
              <a:spcAft>
                <a:spcPts val="0"/>
              </a:spcAft>
              <a:buSzPts val="3500"/>
              <a:buNone/>
              <a:defRPr/>
            </a:lvl7pPr>
            <a:lvl8pPr lvl="7" rtl="0">
              <a:spcBef>
                <a:spcPts val="0"/>
              </a:spcBef>
              <a:spcAft>
                <a:spcPts val="0"/>
              </a:spcAft>
              <a:buSzPts val="3500"/>
              <a:buNone/>
              <a:defRPr/>
            </a:lvl8pPr>
            <a:lvl9pPr lvl="8" rtl="0">
              <a:spcBef>
                <a:spcPts val="0"/>
              </a:spcBef>
              <a:spcAft>
                <a:spcPts val="0"/>
              </a:spcAft>
              <a:buSzPts val="3500"/>
              <a:buNone/>
              <a:defRPr/>
            </a:lvl9pPr>
          </a:lstStyle>
          <a:p>
            <a:endParaRPr/>
          </a:p>
        </p:txBody>
      </p:sp>
      <p:sp>
        <p:nvSpPr>
          <p:cNvPr id="94" name="Google Shape;94;p7"/>
          <p:cNvSpPr txBox="1">
            <a:spLocks noGrp="1"/>
          </p:cNvSpPr>
          <p:nvPr>
            <p:ph type="subTitle" idx="1"/>
          </p:nvPr>
        </p:nvSpPr>
        <p:spPr>
          <a:xfrm>
            <a:off x="1584944" y="4080445"/>
            <a:ext cx="9042667" cy="4249333"/>
          </a:xfrm>
          <a:prstGeom prst="rect">
            <a:avLst/>
          </a:prstGeom>
        </p:spPr>
        <p:txBody>
          <a:bodyPr spcFirstLastPara="1" wrap="square" lIns="91425" tIns="91425" rIns="91425" bIns="91425" anchor="t" anchorCtr="0">
            <a:noAutofit/>
          </a:bodyPr>
          <a:lstStyle>
            <a:lvl1pPr lvl="0" rtl="0">
              <a:lnSpc>
                <a:spcPct val="100000"/>
              </a:lnSpc>
              <a:spcBef>
                <a:spcPts val="0"/>
              </a:spcBef>
              <a:spcAft>
                <a:spcPts val="0"/>
              </a:spcAft>
              <a:buClr>
                <a:schemeClr val="dk2"/>
              </a:buClr>
              <a:buSzPts val="1600"/>
              <a:buFont typeface="Nunito Light"/>
              <a:buChar char="●"/>
              <a:defRPr/>
            </a:lvl1pPr>
            <a:lvl2pPr lvl="1" algn="ctr" rtl="0">
              <a:lnSpc>
                <a:spcPct val="100000"/>
              </a:lnSpc>
              <a:spcBef>
                <a:spcPts val="0"/>
              </a:spcBef>
              <a:spcAft>
                <a:spcPts val="0"/>
              </a:spcAft>
              <a:buClr>
                <a:srgbClr val="E76A28"/>
              </a:buClr>
              <a:buSzPts val="1600"/>
              <a:buFont typeface="Nunito Light"/>
              <a:buChar char="○"/>
              <a:defRPr/>
            </a:lvl2pPr>
            <a:lvl3pPr lvl="2" algn="ctr" rtl="0">
              <a:lnSpc>
                <a:spcPct val="100000"/>
              </a:lnSpc>
              <a:spcBef>
                <a:spcPts val="3556"/>
              </a:spcBef>
              <a:spcAft>
                <a:spcPts val="0"/>
              </a:spcAft>
              <a:buClr>
                <a:srgbClr val="E76A28"/>
              </a:buClr>
              <a:buSzPts val="1500"/>
              <a:buFont typeface="Nunito Light"/>
              <a:buChar char="■"/>
              <a:defRPr/>
            </a:lvl3pPr>
            <a:lvl4pPr lvl="3" algn="ctr" rtl="0">
              <a:lnSpc>
                <a:spcPct val="100000"/>
              </a:lnSpc>
              <a:spcBef>
                <a:spcPts val="3556"/>
              </a:spcBef>
              <a:spcAft>
                <a:spcPts val="0"/>
              </a:spcAft>
              <a:buClr>
                <a:srgbClr val="E76A28"/>
              </a:buClr>
              <a:buSzPts val="1500"/>
              <a:buFont typeface="Nunito Light"/>
              <a:buChar char="●"/>
              <a:defRPr/>
            </a:lvl4pPr>
            <a:lvl5pPr lvl="4" algn="ctr" rtl="0">
              <a:lnSpc>
                <a:spcPct val="100000"/>
              </a:lnSpc>
              <a:spcBef>
                <a:spcPts val="3556"/>
              </a:spcBef>
              <a:spcAft>
                <a:spcPts val="0"/>
              </a:spcAft>
              <a:buClr>
                <a:srgbClr val="E76A28"/>
              </a:buClr>
              <a:buSzPts val="1400"/>
              <a:buFont typeface="Nunito Light"/>
              <a:buChar char="○"/>
              <a:defRPr/>
            </a:lvl5pPr>
            <a:lvl6pPr lvl="5" algn="ctr" rtl="0">
              <a:lnSpc>
                <a:spcPct val="100000"/>
              </a:lnSpc>
              <a:spcBef>
                <a:spcPts val="3556"/>
              </a:spcBef>
              <a:spcAft>
                <a:spcPts val="0"/>
              </a:spcAft>
              <a:buClr>
                <a:srgbClr val="999999"/>
              </a:buClr>
              <a:buSzPts val="1400"/>
              <a:buFont typeface="Nunito Light"/>
              <a:buChar char="■"/>
              <a:defRPr/>
            </a:lvl6pPr>
            <a:lvl7pPr lvl="6" algn="ctr" rtl="0">
              <a:lnSpc>
                <a:spcPct val="100000"/>
              </a:lnSpc>
              <a:spcBef>
                <a:spcPts val="3556"/>
              </a:spcBef>
              <a:spcAft>
                <a:spcPts val="0"/>
              </a:spcAft>
              <a:buClr>
                <a:srgbClr val="999999"/>
              </a:buClr>
              <a:buSzPts val="1300"/>
              <a:buFont typeface="Nunito Light"/>
              <a:buChar char="●"/>
              <a:defRPr/>
            </a:lvl7pPr>
            <a:lvl8pPr lvl="7" algn="ctr" rtl="0">
              <a:lnSpc>
                <a:spcPct val="100000"/>
              </a:lnSpc>
              <a:spcBef>
                <a:spcPts val="3556"/>
              </a:spcBef>
              <a:spcAft>
                <a:spcPts val="0"/>
              </a:spcAft>
              <a:buClr>
                <a:srgbClr val="999999"/>
              </a:buClr>
              <a:buSzPts val="1300"/>
              <a:buFont typeface="Nunito Light"/>
              <a:buChar char="○"/>
              <a:defRPr/>
            </a:lvl8pPr>
            <a:lvl9pPr lvl="8" algn="ctr" rtl="0">
              <a:lnSpc>
                <a:spcPct val="100000"/>
              </a:lnSpc>
              <a:spcBef>
                <a:spcPts val="3556"/>
              </a:spcBef>
              <a:spcAft>
                <a:spcPts val="3556"/>
              </a:spcAft>
              <a:buClr>
                <a:srgbClr val="999999"/>
              </a:buClr>
              <a:buSzPts val="1400"/>
              <a:buFont typeface="Nunito Light"/>
              <a:buChar char="■"/>
              <a:defRPr/>
            </a:lvl9pPr>
          </a:lstStyle>
          <a:p>
            <a:endParaRPr/>
          </a:p>
        </p:txBody>
      </p:sp>
      <p:grpSp>
        <p:nvGrpSpPr>
          <p:cNvPr id="95" name="Google Shape;95;p7"/>
          <p:cNvGrpSpPr/>
          <p:nvPr/>
        </p:nvGrpSpPr>
        <p:grpSpPr>
          <a:xfrm>
            <a:off x="921445" y="681333"/>
            <a:ext cx="18477111" cy="481333"/>
            <a:chOff x="414650" y="306600"/>
            <a:chExt cx="8314700" cy="216600"/>
          </a:xfrm>
        </p:grpSpPr>
        <p:grpSp>
          <p:nvGrpSpPr>
            <p:cNvPr id="96" name="Google Shape;96;p7"/>
            <p:cNvGrpSpPr/>
            <p:nvPr/>
          </p:nvGrpSpPr>
          <p:grpSpPr>
            <a:xfrm>
              <a:off x="713281" y="389286"/>
              <a:ext cx="7717437" cy="51251"/>
              <a:chOff x="450050" y="465475"/>
              <a:chExt cx="8367600" cy="51241"/>
            </a:xfrm>
          </p:grpSpPr>
          <p:cxnSp>
            <p:nvCxnSpPr>
              <p:cNvPr id="97" name="Google Shape;97;p7"/>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98" name="Google Shape;98;p7"/>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99" name="Google Shape;99;p7"/>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100" name="Google Shape;100;p7"/>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101" name="Google Shape;101;p7"/>
          <p:cNvSpPr/>
          <p:nvPr/>
        </p:nvSpPr>
        <p:spPr>
          <a:xfrm flipH="1">
            <a:off x="18691596" y="8138214"/>
            <a:ext cx="492016" cy="2401616"/>
          </a:xfrm>
          <a:custGeom>
            <a:avLst/>
            <a:gdLst/>
            <a:ahLst/>
            <a:cxnLst/>
            <a:rect l="l" t="t" r="r" b="b"/>
            <a:pathLst>
              <a:path w="16256" h="79334" extrusionOk="0">
                <a:moveTo>
                  <a:pt x="7457" y="1"/>
                </a:moveTo>
                <a:lnTo>
                  <a:pt x="7179" y="93"/>
                </a:lnTo>
                <a:lnTo>
                  <a:pt x="6901" y="186"/>
                </a:lnTo>
                <a:lnTo>
                  <a:pt x="6762" y="371"/>
                </a:lnTo>
                <a:lnTo>
                  <a:pt x="6669" y="510"/>
                </a:lnTo>
                <a:lnTo>
                  <a:pt x="6669" y="649"/>
                </a:lnTo>
                <a:lnTo>
                  <a:pt x="6391" y="2455"/>
                </a:lnTo>
                <a:lnTo>
                  <a:pt x="6160" y="4261"/>
                </a:lnTo>
                <a:lnTo>
                  <a:pt x="5975" y="6114"/>
                </a:lnTo>
                <a:lnTo>
                  <a:pt x="5882" y="7966"/>
                </a:lnTo>
                <a:lnTo>
                  <a:pt x="5836" y="10560"/>
                </a:lnTo>
                <a:lnTo>
                  <a:pt x="5882" y="13153"/>
                </a:lnTo>
                <a:lnTo>
                  <a:pt x="5975" y="15747"/>
                </a:lnTo>
                <a:lnTo>
                  <a:pt x="6113" y="18340"/>
                </a:lnTo>
                <a:lnTo>
                  <a:pt x="6484" y="23620"/>
                </a:lnTo>
                <a:lnTo>
                  <a:pt x="6762" y="28946"/>
                </a:lnTo>
                <a:lnTo>
                  <a:pt x="6901" y="31586"/>
                </a:lnTo>
                <a:lnTo>
                  <a:pt x="6993" y="34226"/>
                </a:lnTo>
                <a:lnTo>
                  <a:pt x="7040" y="36912"/>
                </a:lnTo>
                <a:lnTo>
                  <a:pt x="7086" y="39551"/>
                </a:lnTo>
                <a:lnTo>
                  <a:pt x="7040" y="41635"/>
                </a:lnTo>
                <a:lnTo>
                  <a:pt x="6993" y="43673"/>
                </a:lnTo>
                <a:lnTo>
                  <a:pt x="6854" y="45757"/>
                </a:lnTo>
                <a:lnTo>
                  <a:pt x="6716" y="47795"/>
                </a:lnTo>
                <a:lnTo>
                  <a:pt x="6391" y="51917"/>
                </a:lnTo>
                <a:lnTo>
                  <a:pt x="6067" y="56039"/>
                </a:lnTo>
                <a:lnTo>
                  <a:pt x="5743" y="55807"/>
                </a:lnTo>
                <a:lnTo>
                  <a:pt x="5465" y="55529"/>
                </a:lnTo>
                <a:lnTo>
                  <a:pt x="5187" y="55251"/>
                </a:lnTo>
                <a:lnTo>
                  <a:pt x="4956" y="54927"/>
                </a:lnTo>
                <a:lnTo>
                  <a:pt x="4539" y="54232"/>
                </a:lnTo>
                <a:lnTo>
                  <a:pt x="4307" y="53723"/>
                </a:lnTo>
                <a:lnTo>
                  <a:pt x="4215" y="53353"/>
                </a:lnTo>
                <a:lnTo>
                  <a:pt x="4122" y="52982"/>
                </a:lnTo>
                <a:lnTo>
                  <a:pt x="4076" y="52241"/>
                </a:lnTo>
                <a:lnTo>
                  <a:pt x="4029" y="51454"/>
                </a:lnTo>
                <a:lnTo>
                  <a:pt x="4029" y="50713"/>
                </a:lnTo>
                <a:lnTo>
                  <a:pt x="3983" y="48073"/>
                </a:lnTo>
                <a:lnTo>
                  <a:pt x="4029" y="45479"/>
                </a:lnTo>
                <a:lnTo>
                  <a:pt x="4076" y="43117"/>
                </a:lnTo>
                <a:lnTo>
                  <a:pt x="4122" y="41960"/>
                </a:lnTo>
                <a:lnTo>
                  <a:pt x="4076" y="40802"/>
                </a:lnTo>
                <a:lnTo>
                  <a:pt x="4076" y="39644"/>
                </a:lnTo>
                <a:lnTo>
                  <a:pt x="3937" y="38486"/>
                </a:lnTo>
                <a:lnTo>
                  <a:pt x="3798" y="37328"/>
                </a:lnTo>
                <a:lnTo>
                  <a:pt x="3566" y="36171"/>
                </a:lnTo>
                <a:lnTo>
                  <a:pt x="3474" y="35939"/>
                </a:lnTo>
                <a:lnTo>
                  <a:pt x="3288" y="35754"/>
                </a:lnTo>
                <a:lnTo>
                  <a:pt x="3103" y="35569"/>
                </a:lnTo>
                <a:lnTo>
                  <a:pt x="2825" y="35476"/>
                </a:lnTo>
                <a:lnTo>
                  <a:pt x="2547" y="35383"/>
                </a:lnTo>
                <a:lnTo>
                  <a:pt x="2223" y="35337"/>
                </a:lnTo>
                <a:lnTo>
                  <a:pt x="1899" y="35291"/>
                </a:lnTo>
                <a:lnTo>
                  <a:pt x="1575" y="35291"/>
                </a:lnTo>
                <a:lnTo>
                  <a:pt x="1251" y="35337"/>
                </a:lnTo>
                <a:lnTo>
                  <a:pt x="926" y="35430"/>
                </a:lnTo>
                <a:lnTo>
                  <a:pt x="649" y="35522"/>
                </a:lnTo>
                <a:lnTo>
                  <a:pt x="371" y="35661"/>
                </a:lnTo>
                <a:lnTo>
                  <a:pt x="185" y="35800"/>
                </a:lnTo>
                <a:lnTo>
                  <a:pt x="46" y="36032"/>
                </a:lnTo>
                <a:lnTo>
                  <a:pt x="0" y="36217"/>
                </a:lnTo>
                <a:lnTo>
                  <a:pt x="0" y="36495"/>
                </a:lnTo>
                <a:lnTo>
                  <a:pt x="139" y="37467"/>
                </a:lnTo>
                <a:lnTo>
                  <a:pt x="278" y="38440"/>
                </a:lnTo>
                <a:lnTo>
                  <a:pt x="510" y="40385"/>
                </a:lnTo>
                <a:lnTo>
                  <a:pt x="649" y="42330"/>
                </a:lnTo>
                <a:lnTo>
                  <a:pt x="741" y="44275"/>
                </a:lnTo>
                <a:lnTo>
                  <a:pt x="880" y="48212"/>
                </a:lnTo>
                <a:lnTo>
                  <a:pt x="1019" y="50157"/>
                </a:lnTo>
                <a:lnTo>
                  <a:pt x="1204" y="52148"/>
                </a:lnTo>
                <a:lnTo>
                  <a:pt x="1390" y="53353"/>
                </a:lnTo>
                <a:lnTo>
                  <a:pt x="1528" y="53908"/>
                </a:lnTo>
                <a:lnTo>
                  <a:pt x="1667" y="54510"/>
                </a:lnTo>
                <a:lnTo>
                  <a:pt x="1853" y="55020"/>
                </a:lnTo>
                <a:lnTo>
                  <a:pt x="2038" y="55529"/>
                </a:lnTo>
                <a:lnTo>
                  <a:pt x="2269" y="56039"/>
                </a:lnTo>
                <a:lnTo>
                  <a:pt x="2547" y="56502"/>
                </a:lnTo>
                <a:lnTo>
                  <a:pt x="2872" y="56919"/>
                </a:lnTo>
                <a:lnTo>
                  <a:pt x="3196" y="57289"/>
                </a:lnTo>
                <a:lnTo>
                  <a:pt x="3566" y="57660"/>
                </a:lnTo>
                <a:lnTo>
                  <a:pt x="3937" y="57937"/>
                </a:lnTo>
                <a:lnTo>
                  <a:pt x="4400" y="58215"/>
                </a:lnTo>
                <a:lnTo>
                  <a:pt x="4863" y="58447"/>
                </a:lnTo>
                <a:lnTo>
                  <a:pt x="5372" y="58632"/>
                </a:lnTo>
                <a:lnTo>
                  <a:pt x="5882" y="58771"/>
                </a:lnTo>
                <a:lnTo>
                  <a:pt x="5836" y="59790"/>
                </a:lnTo>
                <a:lnTo>
                  <a:pt x="5743" y="62244"/>
                </a:lnTo>
                <a:lnTo>
                  <a:pt x="5604" y="64653"/>
                </a:lnTo>
                <a:lnTo>
                  <a:pt x="5558" y="67061"/>
                </a:lnTo>
                <a:lnTo>
                  <a:pt x="5558" y="68265"/>
                </a:lnTo>
                <a:lnTo>
                  <a:pt x="5604" y="69469"/>
                </a:lnTo>
                <a:lnTo>
                  <a:pt x="5650" y="71692"/>
                </a:lnTo>
                <a:lnTo>
                  <a:pt x="5650" y="72804"/>
                </a:lnTo>
                <a:lnTo>
                  <a:pt x="5650" y="73915"/>
                </a:lnTo>
                <a:lnTo>
                  <a:pt x="5558" y="74471"/>
                </a:lnTo>
                <a:lnTo>
                  <a:pt x="5511" y="74980"/>
                </a:lnTo>
                <a:lnTo>
                  <a:pt x="5372" y="76046"/>
                </a:lnTo>
                <a:lnTo>
                  <a:pt x="5326" y="76555"/>
                </a:lnTo>
                <a:lnTo>
                  <a:pt x="5326" y="77064"/>
                </a:lnTo>
                <a:lnTo>
                  <a:pt x="5465" y="77574"/>
                </a:lnTo>
                <a:lnTo>
                  <a:pt x="5650" y="78130"/>
                </a:lnTo>
                <a:lnTo>
                  <a:pt x="5789" y="78361"/>
                </a:lnTo>
                <a:lnTo>
                  <a:pt x="5975" y="78593"/>
                </a:lnTo>
                <a:lnTo>
                  <a:pt x="6160" y="78778"/>
                </a:lnTo>
                <a:lnTo>
                  <a:pt x="6438" y="78963"/>
                </a:lnTo>
                <a:lnTo>
                  <a:pt x="6669" y="79102"/>
                </a:lnTo>
                <a:lnTo>
                  <a:pt x="6947" y="79195"/>
                </a:lnTo>
                <a:lnTo>
                  <a:pt x="7271" y="79287"/>
                </a:lnTo>
                <a:lnTo>
                  <a:pt x="7549" y="79334"/>
                </a:lnTo>
                <a:lnTo>
                  <a:pt x="8198" y="79334"/>
                </a:lnTo>
                <a:lnTo>
                  <a:pt x="8800" y="79287"/>
                </a:lnTo>
                <a:lnTo>
                  <a:pt x="9402" y="79102"/>
                </a:lnTo>
                <a:lnTo>
                  <a:pt x="9633" y="78963"/>
                </a:lnTo>
                <a:lnTo>
                  <a:pt x="9865" y="78824"/>
                </a:lnTo>
                <a:lnTo>
                  <a:pt x="10328" y="78500"/>
                </a:lnTo>
                <a:lnTo>
                  <a:pt x="10698" y="78130"/>
                </a:lnTo>
                <a:lnTo>
                  <a:pt x="11069" y="77713"/>
                </a:lnTo>
                <a:lnTo>
                  <a:pt x="11347" y="77296"/>
                </a:lnTo>
                <a:lnTo>
                  <a:pt x="11578" y="76833"/>
                </a:lnTo>
                <a:lnTo>
                  <a:pt x="11764" y="76370"/>
                </a:lnTo>
                <a:lnTo>
                  <a:pt x="11949" y="75860"/>
                </a:lnTo>
                <a:lnTo>
                  <a:pt x="12041" y="75305"/>
                </a:lnTo>
                <a:lnTo>
                  <a:pt x="12134" y="74749"/>
                </a:lnTo>
                <a:lnTo>
                  <a:pt x="12180" y="74193"/>
                </a:lnTo>
                <a:lnTo>
                  <a:pt x="12180" y="73637"/>
                </a:lnTo>
                <a:lnTo>
                  <a:pt x="12180" y="73035"/>
                </a:lnTo>
                <a:lnTo>
                  <a:pt x="12041" y="71831"/>
                </a:lnTo>
                <a:lnTo>
                  <a:pt x="11856" y="70581"/>
                </a:lnTo>
                <a:lnTo>
                  <a:pt x="11625" y="69330"/>
                </a:lnTo>
                <a:lnTo>
                  <a:pt x="11347" y="68034"/>
                </a:lnTo>
                <a:lnTo>
                  <a:pt x="10745" y="65579"/>
                </a:lnTo>
                <a:lnTo>
                  <a:pt x="10467" y="64421"/>
                </a:lnTo>
                <a:lnTo>
                  <a:pt x="10235" y="63310"/>
                </a:lnTo>
                <a:lnTo>
                  <a:pt x="10050" y="62244"/>
                </a:lnTo>
                <a:lnTo>
                  <a:pt x="10004" y="61318"/>
                </a:lnTo>
                <a:lnTo>
                  <a:pt x="9957" y="58678"/>
                </a:lnTo>
                <a:lnTo>
                  <a:pt x="10004" y="55992"/>
                </a:lnTo>
                <a:lnTo>
                  <a:pt x="10143" y="53353"/>
                </a:lnTo>
                <a:lnTo>
                  <a:pt x="10282" y="50713"/>
                </a:lnTo>
                <a:lnTo>
                  <a:pt x="10559" y="45387"/>
                </a:lnTo>
                <a:lnTo>
                  <a:pt x="10652" y="42701"/>
                </a:lnTo>
                <a:lnTo>
                  <a:pt x="10698" y="40061"/>
                </a:lnTo>
                <a:lnTo>
                  <a:pt x="10698" y="37375"/>
                </a:lnTo>
                <a:lnTo>
                  <a:pt x="10652" y="34642"/>
                </a:lnTo>
                <a:lnTo>
                  <a:pt x="11115" y="34689"/>
                </a:lnTo>
                <a:lnTo>
                  <a:pt x="11578" y="34689"/>
                </a:lnTo>
                <a:lnTo>
                  <a:pt x="11995" y="34642"/>
                </a:lnTo>
                <a:lnTo>
                  <a:pt x="12412" y="34596"/>
                </a:lnTo>
                <a:lnTo>
                  <a:pt x="12829" y="34503"/>
                </a:lnTo>
                <a:lnTo>
                  <a:pt x="13199" y="34364"/>
                </a:lnTo>
                <a:lnTo>
                  <a:pt x="13570" y="34179"/>
                </a:lnTo>
                <a:lnTo>
                  <a:pt x="13894" y="33994"/>
                </a:lnTo>
                <a:lnTo>
                  <a:pt x="14218" y="33762"/>
                </a:lnTo>
                <a:lnTo>
                  <a:pt x="14496" y="33485"/>
                </a:lnTo>
                <a:lnTo>
                  <a:pt x="14774" y="33207"/>
                </a:lnTo>
                <a:lnTo>
                  <a:pt x="15006" y="32882"/>
                </a:lnTo>
                <a:lnTo>
                  <a:pt x="15237" y="32512"/>
                </a:lnTo>
                <a:lnTo>
                  <a:pt x="15422" y="32095"/>
                </a:lnTo>
                <a:lnTo>
                  <a:pt x="15561" y="31678"/>
                </a:lnTo>
                <a:lnTo>
                  <a:pt x="15654" y="31169"/>
                </a:lnTo>
                <a:lnTo>
                  <a:pt x="15885" y="30150"/>
                </a:lnTo>
                <a:lnTo>
                  <a:pt x="16071" y="29039"/>
                </a:lnTo>
                <a:lnTo>
                  <a:pt x="16163" y="27881"/>
                </a:lnTo>
                <a:lnTo>
                  <a:pt x="16256" y="26677"/>
                </a:lnTo>
                <a:lnTo>
                  <a:pt x="16210" y="26075"/>
                </a:lnTo>
                <a:lnTo>
                  <a:pt x="16163" y="25519"/>
                </a:lnTo>
                <a:lnTo>
                  <a:pt x="16117" y="24917"/>
                </a:lnTo>
                <a:lnTo>
                  <a:pt x="16024" y="24361"/>
                </a:lnTo>
                <a:lnTo>
                  <a:pt x="15839" y="23852"/>
                </a:lnTo>
                <a:lnTo>
                  <a:pt x="15654" y="23342"/>
                </a:lnTo>
                <a:lnTo>
                  <a:pt x="15422" y="22879"/>
                </a:lnTo>
                <a:lnTo>
                  <a:pt x="15144" y="22462"/>
                </a:lnTo>
                <a:lnTo>
                  <a:pt x="15052" y="22416"/>
                </a:lnTo>
                <a:lnTo>
                  <a:pt x="15006" y="22416"/>
                </a:lnTo>
                <a:lnTo>
                  <a:pt x="14867" y="22462"/>
                </a:lnTo>
                <a:lnTo>
                  <a:pt x="14403" y="22972"/>
                </a:lnTo>
                <a:lnTo>
                  <a:pt x="14033" y="23527"/>
                </a:lnTo>
                <a:lnTo>
                  <a:pt x="13709" y="24083"/>
                </a:lnTo>
                <a:lnTo>
                  <a:pt x="13477" y="24685"/>
                </a:lnTo>
                <a:lnTo>
                  <a:pt x="13292" y="25334"/>
                </a:lnTo>
                <a:lnTo>
                  <a:pt x="13107" y="25982"/>
                </a:lnTo>
                <a:lnTo>
                  <a:pt x="12921" y="27325"/>
                </a:lnTo>
                <a:lnTo>
                  <a:pt x="12829" y="27973"/>
                </a:lnTo>
                <a:lnTo>
                  <a:pt x="12782" y="28714"/>
                </a:lnTo>
                <a:lnTo>
                  <a:pt x="12736" y="29455"/>
                </a:lnTo>
                <a:lnTo>
                  <a:pt x="12597" y="30150"/>
                </a:lnTo>
                <a:lnTo>
                  <a:pt x="12505" y="30474"/>
                </a:lnTo>
                <a:lnTo>
                  <a:pt x="12366" y="30798"/>
                </a:lnTo>
                <a:lnTo>
                  <a:pt x="12227" y="31076"/>
                </a:lnTo>
                <a:lnTo>
                  <a:pt x="12041" y="31308"/>
                </a:lnTo>
                <a:lnTo>
                  <a:pt x="11810" y="31493"/>
                </a:lnTo>
                <a:lnTo>
                  <a:pt x="11532" y="31632"/>
                </a:lnTo>
                <a:lnTo>
                  <a:pt x="11208" y="31725"/>
                </a:lnTo>
                <a:lnTo>
                  <a:pt x="10837" y="31771"/>
                </a:lnTo>
                <a:lnTo>
                  <a:pt x="10606" y="31771"/>
                </a:lnTo>
                <a:lnTo>
                  <a:pt x="10374" y="25287"/>
                </a:lnTo>
                <a:lnTo>
                  <a:pt x="10189" y="18850"/>
                </a:lnTo>
                <a:lnTo>
                  <a:pt x="10096" y="16117"/>
                </a:lnTo>
                <a:lnTo>
                  <a:pt x="10004" y="13431"/>
                </a:lnTo>
                <a:lnTo>
                  <a:pt x="9865" y="10699"/>
                </a:lnTo>
                <a:lnTo>
                  <a:pt x="9680" y="7966"/>
                </a:lnTo>
                <a:lnTo>
                  <a:pt x="9633" y="6994"/>
                </a:lnTo>
                <a:lnTo>
                  <a:pt x="9633" y="5975"/>
                </a:lnTo>
                <a:lnTo>
                  <a:pt x="9633" y="4956"/>
                </a:lnTo>
                <a:lnTo>
                  <a:pt x="9633" y="3937"/>
                </a:lnTo>
                <a:lnTo>
                  <a:pt x="9494" y="2965"/>
                </a:lnTo>
                <a:lnTo>
                  <a:pt x="9448" y="2455"/>
                </a:lnTo>
                <a:lnTo>
                  <a:pt x="9309" y="1992"/>
                </a:lnTo>
                <a:lnTo>
                  <a:pt x="9170" y="1575"/>
                </a:lnTo>
                <a:lnTo>
                  <a:pt x="8985" y="1112"/>
                </a:lnTo>
                <a:lnTo>
                  <a:pt x="8753" y="695"/>
                </a:lnTo>
                <a:lnTo>
                  <a:pt x="8475" y="325"/>
                </a:lnTo>
                <a:lnTo>
                  <a:pt x="8244" y="140"/>
                </a:lnTo>
                <a:lnTo>
                  <a:pt x="8012" y="47"/>
                </a:lnTo>
                <a:lnTo>
                  <a:pt x="7734" y="1"/>
                </a:lnTo>
                <a:close/>
              </a:path>
            </a:pathLst>
          </a:custGeom>
          <a:solidFill>
            <a:schemeClr val="dk2"/>
          </a:solidFill>
          <a:ln>
            <a:noFill/>
          </a:ln>
        </p:spPr>
        <p:txBody>
          <a:bodyPr spcFirstLastPara="1" wrap="square" lIns="203167" tIns="203167" rIns="203167" bIns="203167" anchor="ctr" anchorCtr="0">
            <a:noAutofit/>
          </a:bodyPr>
          <a:lstStyle/>
          <a:p>
            <a:pPr marL="0" lvl="0" indent="0" algn="l" rtl="0">
              <a:spcBef>
                <a:spcPts val="0"/>
              </a:spcBef>
              <a:spcAft>
                <a:spcPts val="0"/>
              </a:spcAft>
              <a:buNone/>
            </a:pPr>
            <a:endParaRPr sz="6000"/>
          </a:p>
        </p:txBody>
      </p:sp>
      <p:grpSp>
        <p:nvGrpSpPr>
          <p:cNvPr id="102" name="Google Shape;102;p7"/>
          <p:cNvGrpSpPr/>
          <p:nvPr/>
        </p:nvGrpSpPr>
        <p:grpSpPr>
          <a:xfrm>
            <a:off x="0" y="10097596"/>
            <a:ext cx="20320000" cy="1332702"/>
            <a:chOff x="0" y="4472474"/>
            <a:chExt cx="9144000" cy="956028"/>
          </a:xfrm>
        </p:grpSpPr>
        <p:sp>
          <p:nvSpPr>
            <p:cNvPr id="103" name="Google Shape;103;p7"/>
            <p:cNvSpPr/>
            <p:nvPr/>
          </p:nvSpPr>
          <p:spPr>
            <a:xfrm>
              <a:off x="0" y="4472474"/>
              <a:ext cx="9144000" cy="955987"/>
            </a:xfrm>
            <a:custGeom>
              <a:avLst/>
              <a:gdLst/>
              <a:ahLst/>
              <a:cxnLst/>
              <a:rect l="l" t="t" r="r" b="b"/>
              <a:pathLst>
                <a:path w="285750" h="81326" extrusionOk="0">
                  <a:moveTo>
                    <a:pt x="84150" y="1"/>
                  </a:moveTo>
                  <a:lnTo>
                    <a:pt x="83270" y="47"/>
                  </a:lnTo>
                  <a:lnTo>
                    <a:pt x="82437" y="186"/>
                  </a:lnTo>
                  <a:lnTo>
                    <a:pt x="80723" y="464"/>
                  </a:lnTo>
                  <a:lnTo>
                    <a:pt x="78917" y="835"/>
                  </a:lnTo>
                  <a:lnTo>
                    <a:pt x="77111" y="1205"/>
                  </a:lnTo>
                  <a:lnTo>
                    <a:pt x="75258" y="1668"/>
                  </a:lnTo>
                  <a:lnTo>
                    <a:pt x="73359" y="2178"/>
                  </a:lnTo>
                  <a:lnTo>
                    <a:pt x="71414" y="2687"/>
                  </a:lnTo>
                  <a:lnTo>
                    <a:pt x="67478" y="3845"/>
                  </a:lnTo>
                  <a:lnTo>
                    <a:pt x="63402" y="5095"/>
                  </a:lnTo>
                  <a:lnTo>
                    <a:pt x="59280" y="6438"/>
                  </a:lnTo>
                  <a:lnTo>
                    <a:pt x="51037" y="9217"/>
                  </a:lnTo>
                  <a:lnTo>
                    <a:pt x="46961" y="10606"/>
                  </a:lnTo>
                  <a:lnTo>
                    <a:pt x="42932" y="11950"/>
                  </a:lnTo>
                  <a:lnTo>
                    <a:pt x="39042" y="13154"/>
                  </a:lnTo>
                  <a:lnTo>
                    <a:pt x="35290" y="14265"/>
                  </a:lnTo>
                  <a:lnTo>
                    <a:pt x="33484" y="14775"/>
                  </a:lnTo>
                  <a:lnTo>
                    <a:pt x="31724" y="15238"/>
                  </a:lnTo>
                  <a:lnTo>
                    <a:pt x="30011" y="15655"/>
                  </a:lnTo>
                  <a:lnTo>
                    <a:pt x="28390" y="16025"/>
                  </a:lnTo>
                  <a:lnTo>
                    <a:pt x="26815" y="16349"/>
                  </a:lnTo>
                  <a:lnTo>
                    <a:pt x="25287" y="16627"/>
                  </a:lnTo>
                  <a:lnTo>
                    <a:pt x="23851" y="16812"/>
                  </a:lnTo>
                  <a:lnTo>
                    <a:pt x="22462" y="16951"/>
                  </a:lnTo>
                  <a:lnTo>
                    <a:pt x="19868" y="17183"/>
                  </a:lnTo>
                  <a:lnTo>
                    <a:pt x="17414" y="17368"/>
                  </a:lnTo>
                  <a:lnTo>
                    <a:pt x="15098" y="17646"/>
                  </a:lnTo>
                  <a:lnTo>
                    <a:pt x="12921" y="17878"/>
                  </a:lnTo>
                  <a:lnTo>
                    <a:pt x="9077" y="18433"/>
                  </a:lnTo>
                  <a:lnTo>
                    <a:pt x="5882" y="18896"/>
                  </a:lnTo>
                  <a:lnTo>
                    <a:pt x="3335" y="19360"/>
                  </a:lnTo>
                  <a:lnTo>
                    <a:pt x="1528" y="19730"/>
                  </a:lnTo>
                  <a:lnTo>
                    <a:pt x="0" y="20101"/>
                  </a:lnTo>
                  <a:lnTo>
                    <a:pt x="0" y="81325"/>
                  </a:lnTo>
                  <a:lnTo>
                    <a:pt x="285750" y="81325"/>
                  </a:lnTo>
                  <a:lnTo>
                    <a:pt x="285750" y="16951"/>
                  </a:lnTo>
                  <a:lnTo>
                    <a:pt x="281906" y="16396"/>
                  </a:lnTo>
                  <a:lnTo>
                    <a:pt x="277460" y="15793"/>
                  </a:lnTo>
                  <a:lnTo>
                    <a:pt x="271578" y="15006"/>
                  </a:lnTo>
                  <a:lnTo>
                    <a:pt x="264492" y="14173"/>
                  </a:lnTo>
                  <a:lnTo>
                    <a:pt x="256388" y="13339"/>
                  </a:lnTo>
                  <a:lnTo>
                    <a:pt x="252034" y="12922"/>
                  </a:lnTo>
                  <a:lnTo>
                    <a:pt x="247496" y="12505"/>
                  </a:lnTo>
                  <a:lnTo>
                    <a:pt x="242818" y="12135"/>
                  </a:lnTo>
                  <a:lnTo>
                    <a:pt x="238002" y="11811"/>
                  </a:lnTo>
                  <a:lnTo>
                    <a:pt x="233139" y="11486"/>
                  </a:lnTo>
                  <a:lnTo>
                    <a:pt x="228137" y="11255"/>
                  </a:lnTo>
                  <a:lnTo>
                    <a:pt x="223135" y="11023"/>
                  </a:lnTo>
                  <a:lnTo>
                    <a:pt x="218133" y="10931"/>
                  </a:lnTo>
                  <a:lnTo>
                    <a:pt x="213132" y="10838"/>
                  </a:lnTo>
                  <a:lnTo>
                    <a:pt x="208130" y="10838"/>
                  </a:lnTo>
                  <a:lnTo>
                    <a:pt x="203221" y="10977"/>
                  </a:lnTo>
                  <a:lnTo>
                    <a:pt x="198404" y="11162"/>
                  </a:lnTo>
                  <a:lnTo>
                    <a:pt x="196042" y="11301"/>
                  </a:lnTo>
                  <a:lnTo>
                    <a:pt x="193680" y="11440"/>
                  </a:lnTo>
                  <a:lnTo>
                    <a:pt x="191365" y="11625"/>
                  </a:lnTo>
                  <a:lnTo>
                    <a:pt x="189141" y="11857"/>
                  </a:lnTo>
                  <a:lnTo>
                    <a:pt x="186918" y="12088"/>
                  </a:lnTo>
                  <a:lnTo>
                    <a:pt x="184695" y="12366"/>
                  </a:lnTo>
                  <a:lnTo>
                    <a:pt x="182565" y="12691"/>
                  </a:lnTo>
                  <a:lnTo>
                    <a:pt x="180527" y="13015"/>
                  </a:lnTo>
                  <a:lnTo>
                    <a:pt x="178490" y="13385"/>
                  </a:lnTo>
                  <a:lnTo>
                    <a:pt x="176498" y="13756"/>
                  </a:lnTo>
                  <a:lnTo>
                    <a:pt x="174599" y="14219"/>
                  </a:lnTo>
                  <a:lnTo>
                    <a:pt x="172747" y="14682"/>
                  </a:lnTo>
                  <a:lnTo>
                    <a:pt x="170987" y="15191"/>
                  </a:lnTo>
                  <a:lnTo>
                    <a:pt x="169273" y="15747"/>
                  </a:lnTo>
                  <a:lnTo>
                    <a:pt x="167652" y="16349"/>
                  </a:lnTo>
                  <a:lnTo>
                    <a:pt x="166124" y="16951"/>
                  </a:lnTo>
                  <a:lnTo>
                    <a:pt x="164596" y="17553"/>
                  </a:lnTo>
                  <a:lnTo>
                    <a:pt x="163114" y="18109"/>
                  </a:lnTo>
                  <a:lnTo>
                    <a:pt x="161585" y="18572"/>
                  </a:lnTo>
                  <a:lnTo>
                    <a:pt x="160057" y="18989"/>
                  </a:lnTo>
                  <a:lnTo>
                    <a:pt x="158529" y="19360"/>
                  </a:lnTo>
                  <a:lnTo>
                    <a:pt x="157047" y="19637"/>
                  </a:lnTo>
                  <a:lnTo>
                    <a:pt x="155518" y="19869"/>
                  </a:lnTo>
                  <a:lnTo>
                    <a:pt x="153990" y="20054"/>
                  </a:lnTo>
                  <a:lnTo>
                    <a:pt x="152508" y="20193"/>
                  </a:lnTo>
                  <a:lnTo>
                    <a:pt x="150980" y="20286"/>
                  </a:lnTo>
                  <a:lnTo>
                    <a:pt x="147969" y="20286"/>
                  </a:lnTo>
                  <a:lnTo>
                    <a:pt x="146487" y="20193"/>
                  </a:lnTo>
                  <a:lnTo>
                    <a:pt x="144959" y="20101"/>
                  </a:lnTo>
                  <a:lnTo>
                    <a:pt x="143477" y="19915"/>
                  </a:lnTo>
                  <a:lnTo>
                    <a:pt x="141995" y="19730"/>
                  </a:lnTo>
                  <a:lnTo>
                    <a:pt x="140513" y="19498"/>
                  </a:lnTo>
                  <a:lnTo>
                    <a:pt x="139031" y="19221"/>
                  </a:lnTo>
                  <a:lnTo>
                    <a:pt x="137549" y="18896"/>
                  </a:lnTo>
                  <a:lnTo>
                    <a:pt x="136067" y="18572"/>
                  </a:lnTo>
                  <a:lnTo>
                    <a:pt x="134585" y="18202"/>
                  </a:lnTo>
                  <a:lnTo>
                    <a:pt x="133149" y="17831"/>
                  </a:lnTo>
                  <a:lnTo>
                    <a:pt x="130232" y="16951"/>
                  </a:lnTo>
                  <a:lnTo>
                    <a:pt x="127360" y="15979"/>
                  </a:lnTo>
                  <a:lnTo>
                    <a:pt x="124535" y="14914"/>
                  </a:lnTo>
                  <a:lnTo>
                    <a:pt x="121710" y="13802"/>
                  </a:lnTo>
                  <a:lnTo>
                    <a:pt x="118931" y="12644"/>
                  </a:lnTo>
                  <a:lnTo>
                    <a:pt x="116245" y="11440"/>
                  </a:lnTo>
                  <a:lnTo>
                    <a:pt x="113559" y="10236"/>
                  </a:lnTo>
                  <a:lnTo>
                    <a:pt x="108326" y="7874"/>
                  </a:lnTo>
                  <a:lnTo>
                    <a:pt x="103324" y="5558"/>
                  </a:lnTo>
                  <a:lnTo>
                    <a:pt x="100916" y="4493"/>
                  </a:lnTo>
                  <a:lnTo>
                    <a:pt x="98554" y="3521"/>
                  </a:lnTo>
                  <a:lnTo>
                    <a:pt x="96284" y="2641"/>
                  </a:lnTo>
                  <a:lnTo>
                    <a:pt x="94061" y="1853"/>
                  </a:lnTo>
                  <a:lnTo>
                    <a:pt x="91931" y="1159"/>
                  </a:lnTo>
                  <a:lnTo>
                    <a:pt x="90912" y="881"/>
                  </a:lnTo>
                  <a:lnTo>
                    <a:pt x="89893" y="649"/>
                  </a:lnTo>
                  <a:lnTo>
                    <a:pt x="88874" y="418"/>
                  </a:lnTo>
                  <a:lnTo>
                    <a:pt x="87902" y="279"/>
                  </a:lnTo>
                  <a:lnTo>
                    <a:pt x="86929" y="140"/>
                  </a:lnTo>
                  <a:lnTo>
                    <a:pt x="86003" y="47"/>
                  </a:lnTo>
                  <a:lnTo>
                    <a:pt x="85077" y="1"/>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104" name="Google Shape;104;p7"/>
            <p:cNvSpPr/>
            <p:nvPr/>
          </p:nvSpPr>
          <p:spPr>
            <a:xfrm>
              <a:off x="0" y="4757331"/>
              <a:ext cx="9143916" cy="671170"/>
            </a:xfrm>
            <a:custGeom>
              <a:avLst/>
              <a:gdLst/>
              <a:ahLst/>
              <a:cxnLst/>
              <a:rect l="l" t="t" r="r" b="b"/>
              <a:pathLst>
                <a:path w="285057" h="21397" extrusionOk="0">
                  <a:moveTo>
                    <a:pt x="60439" y="1"/>
                  </a:moveTo>
                  <a:lnTo>
                    <a:pt x="57058" y="47"/>
                  </a:lnTo>
                  <a:lnTo>
                    <a:pt x="55530" y="47"/>
                  </a:lnTo>
                  <a:lnTo>
                    <a:pt x="54048" y="140"/>
                  </a:lnTo>
                  <a:lnTo>
                    <a:pt x="52658" y="232"/>
                  </a:lnTo>
                  <a:lnTo>
                    <a:pt x="51362" y="371"/>
                  </a:lnTo>
                  <a:lnTo>
                    <a:pt x="50157" y="510"/>
                  </a:lnTo>
                  <a:lnTo>
                    <a:pt x="49046" y="695"/>
                  </a:lnTo>
                  <a:lnTo>
                    <a:pt x="48073" y="927"/>
                  </a:lnTo>
                  <a:lnTo>
                    <a:pt x="47147" y="1205"/>
                  </a:lnTo>
                  <a:lnTo>
                    <a:pt x="43674" y="2270"/>
                  </a:lnTo>
                  <a:lnTo>
                    <a:pt x="40015" y="3335"/>
                  </a:lnTo>
                  <a:lnTo>
                    <a:pt x="36171" y="4400"/>
                  </a:lnTo>
                  <a:lnTo>
                    <a:pt x="32234" y="5419"/>
                  </a:lnTo>
                  <a:lnTo>
                    <a:pt x="28298" y="6392"/>
                  </a:lnTo>
                  <a:lnTo>
                    <a:pt x="24361" y="7318"/>
                  </a:lnTo>
                  <a:lnTo>
                    <a:pt x="16859" y="9032"/>
                  </a:lnTo>
                  <a:lnTo>
                    <a:pt x="10190" y="10467"/>
                  </a:lnTo>
                  <a:lnTo>
                    <a:pt x="4864" y="11579"/>
                  </a:lnTo>
                  <a:lnTo>
                    <a:pt x="1" y="12551"/>
                  </a:lnTo>
                  <a:lnTo>
                    <a:pt x="1" y="21397"/>
                  </a:lnTo>
                  <a:lnTo>
                    <a:pt x="285056" y="21397"/>
                  </a:lnTo>
                  <a:lnTo>
                    <a:pt x="285056" y="1205"/>
                  </a:lnTo>
                  <a:lnTo>
                    <a:pt x="280934" y="1853"/>
                  </a:lnTo>
                  <a:lnTo>
                    <a:pt x="275840" y="2687"/>
                  </a:lnTo>
                  <a:lnTo>
                    <a:pt x="263382" y="4910"/>
                  </a:lnTo>
                  <a:lnTo>
                    <a:pt x="248700" y="7503"/>
                  </a:lnTo>
                  <a:lnTo>
                    <a:pt x="240874" y="8846"/>
                  </a:lnTo>
                  <a:lnTo>
                    <a:pt x="232861" y="10143"/>
                  </a:lnTo>
                  <a:lnTo>
                    <a:pt x="224849" y="11440"/>
                  </a:lnTo>
                  <a:lnTo>
                    <a:pt x="216884" y="12551"/>
                  </a:lnTo>
                  <a:lnTo>
                    <a:pt x="212993" y="13107"/>
                  </a:lnTo>
                  <a:lnTo>
                    <a:pt x="209196" y="13570"/>
                  </a:lnTo>
                  <a:lnTo>
                    <a:pt x="205491" y="14033"/>
                  </a:lnTo>
                  <a:lnTo>
                    <a:pt x="201878" y="14404"/>
                  </a:lnTo>
                  <a:lnTo>
                    <a:pt x="198405" y="14728"/>
                  </a:lnTo>
                  <a:lnTo>
                    <a:pt x="195070" y="15006"/>
                  </a:lnTo>
                  <a:lnTo>
                    <a:pt x="191875" y="15191"/>
                  </a:lnTo>
                  <a:lnTo>
                    <a:pt x="188864" y="15330"/>
                  </a:lnTo>
                  <a:lnTo>
                    <a:pt x="186039" y="15423"/>
                  </a:lnTo>
                  <a:lnTo>
                    <a:pt x="183446" y="15376"/>
                  </a:lnTo>
                  <a:lnTo>
                    <a:pt x="181037" y="15284"/>
                  </a:lnTo>
                  <a:lnTo>
                    <a:pt x="179926" y="15191"/>
                  </a:lnTo>
                  <a:lnTo>
                    <a:pt x="178907" y="15052"/>
                  </a:lnTo>
                  <a:lnTo>
                    <a:pt x="174044" y="14404"/>
                  </a:lnTo>
                  <a:lnTo>
                    <a:pt x="167746" y="13478"/>
                  </a:lnTo>
                  <a:lnTo>
                    <a:pt x="151721" y="10977"/>
                  </a:lnTo>
                  <a:lnTo>
                    <a:pt x="142366" y="9495"/>
                  </a:lnTo>
                  <a:lnTo>
                    <a:pt x="132455" y="8013"/>
                  </a:lnTo>
                  <a:lnTo>
                    <a:pt x="122128" y="6484"/>
                  </a:lnTo>
                  <a:lnTo>
                    <a:pt x="111661" y="4956"/>
                  </a:lnTo>
                  <a:lnTo>
                    <a:pt x="101194" y="3567"/>
                  </a:lnTo>
                  <a:lnTo>
                    <a:pt x="96053" y="2965"/>
                  </a:lnTo>
                  <a:lnTo>
                    <a:pt x="91005" y="2363"/>
                  </a:lnTo>
                  <a:lnTo>
                    <a:pt x="86096" y="1807"/>
                  </a:lnTo>
                  <a:lnTo>
                    <a:pt x="81280" y="1344"/>
                  </a:lnTo>
                  <a:lnTo>
                    <a:pt x="76695" y="881"/>
                  </a:lnTo>
                  <a:lnTo>
                    <a:pt x="72249" y="556"/>
                  </a:lnTo>
                  <a:lnTo>
                    <a:pt x="68081" y="279"/>
                  </a:lnTo>
                  <a:lnTo>
                    <a:pt x="64098" y="93"/>
                  </a:lnTo>
                  <a:lnTo>
                    <a:pt x="60439" y="1"/>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Tree>
    <p:extLst>
      <p:ext uri="{BB962C8B-B14F-4D97-AF65-F5344CB8AC3E}">
        <p14:creationId xmlns:p14="http://schemas.microsoft.com/office/powerpoint/2010/main" val="16915931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cxnSp>
        <p:nvCxnSpPr>
          <p:cNvPr id="8" name="Straight Connector 7"/>
          <p:cNvCxnSpPr/>
          <p:nvPr userDrawn="1"/>
        </p:nvCxnSpPr>
        <p:spPr>
          <a:xfrm>
            <a:off x="842674" y="1826499"/>
            <a:ext cx="18718314" cy="10081"/>
          </a:xfrm>
          <a:prstGeom prst="line">
            <a:avLst/>
          </a:prstGeom>
          <a:ln>
            <a:solidFill>
              <a:srgbClr val="F76C6C"/>
            </a:solidFill>
          </a:ln>
        </p:spPr>
        <p:style>
          <a:lnRef idx="1">
            <a:schemeClr val="accent1"/>
          </a:lnRef>
          <a:fillRef idx="0">
            <a:schemeClr val="accent1"/>
          </a:fillRef>
          <a:effectRef idx="0">
            <a:schemeClr val="accent1"/>
          </a:effectRef>
          <a:fontRef idx="minor">
            <a:schemeClr val="tx1"/>
          </a:fontRef>
        </p:style>
      </p:cxnSp>
      <p:sp>
        <p:nvSpPr>
          <p:cNvPr id="12" name="Text Placeholder 6"/>
          <p:cNvSpPr>
            <a:spLocks noGrp="1"/>
          </p:cNvSpPr>
          <p:nvPr>
            <p:ph type="body" sz="quarter" idx="13"/>
          </p:nvPr>
        </p:nvSpPr>
        <p:spPr>
          <a:xfrm>
            <a:off x="842683" y="2206595"/>
            <a:ext cx="8885790" cy="6700776"/>
          </a:xfrm>
          <a:prstGeom prst="rect">
            <a:avLst/>
          </a:prstGeom>
        </p:spPr>
        <p:txBody>
          <a:bodyPr>
            <a:noAutofit/>
          </a:bodyPr>
          <a:lstStyle>
            <a:lvl1pPr marL="342900" indent="-342900">
              <a:buFont typeface="Wingdings" panose="05000000000000000000" pitchFamily="2" charset="2"/>
              <a:buChar char="§"/>
              <a:defRPr sz="4400">
                <a:solidFill>
                  <a:srgbClr val="54565A"/>
                </a:solidFill>
              </a:defRPr>
            </a:lvl1pPr>
            <a:lvl2pPr marL="1028693" indent="-342900">
              <a:buFont typeface="Wingdings" panose="05000000000000000000" pitchFamily="2" charset="2"/>
              <a:buChar char="§"/>
              <a:defRPr sz="4000"/>
            </a:lvl2pPr>
            <a:lvl3pPr marL="1714487" indent="-342900">
              <a:buFont typeface="Wingdings" panose="05000000000000000000" pitchFamily="2" charset="2"/>
              <a:buChar char="§"/>
              <a:defRPr sz="3200"/>
            </a:lvl3pPr>
            <a:lvl4pPr marL="2400279" indent="-342900">
              <a:buFont typeface="Wingdings" panose="05000000000000000000" pitchFamily="2" charset="2"/>
              <a:buChar char="§"/>
              <a:defRPr sz="3200"/>
            </a:lvl4pPr>
            <a:lvl5pPr marL="3086073" indent="-342900">
              <a:buFont typeface="Wingdings" panose="05000000000000000000" pitchFamily="2" charset="2"/>
              <a:buChar char="§"/>
              <a:defRPr sz="3200"/>
            </a:lvl5pPr>
          </a:lstStyle>
          <a:p>
            <a:pPr lvl="0"/>
            <a:r>
              <a:rPr lang="en-US" noProof="0" dirty="0"/>
              <a:t>Edit Master text styles</a:t>
            </a:r>
          </a:p>
          <a:p>
            <a:pPr lvl="1"/>
            <a:r>
              <a:rPr lang="en-US" noProof="0" dirty="0"/>
              <a:t>Second level</a:t>
            </a:r>
          </a:p>
          <a:p>
            <a:pPr lvl="2"/>
            <a:r>
              <a:rPr lang="en-US" noProof="0" dirty="0"/>
              <a:t>Third level</a:t>
            </a:r>
          </a:p>
        </p:txBody>
      </p:sp>
      <p:sp>
        <p:nvSpPr>
          <p:cNvPr id="14" name="Text Placeholder 6"/>
          <p:cNvSpPr>
            <a:spLocks noGrp="1"/>
          </p:cNvSpPr>
          <p:nvPr>
            <p:ph type="body" sz="quarter" idx="14"/>
          </p:nvPr>
        </p:nvSpPr>
        <p:spPr>
          <a:xfrm>
            <a:off x="10639340" y="2206595"/>
            <a:ext cx="8885790" cy="6700776"/>
          </a:xfrm>
          <a:prstGeom prst="rect">
            <a:avLst/>
          </a:prstGeom>
        </p:spPr>
        <p:txBody>
          <a:bodyPr>
            <a:noAutofit/>
          </a:bodyPr>
          <a:lstStyle>
            <a:lvl1pPr marL="342900" indent="-342900">
              <a:buFont typeface="Wingdings" panose="05000000000000000000" pitchFamily="2" charset="2"/>
              <a:buChar char="§"/>
              <a:defRPr sz="4400">
                <a:solidFill>
                  <a:srgbClr val="54565A"/>
                </a:solidFill>
              </a:defRPr>
            </a:lvl1pPr>
            <a:lvl2pPr marL="1028693" indent="-342900">
              <a:buFont typeface="Wingdings" panose="05000000000000000000" pitchFamily="2" charset="2"/>
              <a:buChar char="§"/>
              <a:defRPr sz="4000"/>
            </a:lvl2pPr>
            <a:lvl3pPr marL="1714487" indent="-342900">
              <a:buFont typeface="Wingdings" panose="05000000000000000000" pitchFamily="2" charset="2"/>
              <a:buChar char="§"/>
              <a:defRPr sz="3200"/>
            </a:lvl3pPr>
            <a:lvl4pPr marL="2400279" indent="-342900">
              <a:buFont typeface="Wingdings" panose="05000000000000000000" pitchFamily="2" charset="2"/>
              <a:buChar char="§"/>
              <a:defRPr sz="3200"/>
            </a:lvl4pPr>
            <a:lvl5pPr marL="3086073" indent="-342900">
              <a:buFont typeface="Wingdings" panose="05000000000000000000" pitchFamily="2" charset="2"/>
              <a:buChar char="§"/>
              <a:defRPr sz="3200"/>
            </a:lvl5pPr>
          </a:lstStyle>
          <a:p>
            <a:pPr lvl="0"/>
            <a:r>
              <a:rPr lang="en-US" noProof="0" dirty="0"/>
              <a:t>Edit Master text styles</a:t>
            </a:r>
          </a:p>
          <a:p>
            <a:pPr lvl="1"/>
            <a:r>
              <a:rPr lang="en-US" noProof="0" dirty="0"/>
              <a:t>Second level</a:t>
            </a:r>
          </a:p>
          <a:p>
            <a:pPr lvl="2"/>
            <a:r>
              <a:rPr lang="en-US" noProof="0" dirty="0"/>
              <a:t>Third level</a:t>
            </a:r>
          </a:p>
        </p:txBody>
      </p:sp>
      <p:sp>
        <p:nvSpPr>
          <p:cNvPr id="6" name="Title 4"/>
          <p:cNvSpPr>
            <a:spLocks noGrp="1"/>
          </p:cNvSpPr>
          <p:nvPr>
            <p:ph type="title"/>
          </p:nvPr>
        </p:nvSpPr>
        <p:spPr>
          <a:xfrm>
            <a:off x="842674" y="794960"/>
            <a:ext cx="17793001" cy="984304"/>
          </a:xfrm>
          <a:prstGeom prst="rect">
            <a:avLst/>
          </a:prstGeom>
        </p:spPr>
        <p:txBody>
          <a:bodyPr anchor="t" anchorCtr="0"/>
          <a:lstStyle>
            <a:lvl1pPr>
              <a:defRPr sz="4800">
                <a:solidFill>
                  <a:srgbClr val="114B5F"/>
                </a:solidFill>
              </a:defRPr>
            </a:lvl1pPr>
          </a:lstStyle>
          <a:p>
            <a:r>
              <a:rPr lang="en-US" dirty="0"/>
              <a:t>Click to edit Master title style</a:t>
            </a:r>
            <a:endParaRPr lang="en-GB" dirty="0"/>
          </a:p>
        </p:txBody>
      </p:sp>
    </p:spTree>
    <p:extLst>
      <p:ext uri="{BB962C8B-B14F-4D97-AF65-F5344CB8AC3E}">
        <p14:creationId xmlns:p14="http://schemas.microsoft.com/office/powerpoint/2010/main" val="2438849637"/>
      </p:ext>
    </p:extLst>
  </p:cSld>
  <p:clrMapOvr>
    <a:masterClrMapping/>
  </p:clrMapOvr>
  <p:hf hdr="0" ftr="0" dt="0"/>
</p:sldLayout>
</file>

<file path=ppt/slideLayouts/slideLayout90.xml><?xml version="1.0" encoding="utf-8"?>
<p:sldLayout xmlns:a="http://schemas.openxmlformats.org/drawingml/2006/main" xmlns:r="http://schemas.openxmlformats.org/officeDocument/2006/relationships" xmlns:p="http://schemas.openxmlformats.org/presentationml/2006/main" matchingName="Main point">
  <p:cSld name="Main point">
    <p:spTree>
      <p:nvGrpSpPr>
        <p:cNvPr id="1" name="Shape 105"/>
        <p:cNvGrpSpPr/>
        <p:nvPr/>
      </p:nvGrpSpPr>
      <p:grpSpPr>
        <a:xfrm>
          <a:off x="0" y="0"/>
          <a:ext cx="0" cy="0"/>
          <a:chOff x="0" y="0"/>
          <a:chExt cx="0" cy="0"/>
        </a:xfrm>
      </p:grpSpPr>
      <p:pic>
        <p:nvPicPr>
          <p:cNvPr id="106" name="Google Shape;106;p8"/>
          <p:cNvPicPr preferRelativeResize="0"/>
          <p:nvPr/>
        </p:nvPicPr>
        <p:blipFill rotWithShape="1">
          <a:blip r:embed="rId2">
            <a:alphaModFix amt="58999"/>
          </a:blip>
          <a:srcRect/>
          <a:stretch/>
        </p:blipFill>
        <p:spPr>
          <a:xfrm>
            <a:off x="0" y="0"/>
            <a:ext cx="20320000" cy="11430000"/>
          </a:xfrm>
          <a:prstGeom prst="rect">
            <a:avLst/>
          </a:prstGeom>
          <a:noFill/>
          <a:ln>
            <a:noFill/>
          </a:ln>
        </p:spPr>
      </p:pic>
      <p:sp>
        <p:nvSpPr>
          <p:cNvPr id="107" name="Google Shape;107;p8"/>
          <p:cNvSpPr txBox="1">
            <a:spLocks noGrp="1"/>
          </p:cNvSpPr>
          <p:nvPr>
            <p:ph type="title"/>
          </p:nvPr>
        </p:nvSpPr>
        <p:spPr>
          <a:xfrm>
            <a:off x="4376334" y="2656334"/>
            <a:ext cx="11567333" cy="4085333"/>
          </a:xfrm>
          <a:prstGeom prst="rect">
            <a:avLst/>
          </a:prstGeom>
        </p:spPr>
        <p:txBody>
          <a:bodyPr spcFirstLastPara="1" wrap="square" lIns="91425" tIns="91425" rIns="91425" bIns="91425" anchor="ctr" anchorCtr="0">
            <a:noAutofit/>
          </a:bodyPr>
          <a:lstStyle>
            <a:lvl1pPr lvl="0" algn="ctr">
              <a:spcBef>
                <a:spcPts val="0"/>
              </a:spcBef>
              <a:spcAft>
                <a:spcPts val="0"/>
              </a:spcAft>
              <a:buSzPts val="4800"/>
              <a:buNone/>
              <a:defRPr sz="13333"/>
            </a:lvl1pPr>
            <a:lvl2pPr lvl="1">
              <a:spcBef>
                <a:spcPts val="0"/>
              </a:spcBef>
              <a:spcAft>
                <a:spcPts val="0"/>
              </a:spcAft>
              <a:buSzPts val="4800"/>
              <a:buNone/>
              <a:defRPr sz="10667"/>
            </a:lvl2pPr>
            <a:lvl3pPr lvl="2">
              <a:spcBef>
                <a:spcPts val="0"/>
              </a:spcBef>
              <a:spcAft>
                <a:spcPts val="0"/>
              </a:spcAft>
              <a:buSzPts val="4800"/>
              <a:buNone/>
              <a:defRPr sz="10667"/>
            </a:lvl3pPr>
            <a:lvl4pPr lvl="3">
              <a:spcBef>
                <a:spcPts val="0"/>
              </a:spcBef>
              <a:spcAft>
                <a:spcPts val="0"/>
              </a:spcAft>
              <a:buSzPts val="4800"/>
              <a:buNone/>
              <a:defRPr sz="10667"/>
            </a:lvl4pPr>
            <a:lvl5pPr lvl="4">
              <a:spcBef>
                <a:spcPts val="0"/>
              </a:spcBef>
              <a:spcAft>
                <a:spcPts val="0"/>
              </a:spcAft>
              <a:buSzPts val="4800"/>
              <a:buNone/>
              <a:defRPr sz="10667"/>
            </a:lvl5pPr>
            <a:lvl6pPr lvl="5">
              <a:spcBef>
                <a:spcPts val="0"/>
              </a:spcBef>
              <a:spcAft>
                <a:spcPts val="0"/>
              </a:spcAft>
              <a:buSzPts val="4800"/>
              <a:buNone/>
              <a:defRPr sz="10667"/>
            </a:lvl6pPr>
            <a:lvl7pPr lvl="6">
              <a:spcBef>
                <a:spcPts val="0"/>
              </a:spcBef>
              <a:spcAft>
                <a:spcPts val="0"/>
              </a:spcAft>
              <a:buSzPts val="4800"/>
              <a:buNone/>
              <a:defRPr sz="10667"/>
            </a:lvl7pPr>
            <a:lvl8pPr lvl="7">
              <a:spcBef>
                <a:spcPts val="0"/>
              </a:spcBef>
              <a:spcAft>
                <a:spcPts val="0"/>
              </a:spcAft>
              <a:buSzPts val="4800"/>
              <a:buNone/>
              <a:defRPr sz="10667"/>
            </a:lvl8pPr>
            <a:lvl9pPr lvl="8">
              <a:spcBef>
                <a:spcPts val="0"/>
              </a:spcBef>
              <a:spcAft>
                <a:spcPts val="0"/>
              </a:spcAft>
              <a:buSzPts val="4800"/>
              <a:buNone/>
              <a:defRPr sz="10667"/>
            </a:lvl9pPr>
          </a:lstStyle>
          <a:p>
            <a:endParaRPr/>
          </a:p>
        </p:txBody>
      </p:sp>
      <p:grpSp>
        <p:nvGrpSpPr>
          <p:cNvPr id="108" name="Google Shape;108;p8"/>
          <p:cNvGrpSpPr/>
          <p:nvPr/>
        </p:nvGrpSpPr>
        <p:grpSpPr>
          <a:xfrm>
            <a:off x="-82" y="9187830"/>
            <a:ext cx="20320000" cy="2242180"/>
            <a:chOff x="-37" y="4134602"/>
            <a:chExt cx="9144000" cy="1008981"/>
          </a:xfrm>
        </p:grpSpPr>
        <p:sp>
          <p:nvSpPr>
            <p:cNvPr id="109" name="Google Shape;109;p8"/>
            <p:cNvSpPr/>
            <p:nvPr/>
          </p:nvSpPr>
          <p:spPr>
            <a:xfrm>
              <a:off x="-37" y="4170349"/>
              <a:ext cx="9144000" cy="937485"/>
            </a:xfrm>
            <a:custGeom>
              <a:avLst/>
              <a:gdLst/>
              <a:ahLst/>
              <a:cxnLst/>
              <a:rect l="l" t="t" r="r" b="b"/>
              <a:pathLst>
                <a:path w="285750" h="81326" extrusionOk="0">
                  <a:moveTo>
                    <a:pt x="84150" y="1"/>
                  </a:moveTo>
                  <a:lnTo>
                    <a:pt x="83270" y="47"/>
                  </a:lnTo>
                  <a:lnTo>
                    <a:pt x="82437" y="186"/>
                  </a:lnTo>
                  <a:lnTo>
                    <a:pt x="80723" y="464"/>
                  </a:lnTo>
                  <a:lnTo>
                    <a:pt x="78917" y="835"/>
                  </a:lnTo>
                  <a:lnTo>
                    <a:pt x="77111" y="1205"/>
                  </a:lnTo>
                  <a:lnTo>
                    <a:pt x="75258" y="1668"/>
                  </a:lnTo>
                  <a:lnTo>
                    <a:pt x="73359" y="2178"/>
                  </a:lnTo>
                  <a:lnTo>
                    <a:pt x="71414" y="2687"/>
                  </a:lnTo>
                  <a:lnTo>
                    <a:pt x="67478" y="3845"/>
                  </a:lnTo>
                  <a:lnTo>
                    <a:pt x="63402" y="5095"/>
                  </a:lnTo>
                  <a:lnTo>
                    <a:pt x="59280" y="6438"/>
                  </a:lnTo>
                  <a:lnTo>
                    <a:pt x="51037" y="9217"/>
                  </a:lnTo>
                  <a:lnTo>
                    <a:pt x="46961" y="10606"/>
                  </a:lnTo>
                  <a:lnTo>
                    <a:pt x="42932" y="11950"/>
                  </a:lnTo>
                  <a:lnTo>
                    <a:pt x="39042" y="13154"/>
                  </a:lnTo>
                  <a:lnTo>
                    <a:pt x="35290" y="14265"/>
                  </a:lnTo>
                  <a:lnTo>
                    <a:pt x="33484" y="14775"/>
                  </a:lnTo>
                  <a:lnTo>
                    <a:pt x="31724" y="15238"/>
                  </a:lnTo>
                  <a:lnTo>
                    <a:pt x="30011" y="15655"/>
                  </a:lnTo>
                  <a:lnTo>
                    <a:pt x="28390" y="16025"/>
                  </a:lnTo>
                  <a:lnTo>
                    <a:pt x="26815" y="16349"/>
                  </a:lnTo>
                  <a:lnTo>
                    <a:pt x="25287" y="16627"/>
                  </a:lnTo>
                  <a:lnTo>
                    <a:pt x="23851" y="16812"/>
                  </a:lnTo>
                  <a:lnTo>
                    <a:pt x="22462" y="16951"/>
                  </a:lnTo>
                  <a:lnTo>
                    <a:pt x="19868" y="17183"/>
                  </a:lnTo>
                  <a:lnTo>
                    <a:pt x="17414" y="17368"/>
                  </a:lnTo>
                  <a:lnTo>
                    <a:pt x="15098" y="17646"/>
                  </a:lnTo>
                  <a:lnTo>
                    <a:pt x="12921" y="17878"/>
                  </a:lnTo>
                  <a:lnTo>
                    <a:pt x="9077" y="18433"/>
                  </a:lnTo>
                  <a:lnTo>
                    <a:pt x="5882" y="18896"/>
                  </a:lnTo>
                  <a:lnTo>
                    <a:pt x="3335" y="19360"/>
                  </a:lnTo>
                  <a:lnTo>
                    <a:pt x="1528" y="19730"/>
                  </a:lnTo>
                  <a:lnTo>
                    <a:pt x="0" y="20101"/>
                  </a:lnTo>
                  <a:lnTo>
                    <a:pt x="0" y="81325"/>
                  </a:lnTo>
                  <a:lnTo>
                    <a:pt x="285750" y="81325"/>
                  </a:lnTo>
                  <a:lnTo>
                    <a:pt x="285750" y="16951"/>
                  </a:lnTo>
                  <a:lnTo>
                    <a:pt x="281906" y="16396"/>
                  </a:lnTo>
                  <a:lnTo>
                    <a:pt x="277460" y="15793"/>
                  </a:lnTo>
                  <a:lnTo>
                    <a:pt x="271578" y="15006"/>
                  </a:lnTo>
                  <a:lnTo>
                    <a:pt x="264492" y="14173"/>
                  </a:lnTo>
                  <a:lnTo>
                    <a:pt x="256388" y="13339"/>
                  </a:lnTo>
                  <a:lnTo>
                    <a:pt x="252034" y="12922"/>
                  </a:lnTo>
                  <a:lnTo>
                    <a:pt x="247496" y="12505"/>
                  </a:lnTo>
                  <a:lnTo>
                    <a:pt x="242818" y="12135"/>
                  </a:lnTo>
                  <a:lnTo>
                    <a:pt x="238002" y="11811"/>
                  </a:lnTo>
                  <a:lnTo>
                    <a:pt x="233139" y="11486"/>
                  </a:lnTo>
                  <a:lnTo>
                    <a:pt x="228137" y="11255"/>
                  </a:lnTo>
                  <a:lnTo>
                    <a:pt x="223135" y="11023"/>
                  </a:lnTo>
                  <a:lnTo>
                    <a:pt x="218133" y="10931"/>
                  </a:lnTo>
                  <a:lnTo>
                    <a:pt x="213132" y="10838"/>
                  </a:lnTo>
                  <a:lnTo>
                    <a:pt x="208130" y="10838"/>
                  </a:lnTo>
                  <a:lnTo>
                    <a:pt x="203221" y="10977"/>
                  </a:lnTo>
                  <a:lnTo>
                    <a:pt x="198404" y="11162"/>
                  </a:lnTo>
                  <a:lnTo>
                    <a:pt x="196042" y="11301"/>
                  </a:lnTo>
                  <a:lnTo>
                    <a:pt x="193680" y="11440"/>
                  </a:lnTo>
                  <a:lnTo>
                    <a:pt x="191365" y="11625"/>
                  </a:lnTo>
                  <a:lnTo>
                    <a:pt x="189141" y="11857"/>
                  </a:lnTo>
                  <a:lnTo>
                    <a:pt x="186918" y="12088"/>
                  </a:lnTo>
                  <a:lnTo>
                    <a:pt x="184695" y="12366"/>
                  </a:lnTo>
                  <a:lnTo>
                    <a:pt x="182565" y="12691"/>
                  </a:lnTo>
                  <a:lnTo>
                    <a:pt x="180527" y="13015"/>
                  </a:lnTo>
                  <a:lnTo>
                    <a:pt x="178490" y="13385"/>
                  </a:lnTo>
                  <a:lnTo>
                    <a:pt x="176498" y="13756"/>
                  </a:lnTo>
                  <a:lnTo>
                    <a:pt x="174599" y="14219"/>
                  </a:lnTo>
                  <a:lnTo>
                    <a:pt x="172747" y="14682"/>
                  </a:lnTo>
                  <a:lnTo>
                    <a:pt x="170987" y="15191"/>
                  </a:lnTo>
                  <a:lnTo>
                    <a:pt x="169273" y="15747"/>
                  </a:lnTo>
                  <a:lnTo>
                    <a:pt x="167652" y="16349"/>
                  </a:lnTo>
                  <a:lnTo>
                    <a:pt x="166124" y="16951"/>
                  </a:lnTo>
                  <a:lnTo>
                    <a:pt x="164596" y="17553"/>
                  </a:lnTo>
                  <a:lnTo>
                    <a:pt x="163114" y="18109"/>
                  </a:lnTo>
                  <a:lnTo>
                    <a:pt x="161585" y="18572"/>
                  </a:lnTo>
                  <a:lnTo>
                    <a:pt x="160057" y="18989"/>
                  </a:lnTo>
                  <a:lnTo>
                    <a:pt x="158529" y="19360"/>
                  </a:lnTo>
                  <a:lnTo>
                    <a:pt x="157047" y="19637"/>
                  </a:lnTo>
                  <a:lnTo>
                    <a:pt x="155518" y="19869"/>
                  </a:lnTo>
                  <a:lnTo>
                    <a:pt x="153990" y="20054"/>
                  </a:lnTo>
                  <a:lnTo>
                    <a:pt x="152508" y="20193"/>
                  </a:lnTo>
                  <a:lnTo>
                    <a:pt x="150980" y="20286"/>
                  </a:lnTo>
                  <a:lnTo>
                    <a:pt x="147969" y="20286"/>
                  </a:lnTo>
                  <a:lnTo>
                    <a:pt x="146487" y="20193"/>
                  </a:lnTo>
                  <a:lnTo>
                    <a:pt x="144959" y="20101"/>
                  </a:lnTo>
                  <a:lnTo>
                    <a:pt x="143477" y="19915"/>
                  </a:lnTo>
                  <a:lnTo>
                    <a:pt x="141995" y="19730"/>
                  </a:lnTo>
                  <a:lnTo>
                    <a:pt x="140513" y="19498"/>
                  </a:lnTo>
                  <a:lnTo>
                    <a:pt x="139031" y="19221"/>
                  </a:lnTo>
                  <a:lnTo>
                    <a:pt x="137549" y="18896"/>
                  </a:lnTo>
                  <a:lnTo>
                    <a:pt x="136067" y="18572"/>
                  </a:lnTo>
                  <a:lnTo>
                    <a:pt x="134585" y="18202"/>
                  </a:lnTo>
                  <a:lnTo>
                    <a:pt x="133149" y="17831"/>
                  </a:lnTo>
                  <a:lnTo>
                    <a:pt x="130232" y="16951"/>
                  </a:lnTo>
                  <a:lnTo>
                    <a:pt x="127360" y="15979"/>
                  </a:lnTo>
                  <a:lnTo>
                    <a:pt x="124535" y="14914"/>
                  </a:lnTo>
                  <a:lnTo>
                    <a:pt x="121710" y="13802"/>
                  </a:lnTo>
                  <a:lnTo>
                    <a:pt x="118931" y="12644"/>
                  </a:lnTo>
                  <a:lnTo>
                    <a:pt x="116245" y="11440"/>
                  </a:lnTo>
                  <a:lnTo>
                    <a:pt x="113559" y="10236"/>
                  </a:lnTo>
                  <a:lnTo>
                    <a:pt x="108326" y="7874"/>
                  </a:lnTo>
                  <a:lnTo>
                    <a:pt x="103324" y="5558"/>
                  </a:lnTo>
                  <a:lnTo>
                    <a:pt x="100916" y="4493"/>
                  </a:lnTo>
                  <a:lnTo>
                    <a:pt x="98554" y="3521"/>
                  </a:lnTo>
                  <a:lnTo>
                    <a:pt x="96284" y="2641"/>
                  </a:lnTo>
                  <a:lnTo>
                    <a:pt x="94061" y="1853"/>
                  </a:lnTo>
                  <a:lnTo>
                    <a:pt x="91931" y="1159"/>
                  </a:lnTo>
                  <a:lnTo>
                    <a:pt x="90912" y="881"/>
                  </a:lnTo>
                  <a:lnTo>
                    <a:pt x="89893" y="649"/>
                  </a:lnTo>
                  <a:lnTo>
                    <a:pt x="88874" y="418"/>
                  </a:lnTo>
                  <a:lnTo>
                    <a:pt x="87902" y="279"/>
                  </a:lnTo>
                  <a:lnTo>
                    <a:pt x="86929" y="140"/>
                  </a:lnTo>
                  <a:lnTo>
                    <a:pt x="86003" y="47"/>
                  </a:lnTo>
                  <a:lnTo>
                    <a:pt x="85077" y="1"/>
                  </a:lnTo>
                  <a:close/>
                </a:path>
              </a:pathLst>
            </a:cu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110" name="Google Shape;110;p8"/>
            <p:cNvSpPr/>
            <p:nvPr/>
          </p:nvSpPr>
          <p:spPr>
            <a:xfrm>
              <a:off x="0" y="4134602"/>
              <a:ext cx="9143916" cy="937442"/>
            </a:xfrm>
            <a:custGeom>
              <a:avLst/>
              <a:gdLst/>
              <a:ahLst/>
              <a:cxnLst/>
              <a:rect l="l" t="t" r="r" b="b"/>
              <a:pathLst>
                <a:path w="285057" h="22555" extrusionOk="0">
                  <a:moveTo>
                    <a:pt x="1" y="0"/>
                  </a:moveTo>
                  <a:lnTo>
                    <a:pt x="1" y="22554"/>
                  </a:lnTo>
                  <a:lnTo>
                    <a:pt x="285056" y="22554"/>
                  </a:lnTo>
                  <a:lnTo>
                    <a:pt x="285056" y="16904"/>
                  </a:lnTo>
                  <a:lnTo>
                    <a:pt x="281860" y="16673"/>
                  </a:lnTo>
                  <a:lnTo>
                    <a:pt x="273246" y="16117"/>
                  </a:lnTo>
                  <a:lnTo>
                    <a:pt x="267365" y="15654"/>
                  </a:lnTo>
                  <a:lnTo>
                    <a:pt x="260695" y="15144"/>
                  </a:lnTo>
                  <a:lnTo>
                    <a:pt x="253424" y="14496"/>
                  </a:lnTo>
                  <a:lnTo>
                    <a:pt x="245736" y="13801"/>
                  </a:lnTo>
                  <a:lnTo>
                    <a:pt x="237771" y="12968"/>
                  </a:lnTo>
                  <a:lnTo>
                    <a:pt x="229759" y="12088"/>
                  </a:lnTo>
                  <a:lnTo>
                    <a:pt x="225822" y="11625"/>
                  </a:lnTo>
                  <a:lnTo>
                    <a:pt x="221885" y="11115"/>
                  </a:lnTo>
                  <a:lnTo>
                    <a:pt x="218088" y="10606"/>
                  </a:lnTo>
                  <a:lnTo>
                    <a:pt x="214336" y="10050"/>
                  </a:lnTo>
                  <a:lnTo>
                    <a:pt x="210770" y="9494"/>
                  </a:lnTo>
                  <a:lnTo>
                    <a:pt x="207297" y="8892"/>
                  </a:lnTo>
                  <a:lnTo>
                    <a:pt x="204009" y="8290"/>
                  </a:lnTo>
                  <a:lnTo>
                    <a:pt x="200952" y="7688"/>
                  </a:lnTo>
                  <a:lnTo>
                    <a:pt x="198081" y="7040"/>
                  </a:lnTo>
                  <a:lnTo>
                    <a:pt x="195441" y="6391"/>
                  </a:lnTo>
                  <a:lnTo>
                    <a:pt x="193079" y="5697"/>
                  </a:lnTo>
                  <a:lnTo>
                    <a:pt x="192014" y="5326"/>
                  </a:lnTo>
                  <a:lnTo>
                    <a:pt x="190995" y="5002"/>
                  </a:lnTo>
                  <a:lnTo>
                    <a:pt x="190022" y="4632"/>
                  </a:lnTo>
                  <a:lnTo>
                    <a:pt x="189096" y="4354"/>
                  </a:lnTo>
                  <a:lnTo>
                    <a:pt x="188123" y="4030"/>
                  </a:lnTo>
                  <a:lnTo>
                    <a:pt x="187151" y="3798"/>
                  </a:lnTo>
                  <a:lnTo>
                    <a:pt x="186132" y="3566"/>
                  </a:lnTo>
                  <a:lnTo>
                    <a:pt x="185159" y="3381"/>
                  </a:lnTo>
                  <a:lnTo>
                    <a:pt x="183214" y="3057"/>
                  </a:lnTo>
                  <a:lnTo>
                    <a:pt x="181223" y="2872"/>
                  </a:lnTo>
                  <a:lnTo>
                    <a:pt x="179231" y="2733"/>
                  </a:lnTo>
                  <a:lnTo>
                    <a:pt x="177193" y="2733"/>
                  </a:lnTo>
                  <a:lnTo>
                    <a:pt x="175156" y="2779"/>
                  </a:lnTo>
                  <a:lnTo>
                    <a:pt x="173118" y="2918"/>
                  </a:lnTo>
                  <a:lnTo>
                    <a:pt x="171034" y="3103"/>
                  </a:lnTo>
                  <a:lnTo>
                    <a:pt x="168996" y="3381"/>
                  </a:lnTo>
                  <a:lnTo>
                    <a:pt x="166866" y="3705"/>
                  </a:lnTo>
                  <a:lnTo>
                    <a:pt x="164735" y="4076"/>
                  </a:lnTo>
                  <a:lnTo>
                    <a:pt x="162605" y="4493"/>
                  </a:lnTo>
                  <a:lnTo>
                    <a:pt x="160475" y="4956"/>
                  </a:lnTo>
                  <a:lnTo>
                    <a:pt x="158298" y="5465"/>
                  </a:lnTo>
                  <a:lnTo>
                    <a:pt x="153852" y="6484"/>
                  </a:lnTo>
                  <a:lnTo>
                    <a:pt x="149359" y="7596"/>
                  </a:lnTo>
                  <a:lnTo>
                    <a:pt x="144775" y="8707"/>
                  </a:lnTo>
                  <a:lnTo>
                    <a:pt x="140097" y="9772"/>
                  </a:lnTo>
                  <a:lnTo>
                    <a:pt x="137735" y="10282"/>
                  </a:lnTo>
                  <a:lnTo>
                    <a:pt x="135327" y="10745"/>
                  </a:lnTo>
                  <a:lnTo>
                    <a:pt x="132918" y="11162"/>
                  </a:lnTo>
                  <a:lnTo>
                    <a:pt x="130464" y="11532"/>
                  </a:lnTo>
                  <a:lnTo>
                    <a:pt x="127963" y="11903"/>
                  </a:lnTo>
                  <a:lnTo>
                    <a:pt x="125462" y="12180"/>
                  </a:lnTo>
                  <a:lnTo>
                    <a:pt x="122961" y="12366"/>
                  </a:lnTo>
                  <a:lnTo>
                    <a:pt x="120414" y="12505"/>
                  </a:lnTo>
                  <a:lnTo>
                    <a:pt x="117635" y="12597"/>
                  </a:lnTo>
                  <a:lnTo>
                    <a:pt x="114532" y="12597"/>
                  </a:lnTo>
                  <a:lnTo>
                    <a:pt x="111105" y="12505"/>
                  </a:lnTo>
                  <a:lnTo>
                    <a:pt x="107354" y="12319"/>
                  </a:lnTo>
                  <a:lnTo>
                    <a:pt x="103371" y="12088"/>
                  </a:lnTo>
                  <a:lnTo>
                    <a:pt x="99110" y="11810"/>
                  </a:lnTo>
                  <a:lnTo>
                    <a:pt x="94664" y="11486"/>
                  </a:lnTo>
                  <a:lnTo>
                    <a:pt x="90033" y="11069"/>
                  </a:lnTo>
                  <a:lnTo>
                    <a:pt x="85263" y="10606"/>
                  </a:lnTo>
                  <a:lnTo>
                    <a:pt x="80353" y="10143"/>
                  </a:lnTo>
                  <a:lnTo>
                    <a:pt x="70257" y="9078"/>
                  </a:lnTo>
                  <a:lnTo>
                    <a:pt x="60068" y="7920"/>
                  </a:lnTo>
                  <a:lnTo>
                    <a:pt x="49926" y="6716"/>
                  </a:lnTo>
                  <a:lnTo>
                    <a:pt x="40108" y="5465"/>
                  </a:lnTo>
                  <a:lnTo>
                    <a:pt x="30891" y="4261"/>
                  </a:lnTo>
                  <a:lnTo>
                    <a:pt x="22416" y="3150"/>
                  </a:lnTo>
                  <a:lnTo>
                    <a:pt x="14960" y="2131"/>
                  </a:lnTo>
                  <a:lnTo>
                    <a:pt x="4076" y="602"/>
                  </a:lnTo>
                  <a:lnTo>
                    <a:pt x="1" y="0"/>
                  </a:lnTo>
                  <a:close/>
                </a:path>
              </a:pathLst>
            </a:custGeom>
            <a:solidFill>
              <a:schemeClr val="l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111" name="Google Shape;111;p8"/>
            <p:cNvSpPr/>
            <p:nvPr/>
          </p:nvSpPr>
          <p:spPr>
            <a:xfrm>
              <a:off x="0" y="4569614"/>
              <a:ext cx="9143916" cy="502399"/>
            </a:xfrm>
            <a:custGeom>
              <a:avLst/>
              <a:gdLst/>
              <a:ahLst/>
              <a:cxnLst/>
              <a:rect l="l" t="t" r="r" b="b"/>
              <a:pathLst>
                <a:path w="285057" h="13941" extrusionOk="0">
                  <a:moveTo>
                    <a:pt x="238141" y="0"/>
                  </a:moveTo>
                  <a:lnTo>
                    <a:pt x="234529" y="47"/>
                  </a:lnTo>
                  <a:lnTo>
                    <a:pt x="230777" y="186"/>
                  </a:lnTo>
                  <a:lnTo>
                    <a:pt x="226933" y="325"/>
                  </a:lnTo>
                  <a:lnTo>
                    <a:pt x="222997" y="602"/>
                  </a:lnTo>
                  <a:lnTo>
                    <a:pt x="218921" y="927"/>
                  </a:lnTo>
                  <a:lnTo>
                    <a:pt x="214799" y="1343"/>
                  </a:lnTo>
                  <a:lnTo>
                    <a:pt x="210585" y="1853"/>
                  </a:lnTo>
                  <a:lnTo>
                    <a:pt x="206278" y="2455"/>
                  </a:lnTo>
                  <a:lnTo>
                    <a:pt x="204009" y="2733"/>
                  </a:lnTo>
                  <a:lnTo>
                    <a:pt x="201647" y="3057"/>
                  </a:lnTo>
                  <a:lnTo>
                    <a:pt x="199053" y="3289"/>
                  </a:lnTo>
                  <a:lnTo>
                    <a:pt x="196367" y="3566"/>
                  </a:lnTo>
                  <a:lnTo>
                    <a:pt x="193542" y="3798"/>
                  </a:lnTo>
                  <a:lnTo>
                    <a:pt x="190578" y="4030"/>
                  </a:lnTo>
                  <a:lnTo>
                    <a:pt x="184279" y="4400"/>
                  </a:lnTo>
                  <a:lnTo>
                    <a:pt x="177518" y="4724"/>
                  </a:lnTo>
                  <a:lnTo>
                    <a:pt x="170386" y="5002"/>
                  </a:lnTo>
                  <a:lnTo>
                    <a:pt x="162883" y="5187"/>
                  </a:lnTo>
                  <a:lnTo>
                    <a:pt x="155056" y="5326"/>
                  </a:lnTo>
                  <a:lnTo>
                    <a:pt x="146998" y="5465"/>
                  </a:lnTo>
                  <a:lnTo>
                    <a:pt x="138708" y="5512"/>
                  </a:lnTo>
                  <a:lnTo>
                    <a:pt x="130232" y="5512"/>
                  </a:lnTo>
                  <a:lnTo>
                    <a:pt x="121711" y="5465"/>
                  </a:lnTo>
                  <a:lnTo>
                    <a:pt x="113050" y="5419"/>
                  </a:lnTo>
                  <a:lnTo>
                    <a:pt x="104436" y="5280"/>
                  </a:lnTo>
                  <a:lnTo>
                    <a:pt x="95776" y="5187"/>
                  </a:lnTo>
                  <a:lnTo>
                    <a:pt x="87254" y="5002"/>
                  </a:lnTo>
                  <a:lnTo>
                    <a:pt x="70581" y="4632"/>
                  </a:lnTo>
                  <a:lnTo>
                    <a:pt x="54789" y="4215"/>
                  </a:lnTo>
                  <a:lnTo>
                    <a:pt x="40293" y="3752"/>
                  </a:lnTo>
                  <a:lnTo>
                    <a:pt x="27418" y="3242"/>
                  </a:lnTo>
                  <a:lnTo>
                    <a:pt x="16534" y="2825"/>
                  </a:lnTo>
                  <a:lnTo>
                    <a:pt x="8105" y="2409"/>
                  </a:lnTo>
                  <a:lnTo>
                    <a:pt x="2455" y="2131"/>
                  </a:lnTo>
                  <a:lnTo>
                    <a:pt x="834" y="1992"/>
                  </a:lnTo>
                  <a:lnTo>
                    <a:pt x="1" y="1946"/>
                  </a:lnTo>
                  <a:lnTo>
                    <a:pt x="1" y="13940"/>
                  </a:lnTo>
                  <a:lnTo>
                    <a:pt x="285056" y="13940"/>
                  </a:lnTo>
                  <a:lnTo>
                    <a:pt x="285056" y="5512"/>
                  </a:lnTo>
                  <a:lnTo>
                    <a:pt x="283574" y="5095"/>
                  </a:lnTo>
                  <a:lnTo>
                    <a:pt x="281768" y="4632"/>
                  </a:lnTo>
                  <a:lnTo>
                    <a:pt x="279267" y="4076"/>
                  </a:lnTo>
                  <a:lnTo>
                    <a:pt x="276118" y="3428"/>
                  </a:lnTo>
                  <a:lnTo>
                    <a:pt x="272366" y="2733"/>
                  </a:lnTo>
                  <a:lnTo>
                    <a:pt x="270236" y="2362"/>
                  </a:lnTo>
                  <a:lnTo>
                    <a:pt x="268013" y="2038"/>
                  </a:lnTo>
                  <a:lnTo>
                    <a:pt x="265605" y="1714"/>
                  </a:lnTo>
                  <a:lnTo>
                    <a:pt x="263057" y="1390"/>
                  </a:lnTo>
                  <a:lnTo>
                    <a:pt x="260371" y="1112"/>
                  </a:lnTo>
                  <a:lnTo>
                    <a:pt x="257593" y="834"/>
                  </a:lnTo>
                  <a:lnTo>
                    <a:pt x="254629" y="602"/>
                  </a:lnTo>
                  <a:lnTo>
                    <a:pt x="251572" y="371"/>
                  </a:lnTo>
                  <a:lnTo>
                    <a:pt x="248423" y="232"/>
                  </a:lnTo>
                  <a:lnTo>
                    <a:pt x="245088" y="93"/>
                  </a:lnTo>
                  <a:lnTo>
                    <a:pt x="241661" y="47"/>
                  </a:lnTo>
                  <a:lnTo>
                    <a:pt x="238141" y="0"/>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112" name="Google Shape;112;p8"/>
            <p:cNvSpPr/>
            <p:nvPr/>
          </p:nvSpPr>
          <p:spPr>
            <a:xfrm>
              <a:off x="0" y="4612402"/>
              <a:ext cx="9143916" cy="531181"/>
            </a:xfrm>
            <a:custGeom>
              <a:avLst/>
              <a:gdLst/>
              <a:ahLst/>
              <a:cxnLst/>
              <a:rect l="l" t="t" r="r" b="b"/>
              <a:pathLst>
                <a:path w="285057" h="21397" extrusionOk="0">
                  <a:moveTo>
                    <a:pt x="60439" y="1"/>
                  </a:moveTo>
                  <a:lnTo>
                    <a:pt x="57058" y="47"/>
                  </a:lnTo>
                  <a:lnTo>
                    <a:pt x="55530" y="47"/>
                  </a:lnTo>
                  <a:lnTo>
                    <a:pt x="54048" y="140"/>
                  </a:lnTo>
                  <a:lnTo>
                    <a:pt x="52658" y="232"/>
                  </a:lnTo>
                  <a:lnTo>
                    <a:pt x="51362" y="371"/>
                  </a:lnTo>
                  <a:lnTo>
                    <a:pt x="50157" y="510"/>
                  </a:lnTo>
                  <a:lnTo>
                    <a:pt x="49046" y="695"/>
                  </a:lnTo>
                  <a:lnTo>
                    <a:pt x="48073" y="927"/>
                  </a:lnTo>
                  <a:lnTo>
                    <a:pt x="47147" y="1205"/>
                  </a:lnTo>
                  <a:lnTo>
                    <a:pt x="43674" y="2270"/>
                  </a:lnTo>
                  <a:lnTo>
                    <a:pt x="40015" y="3335"/>
                  </a:lnTo>
                  <a:lnTo>
                    <a:pt x="36171" y="4400"/>
                  </a:lnTo>
                  <a:lnTo>
                    <a:pt x="32234" y="5419"/>
                  </a:lnTo>
                  <a:lnTo>
                    <a:pt x="28298" y="6392"/>
                  </a:lnTo>
                  <a:lnTo>
                    <a:pt x="24361" y="7318"/>
                  </a:lnTo>
                  <a:lnTo>
                    <a:pt x="16859" y="9032"/>
                  </a:lnTo>
                  <a:lnTo>
                    <a:pt x="10190" y="10467"/>
                  </a:lnTo>
                  <a:lnTo>
                    <a:pt x="4864" y="11579"/>
                  </a:lnTo>
                  <a:lnTo>
                    <a:pt x="1" y="12551"/>
                  </a:lnTo>
                  <a:lnTo>
                    <a:pt x="1" y="21397"/>
                  </a:lnTo>
                  <a:lnTo>
                    <a:pt x="285056" y="21397"/>
                  </a:lnTo>
                  <a:lnTo>
                    <a:pt x="285056" y="1205"/>
                  </a:lnTo>
                  <a:lnTo>
                    <a:pt x="280934" y="1853"/>
                  </a:lnTo>
                  <a:lnTo>
                    <a:pt x="275840" y="2687"/>
                  </a:lnTo>
                  <a:lnTo>
                    <a:pt x="263382" y="4910"/>
                  </a:lnTo>
                  <a:lnTo>
                    <a:pt x="248700" y="7503"/>
                  </a:lnTo>
                  <a:lnTo>
                    <a:pt x="240874" y="8846"/>
                  </a:lnTo>
                  <a:lnTo>
                    <a:pt x="232861" y="10143"/>
                  </a:lnTo>
                  <a:lnTo>
                    <a:pt x="224849" y="11440"/>
                  </a:lnTo>
                  <a:lnTo>
                    <a:pt x="216884" y="12551"/>
                  </a:lnTo>
                  <a:lnTo>
                    <a:pt x="212993" y="13107"/>
                  </a:lnTo>
                  <a:lnTo>
                    <a:pt x="209196" y="13570"/>
                  </a:lnTo>
                  <a:lnTo>
                    <a:pt x="205491" y="14033"/>
                  </a:lnTo>
                  <a:lnTo>
                    <a:pt x="201878" y="14404"/>
                  </a:lnTo>
                  <a:lnTo>
                    <a:pt x="198405" y="14728"/>
                  </a:lnTo>
                  <a:lnTo>
                    <a:pt x="195070" y="15006"/>
                  </a:lnTo>
                  <a:lnTo>
                    <a:pt x="191875" y="15191"/>
                  </a:lnTo>
                  <a:lnTo>
                    <a:pt x="188864" y="15330"/>
                  </a:lnTo>
                  <a:lnTo>
                    <a:pt x="186039" y="15423"/>
                  </a:lnTo>
                  <a:lnTo>
                    <a:pt x="183446" y="15376"/>
                  </a:lnTo>
                  <a:lnTo>
                    <a:pt x="181037" y="15284"/>
                  </a:lnTo>
                  <a:lnTo>
                    <a:pt x="179926" y="15191"/>
                  </a:lnTo>
                  <a:lnTo>
                    <a:pt x="178907" y="15052"/>
                  </a:lnTo>
                  <a:lnTo>
                    <a:pt x="174044" y="14404"/>
                  </a:lnTo>
                  <a:lnTo>
                    <a:pt x="167746" y="13478"/>
                  </a:lnTo>
                  <a:lnTo>
                    <a:pt x="151721" y="10977"/>
                  </a:lnTo>
                  <a:lnTo>
                    <a:pt x="142366" y="9495"/>
                  </a:lnTo>
                  <a:lnTo>
                    <a:pt x="132455" y="8013"/>
                  </a:lnTo>
                  <a:lnTo>
                    <a:pt x="122128" y="6484"/>
                  </a:lnTo>
                  <a:lnTo>
                    <a:pt x="111661" y="4956"/>
                  </a:lnTo>
                  <a:lnTo>
                    <a:pt x="101194" y="3567"/>
                  </a:lnTo>
                  <a:lnTo>
                    <a:pt x="96053" y="2965"/>
                  </a:lnTo>
                  <a:lnTo>
                    <a:pt x="91005" y="2363"/>
                  </a:lnTo>
                  <a:lnTo>
                    <a:pt x="86096" y="1807"/>
                  </a:lnTo>
                  <a:lnTo>
                    <a:pt x="81280" y="1344"/>
                  </a:lnTo>
                  <a:lnTo>
                    <a:pt x="76695" y="881"/>
                  </a:lnTo>
                  <a:lnTo>
                    <a:pt x="72249" y="556"/>
                  </a:lnTo>
                  <a:lnTo>
                    <a:pt x="68081" y="279"/>
                  </a:lnTo>
                  <a:lnTo>
                    <a:pt x="64098" y="93"/>
                  </a:lnTo>
                  <a:lnTo>
                    <a:pt x="60439" y="1"/>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grpSp>
        <p:nvGrpSpPr>
          <p:cNvPr id="113" name="Google Shape;113;p8"/>
          <p:cNvGrpSpPr/>
          <p:nvPr/>
        </p:nvGrpSpPr>
        <p:grpSpPr>
          <a:xfrm>
            <a:off x="921445" y="681333"/>
            <a:ext cx="18477111" cy="481333"/>
            <a:chOff x="414650" y="306600"/>
            <a:chExt cx="8314700" cy="216600"/>
          </a:xfrm>
        </p:grpSpPr>
        <p:grpSp>
          <p:nvGrpSpPr>
            <p:cNvPr id="114" name="Google Shape;114;p8"/>
            <p:cNvGrpSpPr/>
            <p:nvPr/>
          </p:nvGrpSpPr>
          <p:grpSpPr>
            <a:xfrm>
              <a:off x="713281" y="389286"/>
              <a:ext cx="7717437" cy="51251"/>
              <a:chOff x="450050" y="465475"/>
              <a:chExt cx="8367600" cy="51241"/>
            </a:xfrm>
          </p:grpSpPr>
          <p:cxnSp>
            <p:nvCxnSpPr>
              <p:cNvPr id="115" name="Google Shape;115;p8"/>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116" name="Google Shape;116;p8"/>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117" name="Google Shape;117;p8"/>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118" name="Google Shape;118;p8"/>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Tree>
    <p:extLst>
      <p:ext uri="{BB962C8B-B14F-4D97-AF65-F5344CB8AC3E}">
        <p14:creationId xmlns:p14="http://schemas.microsoft.com/office/powerpoint/2010/main" val="508706860"/>
      </p:ext>
    </p:extLst>
  </p:cSld>
  <p:clrMapOvr>
    <a:masterClrMapping/>
  </p:clrMapOvr>
</p:sldLayout>
</file>

<file path=ppt/slideLayouts/slideLayout91.xml><?xml version="1.0" encoding="utf-8"?>
<p:sldLayout xmlns:a="http://schemas.openxmlformats.org/drawingml/2006/main" xmlns:r="http://schemas.openxmlformats.org/officeDocument/2006/relationships" xmlns:p="http://schemas.openxmlformats.org/presentationml/2006/main" matchingName="Section title and description">
  <p:cSld name="Section title and description">
    <p:spTree>
      <p:nvGrpSpPr>
        <p:cNvPr id="1" name="Shape 119"/>
        <p:cNvGrpSpPr/>
        <p:nvPr/>
      </p:nvGrpSpPr>
      <p:grpSpPr>
        <a:xfrm>
          <a:off x="0" y="0"/>
          <a:ext cx="0" cy="0"/>
          <a:chOff x="0" y="0"/>
          <a:chExt cx="0" cy="0"/>
        </a:xfrm>
      </p:grpSpPr>
      <p:pic>
        <p:nvPicPr>
          <p:cNvPr id="120" name="Google Shape;120;p9"/>
          <p:cNvPicPr preferRelativeResize="0"/>
          <p:nvPr/>
        </p:nvPicPr>
        <p:blipFill rotWithShape="1">
          <a:blip r:embed="rId2">
            <a:alphaModFix amt="58999"/>
          </a:blip>
          <a:srcRect/>
          <a:stretch/>
        </p:blipFill>
        <p:spPr>
          <a:xfrm>
            <a:off x="0" y="0"/>
            <a:ext cx="20320000" cy="11430000"/>
          </a:xfrm>
          <a:prstGeom prst="rect">
            <a:avLst/>
          </a:prstGeom>
          <a:noFill/>
          <a:ln>
            <a:noFill/>
          </a:ln>
        </p:spPr>
      </p:pic>
      <p:sp>
        <p:nvSpPr>
          <p:cNvPr id="121" name="Google Shape;121;p9"/>
          <p:cNvSpPr txBox="1">
            <a:spLocks noGrp="1"/>
          </p:cNvSpPr>
          <p:nvPr>
            <p:ph type="title"/>
          </p:nvPr>
        </p:nvSpPr>
        <p:spPr>
          <a:xfrm>
            <a:off x="5282945" y="2426333"/>
            <a:ext cx="9753333" cy="2520667"/>
          </a:xfrm>
          <a:prstGeom prst="rect">
            <a:avLst/>
          </a:prstGeom>
        </p:spPr>
        <p:txBody>
          <a:bodyPr spcFirstLastPara="1" wrap="square" lIns="91425" tIns="91425" rIns="91425" bIns="91425" anchor="b" anchorCtr="0">
            <a:noAutofit/>
          </a:bodyPr>
          <a:lstStyle>
            <a:lvl1pPr lvl="0" algn="ctr" rtl="0">
              <a:spcBef>
                <a:spcPts val="0"/>
              </a:spcBef>
              <a:spcAft>
                <a:spcPts val="0"/>
              </a:spcAft>
              <a:buSzPts val="3500"/>
              <a:buNone/>
              <a:defRPr sz="13333"/>
            </a:lvl1pPr>
            <a:lvl2pPr lvl="1" algn="ctr" rtl="0">
              <a:spcBef>
                <a:spcPts val="0"/>
              </a:spcBef>
              <a:spcAft>
                <a:spcPts val="0"/>
              </a:spcAft>
              <a:buSzPts val="3500"/>
              <a:buNone/>
              <a:defRPr/>
            </a:lvl2pPr>
            <a:lvl3pPr lvl="2" algn="ctr" rtl="0">
              <a:spcBef>
                <a:spcPts val="0"/>
              </a:spcBef>
              <a:spcAft>
                <a:spcPts val="0"/>
              </a:spcAft>
              <a:buSzPts val="3500"/>
              <a:buNone/>
              <a:defRPr/>
            </a:lvl3pPr>
            <a:lvl4pPr lvl="3" algn="ctr" rtl="0">
              <a:spcBef>
                <a:spcPts val="0"/>
              </a:spcBef>
              <a:spcAft>
                <a:spcPts val="0"/>
              </a:spcAft>
              <a:buSzPts val="3500"/>
              <a:buNone/>
              <a:defRPr/>
            </a:lvl4pPr>
            <a:lvl5pPr lvl="4" algn="ctr" rtl="0">
              <a:spcBef>
                <a:spcPts val="0"/>
              </a:spcBef>
              <a:spcAft>
                <a:spcPts val="0"/>
              </a:spcAft>
              <a:buSzPts val="3500"/>
              <a:buNone/>
              <a:defRPr/>
            </a:lvl5pPr>
            <a:lvl6pPr lvl="5" algn="ctr" rtl="0">
              <a:spcBef>
                <a:spcPts val="0"/>
              </a:spcBef>
              <a:spcAft>
                <a:spcPts val="0"/>
              </a:spcAft>
              <a:buSzPts val="3500"/>
              <a:buNone/>
              <a:defRPr/>
            </a:lvl6pPr>
            <a:lvl7pPr lvl="6" algn="ctr" rtl="0">
              <a:spcBef>
                <a:spcPts val="0"/>
              </a:spcBef>
              <a:spcAft>
                <a:spcPts val="0"/>
              </a:spcAft>
              <a:buSzPts val="3500"/>
              <a:buNone/>
              <a:defRPr/>
            </a:lvl7pPr>
            <a:lvl8pPr lvl="7" algn="ctr" rtl="0">
              <a:spcBef>
                <a:spcPts val="0"/>
              </a:spcBef>
              <a:spcAft>
                <a:spcPts val="0"/>
              </a:spcAft>
              <a:buSzPts val="3500"/>
              <a:buNone/>
              <a:defRPr/>
            </a:lvl8pPr>
            <a:lvl9pPr lvl="8" algn="ctr" rtl="0">
              <a:spcBef>
                <a:spcPts val="0"/>
              </a:spcBef>
              <a:spcAft>
                <a:spcPts val="0"/>
              </a:spcAft>
              <a:buSzPts val="3500"/>
              <a:buNone/>
              <a:defRPr/>
            </a:lvl9pPr>
          </a:lstStyle>
          <a:p>
            <a:endParaRPr/>
          </a:p>
        </p:txBody>
      </p:sp>
      <p:sp>
        <p:nvSpPr>
          <p:cNvPr id="122" name="Google Shape;122;p9"/>
          <p:cNvSpPr txBox="1">
            <a:spLocks noGrp="1"/>
          </p:cNvSpPr>
          <p:nvPr>
            <p:ph type="subTitle" idx="1"/>
          </p:nvPr>
        </p:nvSpPr>
        <p:spPr>
          <a:xfrm>
            <a:off x="5283556" y="4777445"/>
            <a:ext cx="9753333" cy="1491333"/>
          </a:xfrm>
          <a:prstGeom prst="rect">
            <a:avLst/>
          </a:prstGeom>
        </p:spPr>
        <p:txBody>
          <a:bodyPr spcFirstLastPara="1" wrap="square" lIns="91425" tIns="91425" rIns="91425" bIns="91425" anchor="t" anchorCtr="0">
            <a:noAutofit/>
          </a:bodyPr>
          <a:lstStyle>
            <a:lvl1pPr lvl="0" algn="ctr" rtl="0">
              <a:lnSpc>
                <a:spcPct val="100000"/>
              </a:lnSpc>
              <a:spcBef>
                <a:spcPts val="0"/>
              </a:spcBef>
              <a:spcAft>
                <a:spcPts val="0"/>
              </a:spcAft>
              <a:buSzPts val="1400"/>
              <a:buNone/>
              <a:defRPr sz="3556"/>
            </a:lvl1pPr>
            <a:lvl2pPr lvl="1" algn="ctr" rtl="0">
              <a:lnSpc>
                <a:spcPct val="100000"/>
              </a:lnSpc>
              <a:spcBef>
                <a:spcPts val="0"/>
              </a:spcBef>
              <a:spcAft>
                <a:spcPts val="0"/>
              </a:spcAft>
              <a:buSzPts val="1400"/>
              <a:buNone/>
              <a:defRPr/>
            </a:lvl2pPr>
            <a:lvl3pPr lvl="2" algn="ctr" rtl="0">
              <a:lnSpc>
                <a:spcPct val="100000"/>
              </a:lnSpc>
              <a:spcBef>
                <a:spcPts val="3556"/>
              </a:spcBef>
              <a:spcAft>
                <a:spcPts val="0"/>
              </a:spcAft>
              <a:buSzPts val="1400"/>
              <a:buNone/>
              <a:defRPr/>
            </a:lvl3pPr>
            <a:lvl4pPr lvl="3" algn="ctr" rtl="0">
              <a:lnSpc>
                <a:spcPct val="100000"/>
              </a:lnSpc>
              <a:spcBef>
                <a:spcPts val="3556"/>
              </a:spcBef>
              <a:spcAft>
                <a:spcPts val="0"/>
              </a:spcAft>
              <a:buSzPts val="1400"/>
              <a:buNone/>
              <a:defRPr/>
            </a:lvl4pPr>
            <a:lvl5pPr lvl="4" algn="ctr" rtl="0">
              <a:lnSpc>
                <a:spcPct val="100000"/>
              </a:lnSpc>
              <a:spcBef>
                <a:spcPts val="3556"/>
              </a:spcBef>
              <a:spcAft>
                <a:spcPts val="0"/>
              </a:spcAft>
              <a:buSzPts val="1400"/>
              <a:buNone/>
              <a:defRPr/>
            </a:lvl5pPr>
            <a:lvl6pPr lvl="5" algn="ctr" rtl="0">
              <a:lnSpc>
                <a:spcPct val="100000"/>
              </a:lnSpc>
              <a:spcBef>
                <a:spcPts val="3556"/>
              </a:spcBef>
              <a:spcAft>
                <a:spcPts val="0"/>
              </a:spcAft>
              <a:buSzPts val="1400"/>
              <a:buNone/>
              <a:defRPr/>
            </a:lvl6pPr>
            <a:lvl7pPr lvl="6" algn="ctr" rtl="0">
              <a:lnSpc>
                <a:spcPct val="100000"/>
              </a:lnSpc>
              <a:spcBef>
                <a:spcPts val="3556"/>
              </a:spcBef>
              <a:spcAft>
                <a:spcPts val="0"/>
              </a:spcAft>
              <a:buSzPts val="1400"/>
              <a:buNone/>
              <a:defRPr/>
            </a:lvl7pPr>
            <a:lvl8pPr lvl="7" algn="ctr" rtl="0">
              <a:lnSpc>
                <a:spcPct val="100000"/>
              </a:lnSpc>
              <a:spcBef>
                <a:spcPts val="3556"/>
              </a:spcBef>
              <a:spcAft>
                <a:spcPts val="0"/>
              </a:spcAft>
              <a:buSzPts val="1400"/>
              <a:buNone/>
              <a:defRPr/>
            </a:lvl8pPr>
            <a:lvl9pPr lvl="8" algn="ctr" rtl="0">
              <a:lnSpc>
                <a:spcPct val="100000"/>
              </a:lnSpc>
              <a:spcBef>
                <a:spcPts val="3556"/>
              </a:spcBef>
              <a:spcAft>
                <a:spcPts val="3556"/>
              </a:spcAft>
              <a:buSzPts val="1400"/>
              <a:buNone/>
              <a:defRPr/>
            </a:lvl9pPr>
          </a:lstStyle>
          <a:p>
            <a:endParaRPr/>
          </a:p>
        </p:txBody>
      </p:sp>
      <p:grpSp>
        <p:nvGrpSpPr>
          <p:cNvPr id="123" name="Google Shape;123;p9"/>
          <p:cNvGrpSpPr/>
          <p:nvPr/>
        </p:nvGrpSpPr>
        <p:grpSpPr>
          <a:xfrm>
            <a:off x="921445" y="681333"/>
            <a:ext cx="18477111" cy="481333"/>
            <a:chOff x="414650" y="306600"/>
            <a:chExt cx="8314700" cy="216600"/>
          </a:xfrm>
        </p:grpSpPr>
        <p:grpSp>
          <p:nvGrpSpPr>
            <p:cNvPr id="124" name="Google Shape;124;p9"/>
            <p:cNvGrpSpPr/>
            <p:nvPr/>
          </p:nvGrpSpPr>
          <p:grpSpPr>
            <a:xfrm>
              <a:off x="713281" y="389286"/>
              <a:ext cx="7717437" cy="51251"/>
              <a:chOff x="450050" y="465475"/>
              <a:chExt cx="8367600" cy="51241"/>
            </a:xfrm>
          </p:grpSpPr>
          <p:cxnSp>
            <p:nvCxnSpPr>
              <p:cNvPr id="125" name="Google Shape;125;p9"/>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126" name="Google Shape;126;p9"/>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127" name="Google Shape;127;p9"/>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128" name="Google Shape;128;p9"/>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grpSp>
        <p:nvGrpSpPr>
          <p:cNvPr id="129" name="Google Shape;129;p9"/>
          <p:cNvGrpSpPr/>
          <p:nvPr/>
        </p:nvGrpSpPr>
        <p:grpSpPr>
          <a:xfrm>
            <a:off x="0" y="9261498"/>
            <a:ext cx="20320000" cy="2181178"/>
            <a:chOff x="0" y="4167674"/>
            <a:chExt cx="9144000" cy="981530"/>
          </a:xfrm>
        </p:grpSpPr>
        <p:grpSp>
          <p:nvGrpSpPr>
            <p:cNvPr id="130" name="Google Shape;130;p9"/>
            <p:cNvGrpSpPr/>
            <p:nvPr/>
          </p:nvGrpSpPr>
          <p:grpSpPr>
            <a:xfrm>
              <a:off x="0" y="4167674"/>
              <a:ext cx="9144000" cy="956028"/>
              <a:chOff x="0" y="4472474"/>
              <a:chExt cx="9144000" cy="956028"/>
            </a:xfrm>
          </p:grpSpPr>
          <p:sp>
            <p:nvSpPr>
              <p:cNvPr id="131" name="Google Shape;131;p9"/>
              <p:cNvSpPr/>
              <p:nvPr/>
            </p:nvSpPr>
            <p:spPr>
              <a:xfrm>
                <a:off x="0" y="4472474"/>
                <a:ext cx="9144000" cy="955987"/>
              </a:xfrm>
              <a:custGeom>
                <a:avLst/>
                <a:gdLst/>
                <a:ahLst/>
                <a:cxnLst/>
                <a:rect l="l" t="t" r="r" b="b"/>
                <a:pathLst>
                  <a:path w="285750" h="81326" extrusionOk="0">
                    <a:moveTo>
                      <a:pt x="84150" y="1"/>
                    </a:moveTo>
                    <a:lnTo>
                      <a:pt x="83270" y="47"/>
                    </a:lnTo>
                    <a:lnTo>
                      <a:pt x="82437" y="186"/>
                    </a:lnTo>
                    <a:lnTo>
                      <a:pt x="80723" y="464"/>
                    </a:lnTo>
                    <a:lnTo>
                      <a:pt x="78917" y="835"/>
                    </a:lnTo>
                    <a:lnTo>
                      <a:pt x="77111" y="1205"/>
                    </a:lnTo>
                    <a:lnTo>
                      <a:pt x="75258" y="1668"/>
                    </a:lnTo>
                    <a:lnTo>
                      <a:pt x="73359" y="2178"/>
                    </a:lnTo>
                    <a:lnTo>
                      <a:pt x="71414" y="2687"/>
                    </a:lnTo>
                    <a:lnTo>
                      <a:pt x="67478" y="3845"/>
                    </a:lnTo>
                    <a:lnTo>
                      <a:pt x="63402" y="5095"/>
                    </a:lnTo>
                    <a:lnTo>
                      <a:pt x="59280" y="6438"/>
                    </a:lnTo>
                    <a:lnTo>
                      <a:pt x="51037" y="9217"/>
                    </a:lnTo>
                    <a:lnTo>
                      <a:pt x="46961" y="10606"/>
                    </a:lnTo>
                    <a:lnTo>
                      <a:pt x="42932" y="11950"/>
                    </a:lnTo>
                    <a:lnTo>
                      <a:pt x="39042" y="13154"/>
                    </a:lnTo>
                    <a:lnTo>
                      <a:pt x="35290" y="14265"/>
                    </a:lnTo>
                    <a:lnTo>
                      <a:pt x="33484" y="14775"/>
                    </a:lnTo>
                    <a:lnTo>
                      <a:pt x="31724" y="15238"/>
                    </a:lnTo>
                    <a:lnTo>
                      <a:pt x="30011" y="15655"/>
                    </a:lnTo>
                    <a:lnTo>
                      <a:pt x="28390" y="16025"/>
                    </a:lnTo>
                    <a:lnTo>
                      <a:pt x="26815" y="16349"/>
                    </a:lnTo>
                    <a:lnTo>
                      <a:pt x="25287" y="16627"/>
                    </a:lnTo>
                    <a:lnTo>
                      <a:pt x="23851" y="16812"/>
                    </a:lnTo>
                    <a:lnTo>
                      <a:pt x="22462" y="16951"/>
                    </a:lnTo>
                    <a:lnTo>
                      <a:pt x="19868" y="17183"/>
                    </a:lnTo>
                    <a:lnTo>
                      <a:pt x="17414" y="17368"/>
                    </a:lnTo>
                    <a:lnTo>
                      <a:pt x="15098" y="17646"/>
                    </a:lnTo>
                    <a:lnTo>
                      <a:pt x="12921" y="17878"/>
                    </a:lnTo>
                    <a:lnTo>
                      <a:pt x="9077" y="18433"/>
                    </a:lnTo>
                    <a:lnTo>
                      <a:pt x="5882" y="18896"/>
                    </a:lnTo>
                    <a:lnTo>
                      <a:pt x="3335" y="19360"/>
                    </a:lnTo>
                    <a:lnTo>
                      <a:pt x="1528" y="19730"/>
                    </a:lnTo>
                    <a:lnTo>
                      <a:pt x="0" y="20101"/>
                    </a:lnTo>
                    <a:lnTo>
                      <a:pt x="0" y="81325"/>
                    </a:lnTo>
                    <a:lnTo>
                      <a:pt x="285750" y="81325"/>
                    </a:lnTo>
                    <a:lnTo>
                      <a:pt x="285750" y="16951"/>
                    </a:lnTo>
                    <a:lnTo>
                      <a:pt x="281906" y="16396"/>
                    </a:lnTo>
                    <a:lnTo>
                      <a:pt x="277460" y="15793"/>
                    </a:lnTo>
                    <a:lnTo>
                      <a:pt x="271578" y="15006"/>
                    </a:lnTo>
                    <a:lnTo>
                      <a:pt x="264492" y="14173"/>
                    </a:lnTo>
                    <a:lnTo>
                      <a:pt x="256388" y="13339"/>
                    </a:lnTo>
                    <a:lnTo>
                      <a:pt x="252034" y="12922"/>
                    </a:lnTo>
                    <a:lnTo>
                      <a:pt x="247496" y="12505"/>
                    </a:lnTo>
                    <a:lnTo>
                      <a:pt x="242818" y="12135"/>
                    </a:lnTo>
                    <a:lnTo>
                      <a:pt x="238002" y="11811"/>
                    </a:lnTo>
                    <a:lnTo>
                      <a:pt x="233139" y="11486"/>
                    </a:lnTo>
                    <a:lnTo>
                      <a:pt x="228137" y="11255"/>
                    </a:lnTo>
                    <a:lnTo>
                      <a:pt x="223135" y="11023"/>
                    </a:lnTo>
                    <a:lnTo>
                      <a:pt x="218133" y="10931"/>
                    </a:lnTo>
                    <a:lnTo>
                      <a:pt x="213132" y="10838"/>
                    </a:lnTo>
                    <a:lnTo>
                      <a:pt x="208130" y="10838"/>
                    </a:lnTo>
                    <a:lnTo>
                      <a:pt x="203221" y="10977"/>
                    </a:lnTo>
                    <a:lnTo>
                      <a:pt x="198404" y="11162"/>
                    </a:lnTo>
                    <a:lnTo>
                      <a:pt x="196042" y="11301"/>
                    </a:lnTo>
                    <a:lnTo>
                      <a:pt x="193680" y="11440"/>
                    </a:lnTo>
                    <a:lnTo>
                      <a:pt x="191365" y="11625"/>
                    </a:lnTo>
                    <a:lnTo>
                      <a:pt x="189141" y="11857"/>
                    </a:lnTo>
                    <a:lnTo>
                      <a:pt x="186918" y="12088"/>
                    </a:lnTo>
                    <a:lnTo>
                      <a:pt x="184695" y="12366"/>
                    </a:lnTo>
                    <a:lnTo>
                      <a:pt x="182565" y="12691"/>
                    </a:lnTo>
                    <a:lnTo>
                      <a:pt x="180527" y="13015"/>
                    </a:lnTo>
                    <a:lnTo>
                      <a:pt x="178490" y="13385"/>
                    </a:lnTo>
                    <a:lnTo>
                      <a:pt x="176498" y="13756"/>
                    </a:lnTo>
                    <a:lnTo>
                      <a:pt x="174599" y="14219"/>
                    </a:lnTo>
                    <a:lnTo>
                      <a:pt x="172747" y="14682"/>
                    </a:lnTo>
                    <a:lnTo>
                      <a:pt x="170987" y="15191"/>
                    </a:lnTo>
                    <a:lnTo>
                      <a:pt x="169273" y="15747"/>
                    </a:lnTo>
                    <a:lnTo>
                      <a:pt x="167652" y="16349"/>
                    </a:lnTo>
                    <a:lnTo>
                      <a:pt x="166124" y="16951"/>
                    </a:lnTo>
                    <a:lnTo>
                      <a:pt x="164596" y="17553"/>
                    </a:lnTo>
                    <a:lnTo>
                      <a:pt x="163114" y="18109"/>
                    </a:lnTo>
                    <a:lnTo>
                      <a:pt x="161585" y="18572"/>
                    </a:lnTo>
                    <a:lnTo>
                      <a:pt x="160057" y="18989"/>
                    </a:lnTo>
                    <a:lnTo>
                      <a:pt x="158529" y="19360"/>
                    </a:lnTo>
                    <a:lnTo>
                      <a:pt x="157047" y="19637"/>
                    </a:lnTo>
                    <a:lnTo>
                      <a:pt x="155518" y="19869"/>
                    </a:lnTo>
                    <a:lnTo>
                      <a:pt x="153990" y="20054"/>
                    </a:lnTo>
                    <a:lnTo>
                      <a:pt x="152508" y="20193"/>
                    </a:lnTo>
                    <a:lnTo>
                      <a:pt x="150980" y="20286"/>
                    </a:lnTo>
                    <a:lnTo>
                      <a:pt x="147969" y="20286"/>
                    </a:lnTo>
                    <a:lnTo>
                      <a:pt x="146487" y="20193"/>
                    </a:lnTo>
                    <a:lnTo>
                      <a:pt x="144959" y="20101"/>
                    </a:lnTo>
                    <a:lnTo>
                      <a:pt x="143477" y="19915"/>
                    </a:lnTo>
                    <a:lnTo>
                      <a:pt x="141995" y="19730"/>
                    </a:lnTo>
                    <a:lnTo>
                      <a:pt x="140513" y="19498"/>
                    </a:lnTo>
                    <a:lnTo>
                      <a:pt x="139031" y="19221"/>
                    </a:lnTo>
                    <a:lnTo>
                      <a:pt x="137549" y="18896"/>
                    </a:lnTo>
                    <a:lnTo>
                      <a:pt x="136067" y="18572"/>
                    </a:lnTo>
                    <a:lnTo>
                      <a:pt x="134585" y="18202"/>
                    </a:lnTo>
                    <a:lnTo>
                      <a:pt x="133149" y="17831"/>
                    </a:lnTo>
                    <a:lnTo>
                      <a:pt x="130232" y="16951"/>
                    </a:lnTo>
                    <a:lnTo>
                      <a:pt x="127360" y="15979"/>
                    </a:lnTo>
                    <a:lnTo>
                      <a:pt x="124535" y="14914"/>
                    </a:lnTo>
                    <a:lnTo>
                      <a:pt x="121710" y="13802"/>
                    </a:lnTo>
                    <a:lnTo>
                      <a:pt x="118931" y="12644"/>
                    </a:lnTo>
                    <a:lnTo>
                      <a:pt x="116245" y="11440"/>
                    </a:lnTo>
                    <a:lnTo>
                      <a:pt x="113559" y="10236"/>
                    </a:lnTo>
                    <a:lnTo>
                      <a:pt x="108326" y="7874"/>
                    </a:lnTo>
                    <a:lnTo>
                      <a:pt x="103324" y="5558"/>
                    </a:lnTo>
                    <a:lnTo>
                      <a:pt x="100916" y="4493"/>
                    </a:lnTo>
                    <a:lnTo>
                      <a:pt x="98554" y="3521"/>
                    </a:lnTo>
                    <a:lnTo>
                      <a:pt x="96284" y="2641"/>
                    </a:lnTo>
                    <a:lnTo>
                      <a:pt x="94061" y="1853"/>
                    </a:lnTo>
                    <a:lnTo>
                      <a:pt x="91931" y="1159"/>
                    </a:lnTo>
                    <a:lnTo>
                      <a:pt x="90912" y="881"/>
                    </a:lnTo>
                    <a:lnTo>
                      <a:pt x="89893" y="649"/>
                    </a:lnTo>
                    <a:lnTo>
                      <a:pt x="88874" y="418"/>
                    </a:lnTo>
                    <a:lnTo>
                      <a:pt x="87902" y="279"/>
                    </a:lnTo>
                    <a:lnTo>
                      <a:pt x="86929" y="140"/>
                    </a:lnTo>
                    <a:lnTo>
                      <a:pt x="86003" y="47"/>
                    </a:lnTo>
                    <a:lnTo>
                      <a:pt x="85077" y="1"/>
                    </a:lnTo>
                    <a:close/>
                  </a:path>
                </a:pathLst>
              </a:custGeom>
              <a:solidFill>
                <a:schemeClr val="l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132" name="Google Shape;132;p9"/>
              <p:cNvSpPr/>
              <p:nvPr/>
            </p:nvSpPr>
            <p:spPr>
              <a:xfrm>
                <a:off x="0" y="4757331"/>
                <a:ext cx="9143916" cy="671170"/>
              </a:xfrm>
              <a:custGeom>
                <a:avLst/>
                <a:gdLst/>
                <a:ahLst/>
                <a:cxnLst/>
                <a:rect l="l" t="t" r="r" b="b"/>
                <a:pathLst>
                  <a:path w="285057" h="21397" extrusionOk="0">
                    <a:moveTo>
                      <a:pt x="60439" y="1"/>
                    </a:moveTo>
                    <a:lnTo>
                      <a:pt x="57058" y="47"/>
                    </a:lnTo>
                    <a:lnTo>
                      <a:pt x="55530" y="47"/>
                    </a:lnTo>
                    <a:lnTo>
                      <a:pt x="54048" y="140"/>
                    </a:lnTo>
                    <a:lnTo>
                      <a:pt x="52658" y="232"/>
                    </a:lnTo>
                    <a:lnTo>
                      <a:pt x="51362" y="371"/>
                    </a:lnTo>
                    <a:lnTo>
                      <a:pt x="50157" y="510"/>
                    </a:lnTo>
                    <a:lnTo>
                      <a:pt x="49046" y="695"/>
                    </a:lnTo>
                    <a:lnTo>
                      <a:pt x="48073" y="927"/>
                    </a:lnTo>
                    <a:lnTo>
                      <a:pt x="47147" y="1205"/>
                    </a:lnTo>
                    <a:lnTo>
                      <a:pt x="43674" y="2270"/>
                    </a:lnTo>
                    <a:lnTo>
                      <a:pt x="40015" y="3335"/>
                    </a:lnTo>
                    <a:lnTo>
                      <a:pt x="36171" y="4400"/>
                    </a:lnTo>
                    <a:lnTo>
                      <a:pt x="32234" y="5419"/>
                    </a:lnTo>
                    <a:lnTo>
                      <a:pt x="28298" y="6392"/>
                    </a:lnTo>
                    <a:lnTo>
                      <a:pt x="24361" y="7318"/>
                    </a:lnTo>
                    <a:lnTo>
                      <a:pt x="16859" y="9032"/>
                    </a:lnTo>
                    <a:lnTo>
                      <a:pt x="10190" y="10467"/>
                    </a:lnTo>
                    <a:lnTo>
                      <a:pt x="4864" y="11579"/>
                    </a:lnTo>
                    <a:lnTo>
                      <a:pt x="1" y="12551"/>
                    </a:lnTo>
                    <a:lnTo>
                      <a:pt x="1" y="21397"/>
                    </a:lnTo>
                    <a:lnTo>
                      <a:pt x="285056" y="21397"/>
                    </a:lnTo>
                    <a:lnTo>
                      <a:pt x="285056" y="1205"/>
                    </a:lnTo>
                    <a:lnTo>
                      <a:pt x="280934" y="1853"/>
                    </a:lnTo>
                    <a:lnTo>
                      <a:pt x="275840" y="2687"/>
                    </a:lnTo>
                    <a:lnTo>
                      <a:pt x="263382" y="4910"/>
                    </a:lnTo>
                    <a:lnTo>
                      <a:pt x="248700" y="7503"/>
                    </a:lnTo>
                    <a:lnTo>
                      <a:pt x="240874" y="8846"/>
                    </a:lnTo>
                    <a:lnTo>
                      <a:pt x="232861" y="10143"/>
                    </a:lnTo>
                    <a:lnTo>
                      <a:pt x="224849" y="11440"/>
                    </a:lnTo>
                    <a:lnTo>
                      <a:pt x="216884" y="12551"/>
                    </a:lnTo>
                    <a:lnTo>
                      <a:pt x="212993" y="13107"/>
                    </a:lnTo>
                    <a:lnTo>
                      <a:pt x="209196" y="13570"/>
                    </a:lnTo>
                    <a:lnTo>
                      <a:pt x="205491" y="14033"/>
                    </a:lnTo>
                    <a:lnTo>
                      <a:pt x="201878" y="14404"/>
                    </a:lnTo>
                    <a:lnTo>
                      <a:pt x="198405" y="14728"/>
                    </a:lnTo>
                    <a:lnTo>
                      <a:pt x="195070" y="15006"/>
                    </a:lnTo>
                    <a:lnTo>
                      <a:pt x="191875" y="15191"/>
                    </a:lnTo>
                    <a:lnTo>
                      <a:pt x="188864" y="15330"/>
                    </a:lnTo>
                    <a:lnTo>
                      <a:pt x="186039" y="15423"/>
                    </a:lnTo>
                    <a:lnTo>
                      <a:pt x="183446" y="15376"/>
                    </a:lnTo>
                    <a:lnTo>
                      <a:pt x="181037" y="15284"/>
                    </a:lnTo>
                    <a:lnTo>
                      <a:pt x="179926" y="15191"/>
                    </a:lnTo>
                    <a:lnTo>
                      <a:pt x="178907" y="15052"/>
                    </a:lnTo>
                    <a:lnTo>
                      <a:pt x="174044" y="14404"/>
                    </a:lnTo>
                    <a:lnTo>
                      <a:pt x="167746" y="13478"/>
                    </a:lnTo>
                    <a:lnTo>
                      <a:pt x="151721" y="10977"/>
                    </a:lnTo>
                    <a:lnTo>
                      <a:pt x="142366" y="9495"/>
                    </a:lnTo>
                    <a:lnTo>
                      <a:pt x="132455" y="8013"/>
                    </a:lnTo>
                    <a:lnTo>
                      <a:pt x="122128" y="6484"/>
                    </a:lnTo>
                    <a:lnTo>
                      <a:pt x="111661" y="4956"/>
                    </a:lnTo>
                    <a:lnTo>
                      <a:pt x="101194" y="3567"/>
                    </a:lnTo>
                    <a:lnTo>
                      <a:pt x="96053" y="2965"/>
                    </a:lnTo>
                    <a:lnTo>
                      <a:pt x="91005" y="2363"/>
                    </a:lnTo>
                    <a:lnTo>
                      <a:pt x="86096" y="1807"/>
                    </a:lnTo>
                    <a:lnTo>
                      <a:pt x="81280" y="1344"/>
                    </a:lnTo>
                    <a:lnTo>
                      <a:pt x="76695" y="881"/>
                    </a:lnTo>
                    <a:lnTo>
                      <a:pt x="72249" y="556"/>
                    </a:lnTo>
                    <a:lnTo>
                      <a:pt x="68081" y="279"/>
                    </a:lnTo>
                    <a:lnTo>
                      <a:pt x="64098" y="93"/>
                    </a:lnTo>
                    <a:lnTo>
                      <a:pt x="60439" y="1"/>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133" name="Google Shape;133;p9"/>
            <p:cNvSpPr/>
            <p:nvPr/>
          </p:nvSpPr>
          <p:spPr>
            <a:xfrm flipH="1">
              <a:off x="9" y="4618023"/>
              <a:ext cx="9143916" cy="531181"/>
            </a:xfrm>
            <a:custGeom>
              <a:avLst/>
              <a:gdLst/>
              <a:ahLst/>
              <a:cxnLst/>
              <a:rect l="l" t="t" r="r" b="b"/>
              <a:pathLst>
                <a:path w="285057" h="21397" extrusionOk="0">
                  <a:moveTo>
                    <a:pt x="60439" y="1"/>
                  </a:moveTo>
                  <a:lnTo>
                    <a:pt x="57058" y="47"/>
                  </a:lnTo>
                  <a:lnTo>
                    <a:pt x="55530" y="47"/>
                  </a:lnTo>
                  <a:lnTo>
                    <a:pt x="54048" y="140"/>
                  </a:lnTo>
                  <a:lnTo>
                    <a:pt x="52658" y="232"/>
                  </a:lnTo>
                  <a:lnTo>
                    <a:pt x="51362" y="371"/>
                  </a:lnTo>
                  <a:lnTo>
                    <a:pt x="50157" y="510"/>
                  </a:lnTo>
                  <a:lnTo>
                    <a:pt x="49046" y="695"/>
                  </a:lnTo>
                  <a:lnTo>
                    <a:pt x="48073" y="927"/>
                  </a:lnTo>
                  <a:lnTo>
                    <a:pt x="47147" y="1205"/>
                  </a:lnTo>
                  <a:lnTo>
                    <a:pt x="43674" y="2270"/>
                  </a:lnTo>
                  <a:lnTo>
                    <a:pt x="40015" y="3335"/>
                  </a:lnTo>
                  <a:lnTo>
                    <a:pt x="36171" y="4400"/>
                  </a:lnTo>
                  <a:lnTo>
                    <a:pt x="32234" y="5419"/>
                  </a:lnTo>
                  <a:lnTo>
                    <a:pt x="28298" y="6392"/>
                  </a:lnTo>
                  <a:lnTo>
                    <a:pt x="24361" y="7318"/>
                  </a:lnTo>
                  <a:lnTo>
                    <a:pt x="16859" y="9032"/>
                  </a:lnTo>
                  <a:lnTo>
                    <a:pt x="10190" y="10467"/>
                  </a:lnTo>
                  <a:lnTo>
                    <a:pt x="4864" y="11579"/>
                  </a:lnTo>
                  <a:lnTo>
                    <a:pt x="1" y="12551"/>
                  </a:lnTo>
                  <a:lnTo>
                    <a:pt x="1" y="21397"/>
                  </a:lnTo>
                  <a:lnTo>
                    <a:pt x="285056" y="21397"/>
                  </a:lnTo>
                  <a:lnTo>
                    <a:pt x="285056" y="1205"/>
                  </a:lnTo>
                  <a:lnTo>
                    <a:pt x="280934" y="1853"/>
                  </a:lnTo>
                  <a:lnTo>
                    <a:pt x="275840" y="2687"/>
                  </a:lnTo>
                  <a:lnTo>
                    <a:pt x="263382" y="4910"/>
                  </a:lnTo>
                  <a:lnTo>
                    <a:pt x="248700" y="7503"/>
                  </a:lnTo>
                  <a:lnTo>
                    <a:pt x="240874" y="8846"/>
                  </a:lnTo>
                  <a:lnTo>
                    <a:pt x="232861" y="10143"/>
                  </a:lnTo>
                  <a:lnTo>
                    <a:pt x="224849" y="11440"/>
                  </a:lnTo>
                  <a:lnTo>
                    <a:pt x="216884" y="12551"/>
                  </a:lnTo>
                  <a:lnTo>
                    <a:pt x="212993" y="13107"/>
                  </a:lnTo>
                  <a:lnTo>
                    <a:pt x="209196" y="13570"/>
                  </a:lnTo>
                  <a:lnTo>
                    <a:pt x="205491" y="14033"/>
                  </a:lnTo>
                  <a:lnTo>
                    <a:pt x="201878" y="14404"/>
                  </a:lnTo>
                  <a:lnTo>
                    <a:pt x="198405" y="14728"/>
                  </a:lnTo>
                  <a:lnTo>
                    <a:pt x="195070" y="15006"/>
                  </a:lnTo>
                  <a:lnTo>
                    <a:pt x="191875" y="15191"/>
                  </a:lnTo>
                  <a:lnTo>
                    <a:pt x="188864" y="15330"/>
                  </a:lnTo>
                  <a:lnTo>
                    <a:pt x="186039" y="15423"/>
                  </a:lnTo>
                  <a:lnTo>
                    <a:pt x="183446" y="15376"/>
                  </a:lnTo>
                  <a:lnTo>
                    <a:pt x="181037" y="15284"/>
                  </a:lnTo>
                  <a:lnTo>
                    <a:pt x="179926" y="15191"/>
                  </a:lnTo>
                  <a:lnTo>
                    <a:pt x="178907" y="15052"/>
                  </a:lnTo>
                  <a:lnTo>
                    <a:pt x="174044" y="14404"/>
                  </a:lnTo>
                  <a:lnTo>
                    <a:pt x="167746" y="13478"/>
                  </a:lnTo>
                  <a:lnTo>
                    <a:pt x="151721" y="10977"/>
                  </a:lnTo>
                  <a:lnTo>
                    <a:pt x="142366" y="9495"/>
                  </a:lnTo>
                  <a:lnTo>
                    <a:pt x="132455" y="8013"/>
                  </a:lnTo>
                  <a:lnTo>
                    <a:pt x="122128" y="6484"/>
                  </a:lnTo>
                  <a:lnTo>
                    <a:pt x="111661" y="4956"/>
                  </a:lnTo>
                  <a:lnTo>
                    <a:pt x="101194" y="3567"/>
                  </a:lnTo>
                  <a:lnTo>
                    <a:pt x="96053" y="2965"/>
                  </a:lnTo>
                  <a:lnTo>
                    <a:pt x="91005" y="2363"/>
                  </a:lnTo>
                  <a:lnTo>
                    <a:pt x="86096" y="1807"/>
                  </a:lnTo>
                  <a:lnTo>
                    <a:pt x="81280" y="1344"/>
                  </a:lnTo>
                  <a:lnTo>
                    <a:pt x="76695" y="881"/>
                  </a:lnTo>
                  <a:lnTo>
                    <a:pt x="72249" y="556"/>
                  </a:lnTo>
                  <a:lnTo>
                    <a:pt x="68081" y="279"/>
                  </a:lnTo>
                  <a:lnTo>
                    <a:pt x="64098" y="93"/>
                  </a:lnTo>
                  <a:lnTo>
                    <a:pt x="60439" y="1"/>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134" name="Google Shape;134;p9"/>
          <p:cNvSpPr/>
          <p:nvPr/>
        </p:nvSpPr>
        <p:spPr>
          <a:xfrm>
            <a:off x="19108722" y="6854945"/>
            <a:ext cx="1026667" cy="3005222"/>
          </a:xfrm>
          <a:custGeom>
            <a:avLst/>
            <a:gdLst/>
            <a:ahLst/>
            <a:cxnLst/>
            <a:rect l="l" t="t" r="r" b="b"/>
            <a:pathLst>
              <a:path w="18480" h="54094" extrusionOk="0">
                <a:moveTo>
                  <a:pt x="2177" y="27464"/>
                </a:moveTo>
                <a:lnTo>
                  <a:pt x="2363" y="27973"/>
                </a:lnTo>
                <a:lnTo>
                  <a:pt x="2594" y="28436"/>
                </a:lnTo>
                <a:lnTo>
                  <a:pt x="2872" y="28853"/>
                </a:lnTo>
                <a:lnTo>
                  <a:pt x="3243" y="29224"/>
                </a:lnTo>
                <a:lnTo>
                  <a:pt x="3613" y="29548"/>
                </a:lnTo>
                <a:lnTo>
                  <a:pt x="4122" y="29779"/>
                </a:lnTo>
                <a:lnTo>
                  <a:pt x="4632" y="30011"/>
                </a:lnTo>
                <a:lnTo>
                  <a:pt x="5188" y="30196"/>
                </a:lnTo>
                <a:lnTo>
                  <a:pt x="5327" y="31539"/>
                </a:lnTo>
                <a:lnTo>
                  <a:pt x="4863" y="31493"/>
                </a:lnTo>
                <a:lnTo>
                  <a:pt x="4447" y="31400"/>
                </a:lnTo>
                <a:lnTo>
                  <a:pt x="3984" y="31261"/>
                </a:lnTo>
                <a:lnTo>
                  <a:pt x="3613" y="31076"/>
                </a:lnTo>
                <a:lnTo>
                  <a:pt x="3243" y="30845"/>
                </a:lnTo>
                <a:lnTo>
                  <a:pt x="2918" y="30613"/>
                </a:lnTo>
                <a:lnTo>
                  <a:pt x="2687" y="30335"/>
                </a:lnTo>
                <a:lnTo>
                  <a:pt x="2502" y="30011"/>
                </a:lnTo>
                <a:lnTo>
                  <a:pt x="2409" y="29733"/>
                </a:lnTo>
                <a:lnTo>
                  <a:pt x="2316" y="29455"/>
                </a:lnTo>
                <a:lnTo>
                  <a:pt x="2224" y="28807"/>
                </a:lnTo>
                <a:lnTo>
                  <a:pt x="2224" y="28158"/>
                </a:lnTo>
                <a:lnTo>
                  <a:pt x="2177" y="27464"/>
                </a:lnTo>
                <a:close/>
                <a:moveTo>
                  <a:pt x="7457" y="1"/>
                </a:moveTo>
                <a:lnTo>
                  <a:pt x="7179" y="47"/>
                </a:lnTo>
                <a:lnTo>
                  <a:pt x="6901" y="140"/>
                </a:lnTo>
                <a:lnTo>
                  <a:pt x="6670" y="278"/>
                </a:lnTo>
                <a:lnTo>
                  <a:pt x="6484" y="510"/>
                </a:lnTo>
                <a:lnTo>
                  <a:pt x="6299" y="881"/>
                </a:lnTo>
                <a:lnTo>
                  <a:pt x="6114" y="1251"/>
                </a:lnTo>
                <a:lnTo>
                  <a:pt x="5882" y="2038"/>
                </a:lnTo>
                <a:lnTo>
                  <a:pt x="5697" y="2826"/>
                </a:lnTo>
                <a:lnTo>
                  <a:pt x="5604" y="3613"/>
                </a:lnTo>
                <a:lnTo>
                  <a:pt x="5558" y="4400"/>
                </a:lnTo>
                <a:lnTo>
                  <a:pt x="5558" y="5234"/>
                </a:lnTo>
                <a:lnTo>
                  <a:pt x="5558" y="6901"/>
                </a:lnTo>
                <a:lnTo>
                  <a:pt x="5558" y="10004"/>
                </a:lnTo>
                <a:lnTo>
                  <a:pt x="5604" y="13107"/>
                </a:lnTo>
                <a:lnTo>
                  <a:pt x="5651" y="14913"/>
                </a:lnTo>
                <a:lnTo>
                  <a:pt x="5604" y="16719"/>
                </a:lnTo>
                <a:lnTo>
                  <a:pt x="5558" y="18479"/>
                </a:lnTo>
                <a:lnTo>
                  <a:pt x="5466" y="19405"/>
                </a:lnTo>
                <a:lnTo>
                  <a:pt x="5327" y="20285"/>
                </a:lnTo>
                <a:lnTo>
                  <a:pt x="5095" y="21860"/>
                </a:lnTo>
                <a:lnTo>
                  <a:pt x="4817" y="23388"/>
                </a:lnTo>
                <a:lnTo>
                  <a:pt x="4771" y="24176"/>
                </a:lnTo>
                <a:lnTo>
                  <a:pt x="4725" y="24963"/>
                </a:lnTo>
                <a:lnTo>
                  <a:pt x="4725" y="25750"/>
                </a:lnTo>
                <a:lnTo>
                  <a:pt x="4817" y="26538"/>
                </a:lnTo>
                <a:lnTo>
                  <a:pt x="4910" y="27603"/>
                </a:lnTo>
                <a:lnTo>
                  <a:pt x="4539" y="27047"/>
                </a:lnTo>
                <a:lnTo>
                  <a:pt x="4261" y="26445"/>
                </a:lnTo>
                <a:lnTo>
                  <a:pt x="4030" y="25797"/>
                </a:lnTo>
                <a:lnTo>
                  <a:pt x="3891" y="25195"/>
                </a:lnTo>
                <a:lnTo>
                  <a:pt x="3845" y="24546"/>
                </a:lnTo>
                <a:lnTo>
                  <a:pt x="3798" y="23851"/>
                </a:lnTo>
                <a:lnTo>
                  <a:pt x="3845" y="22416"/>
                </a:lnTo>
                <a:lnTo>
                  <a:pt x="3798" y="21721"/>
                </a:lnTo>
                <a:lnTo>
                  <a:pt x="3752" y="21397"/>
                </a:lnTo>
                <a:lnTo>
                  <a:pt x="3659" y="21073"/>
                </a:lnTo>
                <a:lnTo>
                  <a:pt x="3567" y="20795"/>
                </a:lnTo>
                <a:lnTo>
                  <a:pt x="3428" y="20517"/>
                </a:lnTo>
                <a:lnTo>
                  <a:pt x="3243" y="20285"/>
                </a:lnTo>
                <a:lnTo>
                  <a:pt x="3011" y="20054"/>
                </a:lnTo>
                <a:lnTo>
                  <a:pt x="2965" y="20008"/>
                </a:lnTo>
                <a:lnTo>
                  <a:pt x="2872" y="20054"/>
                </a:lnTo>
                <a:lnTo>
                  <a:pt x="2502" y="20332"/>
                </a:lnTo>
                <a:lnTo>
                  <a:pt x="2224" y="20656"/>
                </a:lnTo>
                <a:lnTo>
                  <a:pt x="1992" y="21026"/>
                </a:lnTo>
                <a:lnTo>
                  <a:pt x="1853" y="21490"/>
                </a:lnTo>
                <a:lnTo>
                  <a:pt x="1761" y="21953"/>
                </a:lnTo>
                <a:lnTo>
                  <a:pt x="1714" y="22416"/>
                </a:lnTo>
                <a:lnTo>
                  <a:pt x="1668" y="22925"/>
                </a:lnTo>
                <a:lnTo>
                  <a:pt x="1668" y="23435"/>
                </a:lnTo>
                <a:lnTo>
                  <a:pt x="1483" y="22694"/>
                </a:lnTo>
                <a:lnTo>
                  <a:pt x="1297" y="21953"/>
                </a:lnTo>
                <a:lnTo>
                  <a:pt x="1020" y="21212"/>
                </a:lnTo>
                <a:lnTo>
                  <a:pt x="742" y="20424"/>
                </a:lnTo>
                <a:lnTo>
                  <a:pt x="695" y="20378"/>
                </a:lnTo>
                <a:lnTo>
                  <a:pt x="603" y="20424"/>
                </a:lnTo>
                <a:lnTo>
                  <a:pt x="371" y="21397"/>
                </a:lnTo>
                <a:lnTo>
                  <a:pt x="232" y="22323"/>
                </a:lnTo>
                <a:lnTo>
                  <a:pt x="93" y="23296"/>
                </a:lnTo>
                <a:lnTo>
                  <a:pt x="1" y="24268"/>
                </a:lnTo>
                <a:lnTo>
                  <a:pt x="1" y="25195"/>
                </a:lnTo>
                <a:lnTo>
                  <a:pt x="1" y="26167"/>
                </a:lnTo>
                <a:lnTo>
                  <a:pt x="47" y="28158"/>
                </a:lnTo>
                <a:lnTo>
                  <a:pt x="140" y="28853"/>
                </a:lnTo>
                <a:lnTo>
                  <a:pt x="186" y="29455"/>
                </a:lnTo>
                <a:lnTo>
                  <a:pt x="325" y="30057"/>
                </a:lnTo>
                <a:lnTo>
                  <a:pt x="510" y="30567"/>
                </a:lnTo>
                <a:lnTo>
                  <a:pt x="788" y="31030"/>
                </a:lnTo>
                <a:lnTo>
                  <a:pt x="1112" y="31493"/>
                </a:lnTo>
                <a:lnTo>
                  <a:pt x="1575" y="31863"/>
                </a:lnTo>
                <a:lnTo>
                  <a:pt x="2177" y="32234"/>
                </a:lnTo>
                <a:lnTo>
                  <a:pt x="2548" y="32419"/>
                </a:lnTo>
                <a:lnTo>
                  <a:pt x="2918" y="32604"/>
                </a:lnTo>
                <a:lnTo>
                  <a:pt x="3752" y="32836"/>
                </a:lnTo>
                <a:lnTo>
                  <a:pt x="4586" y="33021"/>
                </a:lnTo>
                <a:lnTo>
                  <a:pt x="5002" y="33068"/>
                </a:lnTo>
                <a:lnTo>
                  <a:pt x="5419" y="33068"/>
                </a:lnTo>
                <a:lnTo>
                  <a:pt x="5466" y="34503"/>
                </a:lnTo>
                <a:lnTo>
                  <a:pt x="5466" y="35985"/>
                </a:lnTo>
                <a:lnTo>
                  <a:pt x="5466" y="37514"/>
                </a:lnTo>
                <a:lnTo>
                  <a:pt x="5419" y="39042"/>
                </a:lnTo>
                <a:lnTo>
                  <a:pt x="5141" y="45711"/>
                </a:lnTo>
                <a:lnTo>
                  <a:pt x="5002" y="47517"/>
                </a:lnTo>
                <a:lnTo>
                  <a:pt x="4863" y="49370"/>
                </a:lnTo>
                <a:lnTo>
                  <a:pt x="4863" y="50249"/>
                </a:lnTo>
                <a:lnTo>
                  <a:pt x="4863" y="51176"/>
                </a:lnTo>
                <a:lnTo>
                  <a:pt x="4863" y="52056"/>
                </a:lnTo>
                <a:lnTo>
                  <a:pt x="5002" y="52936"/>
                </a:lnTo>
                <a:lnTo>
                  <a:pt x="5095" y="53260"/>
                </a:lnTo>
                <a:lnTo>
                  <a:pt x="5234" y="53538"/>
                </a:lnTo>
                <a:lnTo>
                  <a:pt x="5419" y="53769"/>
                </a:lnTo>
                <a:lnTo>
                  <a:pt x="5697" y="53908"/>
                </a:lnTo>
                <a:lnTo>
                  <a:pt x="5975" y="54001"/>
                </a:lnTo>
                <a:lnTo>
                  <a:pt x="6299" y="54093"/>
                </a:lnTo>
                <a:lnTo>
                  <a:pt x="6948" y="54093"/>
                </a:lnTo>
                <a:lnTo>
                  <a:pt x="7272" y="54047"/>
                </a:lnTo>
                <a:lnTo>
                  <a:pt x="7596" y="53954"/>
                </a:lnTo>
                <a:lnTo>
                  <a:pt x="7874" y="53816"/>
                </a:lnTo>
                <a:lnTo>
                  <a:pt x="8105" y="53677"/>
                </a:lnTo>
                <a:lnTo>
                  <a:pt x="8337" y="53538"/>
                </a:lnTo>
                <a:lnTo>
                  <a:pt x="8476" y="53352"/>
                </a:lnTo>
                <a:lnTo>
                  <a:pt x="8568" y="53121"/>
                </a:lnTo>
                <a:lnTo>
                  <a:pt x="8568" y="52936"/>
                </a:lnTo>
                <a:lnTo>
                  <a:pt x="8754" y="52102"/>
                </a:lnTo>
                <a:lnTo>
                  <a:pt x="8939" y="51315"/>
                </a:lnTo>
                <a:lnTo>
                  <a:pt x="9171" y="49647"/>
                </a:lnTo>
                <a:lnTo>
                  <a:pt x="9310" y="47980"/>
                </a:lnTo>
                <a:lnTo>
                  <a:pt x="9356" y="46267"/>
                </a:lnTo>
                <a:lnTo>
                  <a:pt x="9402" y="42840"/>
                </a:lnTo>
                <a:lnTo>
                  <a:pt x="9448" y="41172"/>
                </a:lnTo>
                <a:lnTo>
                  <a:pt x="9495" y="39551"/>
                </a:lnTo>
                <a:lnTo>
                  <a:pt x="9541" y="38255"/>
                </a:lnTo>
                <a:lnTo>
                  <a:pt x="10282" y="38255"/>
                </a:lnTo>
                <a:lnTo>
                  <a:pt x="10699" y="38162"/>
                </a:lnTo>
                <a:lnTo>
                  <a:pt x="11162" y="38069"/>
                </a:lnTo>
                <a:lnTo>
                  <a:pt x="11579" y="37977"/>
                </a:lnTo>
                <a:lnTo>
                  <a:pt x="11996" y="37838"/>
                </a:lnTo>
                <a:lnTo>
                  <a:pt x="12366" y="37653"/>
                </a:lnTo>
                <a:lnTo>
                  <a:pt x="12737" y="37467"/>
                </a:lnTo>
                <a:lnTo>
                  <a:pt x="13107" y="37236"/>
                </a:lnTo>
                <a:lnTo>
                  <a:pt x="13478" y="36958"/>
                </a:lnTo>
                <a:lnTo>
                  <a:pt x="13802" y="36726"/>
                </a:lnTo>
                <a:lnTo>
                  <a:pt x="14080" y="36402"/>
                </a:lnTo>
                <a:lnTo>
                  <a:pt x="14358" y="36078"/>
                </a:lnTo>
                <a:lnTo>
                  <a:pt x="14635" y="35754"/>
                </a:lnTo>
                <a:lnTo>
                  <a:pt x="14867" y="35383"/>
                </a:lnTo>
                <a:lnTo>
                  <a:pt x="15099" y="34966"/>
                </a:lnTo>
                <a:lnTo>
                  <a:pt x="15284" y="34550"/>
                </a:lnTo>
                <a:lnTo>
                  <a:pt x="15562" y="33901"/>
                </a:lnTo>
                <a:lnTo>
                  <a:pt x="15840" y="33207"/>
                </a:lnTo>
                <a:lnTo>
                  <a:pt x="16303" y="31863"/>
                </a:lnTo>
                <a:lnTo>
                  <a:pt x="17136" y="29085"/>
                </a:lnTo>
                <a:lnTo>
                  <a:pt x="17553" y="27788"/>
                </a:lnTo>
                <a:lnTo>
                  <a:pt x="17970" y="26538"/>
                </a:lnTo>
                <a:lnTo>
                  <a:pt x="18155" y="25889"/>
                </a:lnTo>
                <a:lnTo>
                  <a:pt x="18294" y="25241"/>
                </a:lnTo>
                <a:lnTo>
                  <a:pt x="18433" y="24592"/>
                </a:lnTo>
                <a:lnTo>
                  <a:pt x="18479" y="23898"/>
                </a:lnTo>
                <a:lnTo>
                  <a:pt x="18479" y="23620"/>
                </a:lnTo>
                <a:lnTo>
                  <a:pt x="18433" y="23157"/>
                </a:lnTo>
                <a:lnTo>
                  <a:pt x="18340" y="22601"/>
                </a:lnTo>
                <a:lnTo>
                  <a:pt x="18202" y="21999"/>
                </a:lnTo>
                <a:lnTo>
                  <a:pt x="17970" y="21443"/>
                </a:lnTo>
                <a:lnTo>
                  <a:pt x="17831" y="21212"/>
                </a:lnTo>
                <a:lnTo>
                  <a:pt x="17692" y="21026"/>
                </a:lnTo>
                <a:lnTo>
                  <a:pt x="17507" y="20887"/>
                </a:lnTo>
                <a:lnTo>
                  <a:pt x="17322" y="20795"/>
                </a:lnTo>
                <a:lnTo>
                  <a:pt x="17090" y="20841"/>
                </a:lnTo>
                <a:lnTo>
                  <a:pt x="16858" y="20934"/>
                </a:lnTo>
                <a:lnTo>
                  <a:pt x="16442" y="21212"/>
                </a:lnTo>
                <a:lnTo>
                  <a:pt x="16117" y="21490"/>
                </a:lnTo>
                <a:lnTo>
                  <a:pt x="15886" y="21767"/>
                </a:lnTo>
                <a:lnTo>
                  <a:pt x="15701" y="22092"/>
                </a:lnTo>
                <a:lnTo>
                  <a:pt x="15515" y="22416"/>
                </a:lnTo>
                <a:lnTo>
                  <a:pt x="15423" y="22833"/>
                </a:lnTo>
                <a:lnTo>
                  <a:pt x="15191" y="23759"/>
                </a:lnTo>
                <a:lnTo>
                  <a:pt x="14821" y="25195"/>
                </a:lnTo>
                <a:lnTo>
                  <a:pt x="14404" y="26630"/>
                </a:lnTo>
                <a:lnTo>
                  <a:pt x="13524" y="29502"/>
                </a:lnTo>
                <a:lnTo>
                  <a:pt x="12876" y="31771"/>
                </a:lnTo>
                <a:lnTo>
                  <a:pt x="12505" y="32882"/>
                </a:lnTo>
                <a:lnTo>
                  <a:pt x="12274" y="33438"/>
                </a:lnTo>
                <a:lnTo>
                  <a:pt x="12042" y="33994"/>
                </a:lnTo>
                <a:lnTo>
                  <a:pt x="11857" y="34411"/>
                </a:lnTo>
                <a:lnTo>
                  <a:pt x="11579" y="34781"/>
                </a:lnTo>
                <a:lnTo>
                  <a:pt x="11347" y="35105"/>
                </a:lnTo>
                <a:lnTo>
                  <a:pt x="11069" y="35337"/>
                </a:lnTo>
                <a:lnTo>
                  <a:pt x="10745" y="35568"/>
                </a:lnTo>
                <a:lnTo>
                  <a:pt x="10375" y="35707"/>
                </a:lnTo>
                <a:lnTo>
                  <a:pt x="10004" y="35846"/>
                </a:lnTo>
                <a:lnTo>
                  <a:pt x="9587" y="35939"/>
                </a:lnTo>
                <a:lnTo>
                  <a:pt x="9587" y="33716"/>
                </a:lnTo>
                <a:lnTo>
                  <a:pt x="9495" y="31493"/>
                </a:lnTo>
                <a:lnTo>
                  <a:pt x="9310" y="29270"/>
                </a:lnTo>
                <a:lnTo>
                  <a:pt x="9078" y="27047"/>
                </a:lnTo>
                <a:lnTo>
                  <a:pt x="8985" y="26213"/>
                </a:lnTo>
                <a:lnTo>
                  <a:pt x="8939" y="25426"/>
                </a:lnTo>
                <a:lnTo>
                  <a:pt x="8939" y="24639"/>
                </a:lnTo>
                <a:lnTo>
                  <a:pt x="8985" y="23898"/>
                </a:lnTo>
                <a:lnTo>
                  <a:pt x="9171" y="22369"/>
                </a:lnTo>
                <a:lnTo>
                  <a:pt x="9448" y="20749"/>
                </a:lnTo>
                <a:lnTo>
                  <a:pt x="9587" y="19915"/>
                </a:lnTo>
                <a:lnTo>
                  <a:pt x="9680" y="19128"/>
                </a:lnTo>
                <a:lnTo>
                  <a:pt x="9819" y="17460"/>
                </a:lnTo>
                <a:lnTo>
                  <a:pt x="9865" y="15793"/>
                </a:lnTo>
                <a:lnTo>
                  <a:pt x="9865" y="14126"/>
                </a:lnTo>
                <a:lnTo>
                  <a:pt x="9773" y="10513"/>
                </a:lnTo>
                <a:lnTo>
                  <a:pt x="9634" y="6901"/>
                </a:lnTo>
                <a:lnTo>
                  <a:pt x="9587" y="5234"/>
                </a:lnTo>
                <a:lnTo>
                  <a:pt x="9541" y="4400"/>
                </a:lnTo>
                <a:lnTo>
                  <a:pt x="9448" y="3613"/>
                </a:lnTo>
                <a:lnTo>
                  <a:pt x="9310" y="2779"/>
                </a:lnTo>
                <a:lnTo>
                  <a:pt x="9124" y="1992"/>
                </a:lnTo>
                <a:lnTo>
                  <a:pt x="8846" y="1251"/>
                </a:lnTo>
                <a:lnTo>
                  <a:pt x="8661" y="881"/>
                </a:lnTo>
                <a:lnTo>
                  <a:pt x="8430" y="510"/>
                </a:lnTo>
                <a:lnTo>
                  <a:pt x="8244" y="278"/>
                </a:lnTo>
                <a:lnTo>
                  <a:pt x="8013" y="140"/>
                </a:lnTo>
                <a:lnTo>
                  <a:pt x="7735" y="47"/>
                </a:lnTo>
                <a:lnTo>
                  <a:pt x="7457" y="1"/>
                </a:lnTo>
                <a:close/>
              </a:path>
            </a:pathLst>
          </a:custGeom>
          <a:solidFill>
            <a:schemeClr val="lt2"/>
          </a:solidFill>
          <a:ln>
            <a:noFill/>
          </a:ln>
        </p:spPr>
        <p:txBody>
          <a:bodyPr spcFirstLastPara="1" wrap="square" lIns="203167" tIns="203167" rIns="203167" bIns="203167" anchor="ctr" anchorCtr="0">
            <a:noAutofit/>
          </a:bodyPr>
          <a:lstStyle/>
          <a:p>
            <a:pPr marL="0" lvl="0" indent="0" algn="l" rtl="0">
              <a:spcBef>
                <a:spcPts val="0"/>
              </a:spcBef>
              <a:spcAft>
                <a:spcPts val="0"/>
              </a:spcAft>
              <a:buNone/>
            </a:pPr>
            <a:endParaRPr sz="6000"/>
          </a:p>
        </p:txBody>
      </p:sp>
    </p:spTree>
    <p:extLst>
      <p:ext uri="{BB962C8B-B14F-4D97-AF65-F5344CB8AC3E}">
        <p14:creationId xmlns:p14="http://schemas.microsoft.com/office/powerpoint/2010/main" val="4238721896"/>
      </p:ext>
    </p:extLst>
  </p:cSld>
  <p:clrMapOvr>
    <a:masterClrMapping/>
  </p:clrMapOvr>
</p:sldLayout>
</file>

<file path=ppt/slideLayouts/slideLayout92.xml><?xml version="1.0" encoding="utf-8"?>
<p:sldLayout xmlns:a="http://schemas.openxmlformats.org/drawingml/2006/main" xmlns:r="http://schemas.openxmlformats.org/officeDocument/2006/relationships" xmlns:p="http://schemas.openxmlformats.org/presentationml/2006/main" matchingName="Caption">
  <p:cSld name="Caption">
    <p:spTree>
      <p:nvGrpSpPr>
        <p:cNvPr id="1" name="Shape 135"/>
        <p:cNvGrpSpPr/>
        <p:nvPr/>
      </p:nvGrpSpPr>
      <p:grpSpPr>
        <a:xfrm>
          <a:off x="0" y="0"/>
          <a:ext cx="0" cy="0"/>
          <a:chOff x="0" y="0"/>
          <a:chExt cx="0" cy="0"/>
        </a:xfrm>
      </p:grpSpPr>
      <p:sp>
        <p:nvSpPr>
          <p:cNvPr id="136" name="Google Shape;136;p10"/>
          <p:cNvSpPr txBox="1">
            <a:spLocks noGrp="1"/>
          </p:cNvSpPr>
          <p:nvPr>
            <p:ph type="title"/>
          </p:nvPr>
        </p:nvSpPr>
        <p:spPr>
          <a:xfrm>
            <a:off x="1584944" y="4799222"/>
            <a:ext cx="7072000" cy="1832000"/>
          </a:xfrm>
          <a:prstGeom prst="rect">
            <a:avLst/>
          </a:prstGeom>
          <a:solidFill>
            <a:schemeClr val="lt1"/>
          </a:solidFill>
        </p:spPr>
        <p:txBody>
          <a:bodyPr spcFirstLastPara="1" wrap="square" lIns="91425" tIns="91425" rIns="91425" bIns="91425" anchor="t" anchorCtr="0">
            <a:noAutofit/>
          </a:bodyPr>
          <a:lstStyle>
            <a:lvl1pPr lvl="0" algn="ctr" rtl="0">
              <a:spcBef>
                <a:spcPts val="0"/>
              </a:spcBef>
              <a:spcAft>
                <a:spcPts val="0"/>
              </a:spcAft>
              <a:buSzPts val="3500"/>
              <a:buNone/>
              <a:defRPr sz="4889" b="0"/>
            </a:lvl1pPr>
            <a:lvl2pPr lvl="1" algn="ctr" rtl="0">
              <a:spcBef>
                <a:spcPts val="0"/>
              </a:spcBef>
              <a:spcAft>
                <a:spcPts val="0"/>
              </a:spcAft>
              <a:buSzPts val="3500"/>
              <a:buNone/>
              <a:defRPr/>
            </a:lvl2pPr>
            <a:lvl3pPr lvl="2" algn="ctr" rtl="0">
              <a:spcBef>
                <a:spcPts val="0"/>
              </a:spcBef>
              <a:spcAft>
                <a:spcPts val="0"/>
              </a:spcAft>
              <a:buSzPts val="3500"/>
              <a:buNone/>
              <a:defRPr/>
            </a:lvl3pPr>
            <a:lvl4pPr lvl="3" algn="ctr" rtl="0">
              <a:spcBef>
                <a:spcPts val="0"/>
              </a:spcBef>
              <a:spcAft>
                <a:spcPts val="0"/>
              </a:spcAft>
              <a:buSzPts val="3500"/>
              <a:buNone/>
              <a:defRPr/>
            </a:lvl4pPr>
            <a:lvl5pPr lvl="4" algn="ctr" rtl="0">
              <a:spcBef>
                <a:spcPts val="0"/>
              </a:spcBef>
              <a:spcAft>
                <a:spcPts val="0"/>
              </a:spcAft>
              <a:buSzPts val="3500"/>
              <a:buNone/>
              <a:defRPr/>
            </a:lvl5pPr>
            <a:lvl6pPr lvl="5" algn="ctr" rtl="0">
              <a:spcBef>
                <a:spcPts val="0"/>
              </a:spcBef>
              <a:spcAft>
                <a:spcPts val="0"/>
              </a:spcAft>
              <a:buSzPts val="3500"/>
              <a:buNone/>
              <a:defRPr/>
            </a:lvl6pPr>
            <a:lvl7pPr lvl="6" algn="ctr" rtl="0">
              <a:spcBef>
                <a:spcPts val="0"/>
              </a:spcBef>
              <a:spcAft>
                <a:spcPts val="0"/>
              </a:spcAft>
              <a:buSzPts val="3500"/>
              <a:buNone/>
              <a:defRPr/>
            </a:lvl7pPr>
            <a:lvl8pPr lvl="7" algn="ctr" rtl="0">
              <a:spcBef>
                <a:spcPts val="0"/>
              </a:spcBef>
              <a:spcAft>
                <a:spcPts val="0"/>
              </a:spcAft>
              <a:buSzPts val="3500"/>
              <a:buNone/>
              <a:defRPr/>
            </a:lvl8pPr>
            <a:lvl9pPr lvl="8" algn="ctr" rtl="0">
              <a:spcBef>
                <a:spcPts val="0"/>
              </a:spcBef>
              <a:spcAft>
                <a:spcPts val="0"/>
              </a:spcAft>
              <a:buSzPts val="3500"/>
              <a:buNone/>
              <a:defRPr/>
            </a:lvl9pPr>
          </a:lstStyle>
          <a:p>
            <a:endParaRPr/>
          </a:p>
        </p:txBody>
      </p:sp>
      <p:sp>
        <p:nvSpPr>
          <p:cNvPr id="137" name="Google Shape;137;p10"/>
          <p:cNvSpPr>
            <a:spLocks noGrp="1"/>
          </p:cNvSpPr>
          <p:nvPr>
            <p:ph type="pic" idx="2"/>
          </p:nvPr>
        </p:nvSpPr>
        <p:spPr>
          <a:xfrm>
            <a:off x="0" y="222"/>
            <a:ext cx="20320000" cy="11430000"/>
          </a:xfrm>
          <a:prstGeom prst="rect">
            <a:avLst/>
          </a:prstGeom>
          <a:noFill/>
          <a:ln>
            <a:noFill/>
          </a:ln>
        </p:spPr>
      </p:sp>
    </p:spTree>
    <p:extLst>
      <p:ext uri="{BB962C8B-B14F-4D97-AF65-F5344CB8AC3E}">
        <p14:creationId xmlns:p14="http://schemas.microsoft.com/office/powerpoint/2010/main" val="145048857"/>
      </p:ext>
    </p:extLst>
  </p:cSld>
  <p:clrMapOvr>
    <a:masterClrMapping/>
  </p:clrMapOvr>
</p:sldLayout>
</file>

<file path=ppt/slideLayouts/slideLayout93.xml><?xml version="1.0" encoding="utf-8"?>
<p:sldLayout xmlns:a="http://schemas.openxmlformats.org/drawingml/2006/main" xmlns:r="http://schemas.openxmlformats.org/officeDocument/2006/relationships" xmlns:p="http://schemas.openxmlformats.org/presentationml/2006/main" matchingName="Big number">
  <p:cSld name="Big number">
    <p:spTree>
      <p:nvGrpSpPr>
        <p:cNvPr id="1" name="Shape 138"/>
        <p:cNvGrpSpPr/>
        <p:nvPr/>
      </p:nvGrpSpPr>
      <p:grpSpPr>
        <a:xfrm>
          <a:off x="0" y="0"/>
          <a:ext cx="0" cy="0"/>
          <a:chOff x="0" y="0"/>
          <a:chExt cx="0" cy="0"/>
        </a:xfrm>
      </p:grpSpPr>
      <p:pic>
        <p:nvPicPr>
          <p:cNvPr id="139" name="Google Shape;139;p11"/>
          <p:cNvPicPr preferRelativeResize="0"/>
          <p:nvPr/>
        </p:nvPicPr>
        <p:blipFill rotWithShape="1">
          <a:blip r:embed="rId2">
            <a:alphaModFix amt="58999"/>
          </a:blip>
          <a:srcRect/>
          <a:stretch/>
        </p:blipFill>
        <p:spPr>
          <a:xfrm>
            <a:off x="0" y="0"/>
            <a:ext cx="20320000" cy="11430000"/>
          </a:xfrm>
          <a:prstGeom prst="rect">
            <a:avLst/>
          </a:prstGeom>
          <a:noFill/>
          <a:ln>
            <a:noFill/>
          </a:ln>
        </p:spPr>
      </p:pic>
      <p:grpSp>
        <p:nvGrpSpPr>
          <p:cNvPr id="140" name="Google Shape;140;p11"/>
          <p:cNvGrpSpPr/>
          <p:nvPr/>
        </p:nvGrpSpPr>
        <p:grpSpPr>
          <a:xfrm>
            <a:off x="921445" y="681333"/>
            <a:ext cx="18477111" cy="481333"/>
            <a:chOff x="414650" y="306600"/>
            <a:chExt cx="8314700" cy="216600"/>
          </a:xfrm>
        </p:grpSpPr>
        <p:grpSp>
          <p:nvGrpSpPr>
            <p:cNvPr id="141" name="Google Shape;141;p11"/>
            <p:cNvGrpSpPr/>
            <p:nvPr/>
          </p:nvGrpSpPr>
          <p:grpSpPr>
            <a:xfrm>
              <a:off x="713281" y="389286"/>
              <a:ext cx="7717437" cy="51251"/>
              <a:chOff x="450050" y="465475"/>
              <a:chExt cx="8367600" cy="51241"/>
            </a:xfrm>
          </p:grpSpPr>
          <p:cxnSp>
            <p:nvCxnSpPr>
              <p:cNvPr id="142" name="Google Shape;142;p11"/>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143" name="Google Shape;143;p11"/>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144" name="Google Shape;144;p11"/>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145" name="Google Shape;145;p11"/>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146" name="Google Shape;146;p11"/>
          <p:cNvSpPr txBox="1">
            <a:spLocks noGrp="1"/>
          </p:cNvSpPr>
          <p:nvPr>
            <p:ph type="title" hasCustomPrompt="1"/>
          </p:nvPr>
        </p:nvSpPr>
        <p:spPr>
          <a:xfrm>
            <a:off x="4000500" y="2090056"/>
            <a:ext cx="12110000" cy="2479333"/>
          </a:xfrm>
          <a:prstGeom prst="rect">
            <a:avLst/>
          </a:prstGeom>
        </p:spPr>
        <p:txBody>
          <a:bodyPr spcFirstLastPara="1" wrap="square" lIns="91425" tIns="91425" rIns="91425" bIns="91425" anchor="b" anchorCtr="0">
            <a:noAutofit/>
          </a:bodyPr>
          <a:lstStyle>
            <a:lvl1pPr lvl="0" algn="ctr">
              <a:spcBef>
                <a:spcPts val="0"/>
              </a:spcBef>
              <a:spcAft>
                <a:spcPts val="0"/>
              </a:spcAft>
              <a:buSzPts val="9600"/>
              <a:buNone/>
              <a:defRPr sz="13333"/>
            </a:lvl1pPr>
            <a:lvl2pPr lvl="1" algn="ctr">
              <a:spcBef>
                <a:spcPts val="0"/>
              </a:spcBef>
              <a:spcAft>
                <a:spcPts val="0"/>
              </a:spcAft>
              <a:buSzPts val="9600"/>
              <a:buNone/>
              <a:defRPr sz="21333"/>
            </a:lvl2pPr>
            <a:lvl3pPr lvl="2" algn="ctr">
              <a:spcBef>
                <a:spcPts val="0"/>
              </a:spcBef>
              <a:spcAft>
                <a:spcPts val="0"/>
              </a:spcAft>
              <a:buSzPts val="9600"/>
              <a:buNone/>
              <a:defRPr sz="21333"/>
            </a:lvl3pPr>
            <a:lvl4pPr lvl="3" algn="ctr">
              <a:spcBef>
                <a:spcPts val="0"/>
              </a:spcBef>
              <a:spcAft>
                <a:spcPts val="0"/>
              </a:spcAft>
              <a:buSzPts val="9600"/>
              <a:buNone/>
              <a:defRPr sz="21333"/>
            </a:lvl4pPr>
            <a:lvl5pPr lvl="4" algn="ctr">
              <a:spcBef>
                <a:spcPts val="0"/>
              </a:spcBef>
              <a:spcAft>
                <a:spcPts val="0"/>
              </a:spcAft>
              <a:buSzPts val="9600"/>
              <a:buNone/>
              <a:defRPr sz="21333"/>
            </a:lvl5pPr>
            <a:lvl6pPr lvl="5" algn="ctr">
              <a:spcBef>
                <a:spcPts val="0"/>
              </a:spcBef>
              <a:spcAft>
                <a:spcPts val="0"/>
              </a:spcAft>
              <a:buSzPts val="9600"/>
              <a:buNone/>
              <a:defRPr sz="21333"/>
            </a:lvl6pPr>
            <a:lvl7pPr lvl="6" algn="ctr">
              <a:spcBef>
                <a:spcPts val="0"/>
              </a:spcBef>
              <a:spcAft>
                <a:spcPts val="0"/>
              </a:spcAft>
              <a:buSzPts val="9600"/>
              <a:buNone/>
              <a:defRPr sz="21333"/>
            </a:lvl7pPr>
            <a:lvl8pPr lvl="7" algn="ctr">
              <a:spcBef>
                <a:spcPts val="0"/>
              </a:spcBef>
              <a:spcAft>
                <a:spcPts val="0"/>
              </a:spcAft>
              <a:buSzPts val="9600"/>
              <a:buNone/>
              <a:defRPr sz="21333"/>
            </a:lvl8pPr>
            <a:lvl9pPr lvl="8" algn="ctr">
              <a:spcBef>
                <a:spcPts val="0"/>
              </a:spcBef>
              <a:spcAft>
                <a:spcPts val="0"/>
              </a:spcAft>
              <a:buSzPts val="9600"/>
              <a:buNone/>
              <a:defRPr sz="21333"/>
            </a:lvl9pPr>
          </a:lstStyle>
          <a:p>
            <a:r>
              <a:t>xx%</a:t>
            </a:r>
          </a:p>
        </p:txBody>
      </p:sp>
      <p:sp>
        <p:nvSpPr>
          <p:cNvPr id="147" name="Google Shape;147;p11"/>
          <p:cNvSpPr txBox="1">
            <a:spLocks noGrp="1"/>
          </p:cNvSpPr>
          <p:nvPr>
            <p:ph type="subTitle" idx="1"/>
          </p:nvPr>
        </p:nvSpPr>
        <p:spPr>
          <a:xfrm>
            <a:off x="4000500" y="4569944"/>
            <a:ext cx="12110000" cy="998000"/>
          </a:xfrm>
          <a:prstGeom prst="rect">
            <a:avLst/>
          </a:prstGeom>
        </p:spPr>
        <p:txBody>
          <a:bodyPr spcFirstLastPara="1" wrap="square" lIns="91425" tIns="91425" rIns="91425" bIns="91425" anchor="t" anchorCtr="0">
            <a:noAutofit/>
          </a:bodyPr>
          <a:lstStyle>
            <a:lvl1pPr lvl="0" algn="ctr" rtl="0">
              <a:lnSpc>
                <a:spcPct val="100000"/>
              </a:lnSpc>
              <a:spcBef>
                <a:spcPts val="0"/>
              </a:spcBef>
              <a:spcAft>
                <a:spcPts val="0"/>
              </a:spcAft>
              <a:buSzPts val="1600"/>
              <a:buNone/>
              <a:defRPr sz="3556"/>
            </a:lvl1pPr>
            <a:lvl2pPr lvl="1" algn="ctr" rtl="0">
              <a:lnSpc>
                <a:spcPct val="100000"/>
              </a:lnSpc>
              <a:spcBef>
                <a:spcPts val="0"/>
              </a:spcBef>
              <a:spcAft>
                <a:spcPts val="0"/>
              </a:spcAft>
              <a:buSzPts val="1600"/>
              <a:buNone/>
              <a:defRPr sz="3556"/>
            </a:lvl2pPr>
            <a:lvl3pPr lvl="2" algn="ctr" rtl="0">
              <a:lnSpc>
                <a:spcPct val="100000"/>
              </a:lnSpc>
              <a:spcBef>
                <a:spcPts val="3556"/>
              </a:spcBef>
              <a:spcAft>
                <a:spcPts val="0"/>
              </a:spcAft>
              <a:buSzPts val="1600"/>
              <a:buNone/>
              <a:defRPr sz="3556"/>
            </a:lvl3pPr>
            <a:lvl4pPr lvl="3" algn="ctr" rtl="0">
              <a:lnSpc>
                <a:spcPct val="100000"/>
              </a:lnSpc>
              <a:spcBef>
                <a:spcPts val="3556"/>
              </a:spcBef>
              <a:spcAft>
                <a:spcPts val="0"/>
              </a:spcAft>
              <a:buSzPts val="1600"/>
              <a:buNone/>
              <a:defRPr sz="3556"/>
            </a:lvl4pPr>
            <a:lvl5pPr lvl="4" algn="ctr" rtl="0">
              <a:lnSpc>
                <a:spcPct val="100000"/>
              </a:lnSpc>
              <a:spcBef>
                <a:spcPts val="3556"/>
              </a:spcBef>
              <a:spcAft>
                <a:spcPts val="0"/>
              </a:spcAft>
              <a:buSzPts val="1600"/>
              <a:buNone/>
              <a:defRPr sz="3556"/>
            </a:lvl5pPr>
            <a:lvl6pPr lvl="5" algn="ctr" rtl="0">
              <a:lnSpc>
                <a:spcPct val="100000"/>
              </a:lnSpc>
              <a:spcBef>
                <a:spcPts val="3556"/>
              </a:spcBef>
              <a:spcAft>
                <a:spcPts val="0"/>
              </a:spcAft>
              <a:buSzPts val="1600"/>
              <a:buNone/>
              <a:defRPr sz="3556"/>
            </a:lvl6pPr>
            <a:lvl7pPr lvl="6" algn="ctr" rtl="0">
              <a:lnSpc>
                <a:spcPct val="100000"/>
              </a:lnSpc>
              <a:spcBef>
                <a:spcPts val="3556"/>
              </a:spcBef>
              <a:spcAft>
                <a:spcPts val="0"/>
              </a:spcAft>
              <a:buSzPts val="1600"/>
              <a:buNone/>
              <a:defRPr sz="3556"/>
            </a:lvl7pPr>
            <a:lvl8pPr lvl="7" algn="ctr" rtl="0">
              <a:lnSpc>
                <a:spcPct val="100000"/>
              </a:lnSpc>
              <a:spcBef>
                <a:spcPts val="3556"/>
              </a:spcBef>
              <a:spcAft>
                <a:spcPts val="0"/>
              </a:spcAft>
              <a:buSzPts val="1600"/>
              <a:buNone/>
              <a:defRPr sz="3556"/>
            </a:lvl8pPr>
            <a:lvl9pPr lvl="8" algn="ctr" rtl="0">
              <a:lnSpc>
                <a:spcPct val="100000"/>
              </a:lnSpc>
              <a:spcBef>
                <a:spcPts val="3556"/>
              </a:spcBef>
              <a:spcAft>
                <a:spcPts val="3556"/>
              </a:spcAft>
              <a:buSzPts val="1600"/>
              <a:buNone/>
              <a:defRPr sz="3556"/>
            </a:lvl9pPr>
          </a:lstStyle>
          <a:p>
            <a:endParaRPr/>
          </a:p>
        </p:txBody>
      </p:sp>
      <p:grpSp>
        <p:nvGrpSpPr>
          <p:cNvPr id="148" name="Google Shape;148;p11"/>
          <p:cNvGrpSpPr/>
          <p:nvPr/>
        </p:nvGrpSpPr>
        <p:grpSpPr>
          <a:xfrm flipH="1">
            <a:off x="-82" y="9187830"/>
            <a:ext cx="20320000" cy="2242180"/>
            <a:chOff x="-37" y="4134602"/>
            <a:chExt cx="9144000" cy="1008981"/>
          </a:xfrm>
        </p:grpSpPr>
        <p:sp>
          <p:nvSpPr>
            <p:cNvPr id="149" name="Google Shape;149;p11"/>
            <p:cNvSpPr/>
            <p:nvPr/>
          </p:nvSpPr>
          <p:spPr>
            <a:xfrm flipH="1">
              <a:off x="-37" y="4170349"/>
              <a:ext cx="9144000" cy="937485"/>
            </a:xfrm>
            <a:custGeom>
              <a:avLst/>
              <a:gdLst/>
              <a:ahLst/>
              <a:cxnLst/>
              <a:rect l="l" t="t" r="r" b="b"/>
              <a:pathLst>
                <a:path w="285750" h="81326" extrusionOk="0">
                  <a:moveTo>
                    <a:pt x="84150" y="1"/>
                  </a:moveTo>
                  <a:lnTo>
                    <a:pt x="83270" y="47"/>
                  </a:lnTo>
                  <a:lnTo>
                    <a:pt x="82437" y="186"/>
                  </a:lnTo>
                  <a:lnTo>
                    <a:pt x="80723" y="464"/>
                  </a:lnTo>
                  <a:lnTo>
                    <a:pt x="78917" y="835"/>
                  </a:lnTo>
                  <a:lnTo>
                    <a:pt x="77111" y="1205"/>
                  </a:lnTo>
                  <a:lnTo>
                    <a:pt x="75258" y="1668"/>
                  </a:lnTo>
                  <a:lnTo>
                    <a:pt x="73359" y="2178"/>
                  </a:lnTo>
                  <a:lnTo>
                    <a:pt x="71414" y="2687"/>
                  </a:lnTo>
                  <a:lnTo>
                    <a:pt x="67478" y="3845"/>
                  </a:lnTo>
                  <a:lnTo>
                    <a:pt x="63402" y="5095"/>
                  </a:lnTo>
                  <a:lnTo>
                    <a:pt x="59280" y="6438"/>
                  </a:lnTo>
                  <a:lnTo>
                    <a:pt x="51037" y="9217"/>
                  </a:lnTo>
                  <a:lnTo>
                    <a:pt x="46961" y="10606"/>
                  </a:lnTo>
                  <a:lnTo>
                    <a:pt x="42932" y="11950"/>
                  </a:lnTo>
                  <a:lnTo>
                    <a:pt x="39042" y="13154"/>
                  </a:lnTo>
                  <a:lnTo>
                    <a:pt x="35290" y="14265"/>
                  </a:lnTo>
                  <a:lnTo>
                    <a:pt x="33484" y="14775"/>
                  </a:lnTo>
                  <a:lnTo>
                    <a:pt x="31724" y="15238"/>
                  </a:lnTo>
                  <a:lnTo>
                    <a:pt x="30011" y="15655"/>
                  </a:lnTo>
                  <a:lnTo>
                    <a:pt x="28390" y="16025"/>
                  </a:lnTo>
                  <a:lnTo>
                    <a:pt x="26815" y="16349"/>
                  </a:lnTo>
                  <a:lnTo>
                    <a:pt x="25287" y="16627"/>
                  </a:lnTo>
                  <a:lnTo>
                    <a:pt x="23851" y="16812"/>
                  </a:lnTo>
                  <a:lnTo>
                    <a:pt x="22462" y="16951"/>
                  </a:lnTo>
                  <a:lnTo>
                    <a:pt x="19868" y="17183"/>
                  </a:lnTo>
                  <a:lnTo>
                    <a:pt x="17414" y="17368"/>
                  </a:lnTo>
                  <a:lnTo>
                    <a:pt x="15098" y="17646"/>
                  </a:lnTo>
                  <a:lnTo>
                    <a:pt x="12921" y="17878"/>
                  </a:lnTo>
                  <a:lnTo>
                    <a:pt x="9077" y="18433"/>
                  </a:lnTo>
                  <a:lnTo>
                    <a:pt x="5882" y="18896"/>
                  </a:lnTo>
                  <a:lnTo>
                    <a:pt x="3335" y="19360"/>
                  </a:lnTo>
                  <a:lnTo>
                    <a:pt x="1528" y="19730"/>
                  </a:lnTo>
                  <a:lnTo>
                    <a:pt x="0" y="20101"/>
                  </a:lnTo>
                  <a:lnTo>
                    <a:pt x="0" y="81325"/>
                  </a:lnTo>
                  <a:lnTo>
                    <a:pt x="285750" y="81325"/>
                  </a:lnTo>
                  <a:lnTo>
                    <a:pt x="285750" y="16951"/>
                  </a:lnTo>
                  <a:lnTo>
                    <a:pt x="281906" y="16396"/>
                  </a:lnTo>
                  <a:lnTo>
                    <a:pt x="277460" y="15793"/>
                  </a:lnTo>
                  <a:lnTo>
                    <a:pt x="271578" y="15006"/>
                  </a:lnTo>
                  <a:lnTo>
                    <a:pt x="264492" y="14173"/>
                  </a:lnTo>
                  <a:lnTo>
                    <a:pt x="256388" y="13339"/>
                  </a:lnTo>
                  <a:lnTo>
                    <a:pt x="252034" y="12922"/>
                  </a:lnTo>
                  <a:lnTo>
                    <a:pt x="247496" y="12505"/>
                  </a:lnTo>
                  <a:lnTo>
                    <a:pt x="242818" y="12135"/>
                  </a:lnTo>
                  <a:lnTo>
                    <a:pt x="238002" y="11811"/>
                  </a:lnTo>
                  <a:lnTo>
                    <a:pt x="233139" y="11486"/>
                  </a:lnTo>
                  <a:lnTo>
                    <a:pt x="228137" y="11255"/>
                  </a:lnTo>
                  <a:lnTo>
                    <a:pt x="223135" y="11023"/>
                  </a:lnTo>
                  <a:lnTo>
                    <a:pt x="218133" y="10931"/>
                  </a:lnTo>
                  <a:lnTo>
                    <a:pt x="213132" y="10838"/>
                  </a:lnTo>
                  <a:lnTo>
                    <a:pt x="208130" y="10838"/>
                  </a:lnTo>
                  <a:lnTo>
                    <a:pt x="203221" y="10977"/>
                  </a:lnTo>
                  <a:lnTo>
                    <a:pt x="198404" y="11162"/>
                  </a:lnTo>
                  <a:lnTo>
                    <a:pt x="196042" y="11301"/>
                  </a:lnTo>
                  <a:lnTo>
                    <a:pt x="193680" y="11440"/>
                  </a:lnTo>
                  <a:lnTo>
                    <a:pt x="191365" y="11625"/>
                  </a:lnTo>
                  <a:lnTo>
                    <a:pt x="189141" y="11857"/>
                  </a:lnTo>
                  <a:lnTo>
                    <a:pt x="186918" y="12088"/>
                  </a:lnTo>
                  <a:lnTo>
                    <a:pt x="184695" y="12366"/>
                  </a:lnTo>
                  <a:lnTo>
                    <a:pt x="182565" y="12691"/>
                  </a:lnTo>
                  <a:lnTo>
                    <a:pt x="180527" y="13015"/>
                  </a:lnTo>
                  <a:lnTo>
                    <a:pt x="178490" y="13385"/>
                  </a:lnTo>
                  <a:lnTo>
                    <a:pt x="176498" y="13756"/>
                  </a:lnTo>
                  <a:lnTo>
                    <a:pt x="174599" y="14219"/>
                  </a:lnTo>
                  <a:lnTo>
                    <a:pt x="172747" y="14682"/>
                  </a:lnTo>
                  <a:lnTo>
                    <a:pt x="170987" y="15191"/>
                  </a:lnTo>
                  <a:lnTo>
                    <a:pt x="169273" y="15747"/>
                  </a:lnTo>
                  <a:lnTo>
                    <a:pt x="167652" y="16349"/>
                  </a:lnTo>
                  <a:lnTo>
                    <a:pt x="166124" y="16951"/>
                  </a:lnTo>
                  <a:lnTo>
                    <a:pt x="164596" y="17553"/>
                  </a:lnTo>
                  <a:lnTo>
                    <a:pt x="163114" y="18109"/>
                  </a:lnTo>
                  <a:lnTo>
                    <a:pt x="161585" y="18572"/>
                  </a:lnTo>
                  <a:lnTo>
                    <a:pt x="160057" y="18989"/>
                  </a:lnTo>
                  <a:lnTo>
                    <a:pt x="158529" y="19360"/>
                  </a:lnTo>
                  <a:lnTo>
                    <a:pt x="157047" y="19637"/>
                  </a:lnTo>
                  <a:lnTo>
                    <a:pt x="155518" y="19869"/>
                  </a:lnTo>
                  <a:lnTo>
                    <a:pt x="153990" y="20054"/>
                  </a:lnTo>
                  <a:lnTo>
                    <a:pt x="152508" y="20193"/>
                  </a:lnTo>
                  <a:lnTo>
                    <a:pt x="150980" y="20286"/>
                  </a:lnTo>
                  <a:lnTo>
                    <a:pt x="147969" y="20286"/>
                  </a:lnTo>
                  <a:lnTo>
                    <a:pt x="146487" y="20193"/>
                  </a:lnTo>
                  <a:lnTo>
                    <a:pt x="144959" y="20101"/>
                  </a:lnTo>
                  <a:lnTo>
                    <a:pt x="143477" y="19915"/>
                  </a:lnTo>
                  <a:lnTo>
                    <a:pt x="141995" y="19730"/>
                  </a:lnTo>
                  <a:lnTo>
                    <a:pt x="140513" y="19498"/>
                  </a:lnTo>
                  <a:lnTo>
                    <a:pt x="139031" y="19221"/>
                  </a:lnTo>
                  <a:lnTo>
                    <a:pt x="137549" y="18896"/>
                  </a:lnTo>
                  <a:lnTo>
                    <a:pt x="136067" y="18572"/>
                  </a:lnTo>
                  <a:lnTo>
                    <a:pt x="134585" y="18202"/>
                  </a:lnTo>
                  <a:lnTo>
                    <a:pt x="133149" y="17831"/>
                  </a:lnTo>
                  <a:lnTo>
                    <a:pt x="130232" y="16951"/>
                  </a:lnTo>
                  <a:lnTo>
                    <a:pt x="127360" y="15979"/>
                  </a:lnTo>
                  <a:lnTo>
                    <a:pt x="124535" y="14914"/>
                  </a:lnTo>
                  <a:lnTo>
                    <a:pt x="121710" y="13802"/>
                  </a:lnTo>
                  <a:lnTo>
                    <a:pt x="118931" y="12644"/>
                  </a:lnTo>
                  <a:lnTo>
                    <a:pt x="116245" y="11440"/>
                  </a:lnTo>
                  <a:lnTo>
                    <a:pt x="113559" y="10236"/>
                  </a:lnTo>
                  <a:lnTo>
                    <a:pt x="108326" y="7874"/>
                  </a:lnTo>
                  <a:lnTo>
                    <a:pt x="103324" y="5558"/>
                  </a:lnTo>
                  <a:lnTo>
                    <a:pt x="100916" y="4493"/>
                  </a:lnTo>
                  <a:lnTo>
                    <a:pt x="98554" y="3521"/>
                  </a:lnTo>
                  <a:lnTo>
                    <a:pt x="96284" y="2641"/>
                  </a:lnTo>
                  <a:lnTo>
                    <a:pt x="94061" y="1853"/>
                  </a:lnTo>
                  <a:lnTo>
                    <a:pt x="91931" y="1159"/>
                  </a:lnTo>
                  <a:lnTo>
                    <a:pt x="90912" y="881"/>
                  </a:lnTo>
                  <a:lnTo>
                    <a:pt x="89893" y="649"/>
                  </a:lnTo>
                  <a:lnTo>
                    <a:pt x="88874" y="418"/>
                  </a:lnTo>
                  <a:lnTo>
                    <a:pt x="87902" y="279"/>
                  </a:lnTo>
                  <a:lnTo>
                    <a:pt x="86929" y="140"/>
                  </a:lnTo>
                  <a:lnTo>
                    <a:pt x="86003" y="47"/>
                  </a:lnTo>
                  <a:lnTo>
                    <a:pt x="85077" y="1"/>
                  </a:lnTo>
                  <a:close/>
                </a:path>
              </a:pathLst>
            </a:cu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150" name="Google Shape;150;p11"/>
            <p:cNvSpPr/>
            <p:nvPr/>
          </p:nvSpPr>
          <p:spPr>
            <a:xfrm flipH="1">
              <a:off x="0" y="4134602"/>
              <a:ext cx="9143916" cy="937442"/>
            </a:xfrm>
            <a:custGeom>
              <a:avLst/>
              <a:gdLst/>
              <a:ahLst/>
              <a:cxnLst/>
              <a:rect l="l" t="t" r="r" b="b"/>
              <a:pathLst>
                <a:path w="285057" h="22555" extrusionOk="0">
                  <a:moveTo>
                    <a:pt x="1" y="0"/>
                  </a:moveTo>
                  <a:lnTo>
                    <a:pt x="1" y="22554"/>
                  </a:lnTo>
                  <a:lnTo>
                    <a:pt x="285056" y="22554"/>
                  </a:lnTo>
                  <a:lnTo>
                    <a:pt x="285056" y="16904"/>
                  </a:lnTo>
                  <a:lnTo>
                    <a:pt x="281860" y="16673"/>
                  </a:lnTo>
                  <a:lnTo>
                    <a:pt x="273246" y="16117"/>
                  </a:lnTo>
                  <a:lnTo>
                    <a:pt x="267365" y="15654"/>
                  </a:lnTo>
                  <a:lnTo>
                    <a:pt x="260695" y="15144"/>
                  </a:lnTo>
                  <a:lnTo>
                    <a:pt x="253424" y="14496"/>
                  </a:lnTo>
                  <a:lnTo>
                    <a:pt x="245736" y="13801"/>
                  </a:lnTo>
                  <a:lnTo>
                    <a:pt x="237771" y="12968"/>
                  </a:lnTo>
                  <a:lnTo>
                    <a:pt x="229759" y="12088"/>
                  </a:lnTo>
                  <a:lnTo>
                    <a:pt x="225822" y="11625"/>
                  </a:lnTo>
                  <a:lnTo>
                    <a:pt x="221885" y="11115"/>
                  </a:lnTo>
                  <a:lnTo>
                    <a:pt x="218088" y="10606"/>
                  </a:lnTo>
                  <a:lnTo>
                    <a:pt x="214336" y="10050"/>
                  </a:lnTo>
                  <a:lnTo>
                    <a:pt x="210770" y="9494"/>
                  </a:lnTo>
                  <a:lnTo>
                    <a:pt x="207297" y="8892"/>
                  </a:lnTo>
                  <a:lnTo>
                    <a:pt x="204009" y="8290"/>
                  </a:lnTo>
                  <a:lnTo>
                    <a:pt x="200952" y="7688"/>
                  </a:lnTo>
                  <a:lnTo>
                    <a:pt x="198081" y="7040"/>
                  </a:lnTo>
                  <a:lnTo>
                    <a:pt x="195441" y="6391"/>
                  </a:lnTo>
                  <a:lnTo>
                    <a:pt x="193079" y="5697"/>
                  </a:lnTo>
                  <a:lnTo>
                    <a:pt x="192014" y="5326"/>
                  </a:lnTo>
                  <a:lnTo>
                    <a:pt x="190995" y="5002"/>
                  </a:lnTo>
                  <a:lnTo>
                    <a:pt x="190022" y="4632"/>
                  </a:lnTo>
                  <a:lnTo>
                    <a:pt x="189096" y="4354"/>
                  </a:lnTo>
                  <a:lnTo>
                    <a:pt x="188123" y="4030"/>
                  </a:lnTo>
                  <a:lnTo>
                    <a:pt x="187151" y="3798"/>
                  </a:lnTo>
                  <a:lnTo>
                    <a:pt x="186132" y="3566"/>
                  </a:lnTo>
                  <a:lnTo>
                    <a:pt x="185159" y="3381"/>
                  </a:lnTo>
                  <a:lnTo>
                    <a:pt x="183214" y="3057"/>
                  </a:lnTo>
                  <a:lnTo>
                    <a:pt x="181223" y="2872"/>
                  </a:lnTo>
                  <a:lnTo>
                    <a:pt x="179231" y="2733"/>
                  </a:lnTo>
                  <a:lnTo>
                    <a:pt x="177193" y="2733"/>
                  </a:lnTo>
                  <a:lnTo>
                    <a:pt x="175156" y="2779"/>
                  </a:lnTo>
                  <a:lnTo>
                    <a:pt x="173118" y="2918"/>
                  </a:lnTo>
                  <a:lnTo>
                    <a:pt x="171034" y="3103"/>
                  </a:lnTo>
                  <a:lnTo>
                    <a:pt x="168996" y="3381"/>
                  </a:lnTo>
                  <a:lnTo>
                    <a:pt x="166866" y="3705"/>
                  </a:lnTo>
                  <a:lnTo>
                    <a:pt x="164735" y="4076"/>
                  </a:lnTo>
                  <a:lnTo>
                    <a:pt x="162605" y="4493"/>
                  </a:lnTo>
                  <a:lnTo>
                    <a:pt x="160475" y="4956"/>
                  </a:lnTo>
                  <a:lnTo>
                    <a:pt x="158298" y="5465"/>
                  </a:lnTo>
                  <a:lnTo>
                    <a:pt x="153852" y="6484"/>
                  </a:lnTo>
                  <a:lnTo>
                    <a:pt x="149359" y="7596"/>
                  </a:lnTo>
                  <a:lnTo>
                    <a:pt x="144775" y="8707"/>
                  </a:lnTo>
                  <a:lnTo>
                    <a:pt x="140097" y="9772"/>
                  </a:lnTo>
                  <a:lnTo>
                    <a:pt x="137735" y="10282"/>
                  </a:lnTo>
                  <a:lnTo>
                    <a:pt x="135327" y="10745"/>
                  </a:lnTo>
                  <a:lnTo>
                    <a:pt x="132918" y="11162"/>
                  </a:lnTo>
                  <a:lnTo>
                    <a:pt x="130464" y="11532"/>
                  </a:lnTo>
                  <a:lnTo>
                    <a:pt x="127963" y="11903"/>
                  </a:lnTo>
                  <a:lnTo>
                    <a:pt x="125462" y="12180"/>
                  </a:lnTo>
                  <a:lnTo>
                    <a:pt x="122961" y="12366"/>
                  </a:lnTo>
                  <a:lnTo>
                    <a:pt x="120414" y="12505"/>
                  </a:lnTo>
                  <a:lnTo>
                    <a:pt x="117635" y="12597"/>
                  </a:lnTo>
                  <a:lnTo>
                    <a:pt x="114532" y="12597"/>
                  </a:lnTo>
                  <a:lnTo>
                    <a:pt x="111105" y="12505"/>
                  </a:lnTo>
                  <a:lnTo>
                    <a:pt x="107354" y="12319"/>
                  </a:lnTo>
                  <a:lnTo>
                    <a:pt x="103371" y="12088"/>
                  </a:lnTo>
                  <a:lnTo>
                    <a:pt x="99110" y="11810"/>
                  </a:lnTo>
                  <a:lnTo>
                    <a:pt x="94664" y="11486"/>
                  </a:lnTo>
                  <a:lnTo>
                    <a:pt x="90033" y="11069"/>
                  </a:lnTo>
                  <a:lnTo>
                    <a:pt x="85263" y="10606"/>
                  </a:lnTo>
                  <a:lnTo>
                    <a:pt x="80353" y="10143"/>
                  </a:lnTo>
                  <a:lnTo>
                    <a:pt x="70257" y="9078"/>
                  </a:lnTo>
                  <a:lnTo>
                    <a:pt x="60068" y="7920"/>
                  </a:lnTo>
                  <a:lnTo>
                    <a:pt x="49926" y="6716"/>
                  </a:lnTo>
                  <a:lnTo>
                    <a:pt x="40108" y="5465"/>
                  </a:lnTo>
                  <a:lnTo>
                    <a:pt x="30891" y="4261"/>
                  </a:lnTo>
                  <a:lnTo>
                    <a:pt x="22416" y="3150"/>
                  </a:lnTo>
                  <a:lnTo>
                    <a:pt x="14960" y="2131"/>
                  </a:lnTo>
                  <a:lnTo>
                    <a:pt x="4076" y="602"/>
                  </a:lnTo>
                  <a:lnTo>
                    <a:pt x="1" y="0"/>
                  </a:lnTo>
                  <a:close/>
                </a:path>
              </a:pathLst>
            </a:custGeom>
            <a:solidFill>
              <a:schemeClr val="l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151" name="Google Shape;151;p11"/>
            <p:cNvSpPr/>
            <p:nvPr/>
          </p:nvSpPr>
          <p:spPr>
            <a:xfrm>
              <a:off x="0" y="4569614"/>
              <a:ext cx="9143916" cy="502399"/>
            </a:xfrm>
            <a:custGeom>
              <a:avLst/>
              <a:gdLst/>
              <a:ahLst/>
              <a:cxnLst/>
              <a:rect l="l" t="t" r="r" b="b"/>
              <a:pathLst>
                <a:path w="285057" h="13941" extrusionOk="0">
                  <a:moveTo>
                    <a:pt x="238141" y="0"/>
                  </a:moveTo>
                  <a:lnTo>
                    <a:pt x="234529" y="47"/>
                  </a:lnTo>
                  <a:lnTo>
                    <a:pt x="230777" y="186"/>
                  </a:lnTo>
                  <a:lnTo>
                    <a:pt x="226933" y="325"/>
                  </a:lnTo>
                  <a:lnTo>
                    <a:pt x="222997" y="602"/>
                  </a:lnTo>
                  <a:lnTo>
                    <a:pt x="218921" y="927"/>
                  </a:lnTo>
                  <a:lnTo>
                    <a:pt x="214799" y="1343"/>
                  </a:lnTo>
                  <a:lnTo>
                    <a:pt x="210585" y="1853"/>
                  </a:lnTo>
                  <a:lnTo>
                    <a:pt x="206278" y="2455"/>
                  </a:lnTo>
                  <a:lnTo>
                    <a:pt x="204009" y="2733"/>
                  </a:lnTo>
                  <a:lnTo>
                    <a:pt x="201647" y="3057"/>
                  </a:lnTo>
                  <a:lnTo>
                    <a:pt x="199053" y="3289"/>
                  </a:lnTo>
                  <a:lnTo>
                    <a:pt x="196367" y="3566"/>
                  </a:lnTo>
                  <a:lnTo>
                    <a:pt x="193542" y="3798"/>
                  </a:lnTo>
                  <a:lnTo>
                    <a:pt x="190578" y="4030"/>
                  </a:lnTo>
                  <a:lnTo>
                    <a:pt x="184279" y="4400"/>
                  </a:lnTo>
                  <a:lnTo>
                    <a:pt x="177518" y="4724"/>
                  </a:lnTo>
                  <a:lnTo>
                    <a:pt x="170386" y="5002"/>
                  </a:lnTo>
                  <a:lnTo>
                    <a:pt x="162883" y="5187"/>
                  </a:lnTo>
                  <a:lnTo>
                    <a:pt x="155056" y="5326"/>
                  </a:lnTo>
                  <a:lnTo>
                    <a:pt x="146998" y="5465"/>
                  </a:lnTo>
                  <a:lnTo>
                    <a:pt x="138708" y="5512"/>
                  </a:lnTo>
                  <a:lnTo>
                    <a:pt x="130232" y="5512"/>
                  </a:lnTo>
                  <a:lnTo>
                    <a:pt x="121711" y="5465"/>
                  </a:lnTo>
                  <a:lnTo>
                    <a:pt x="113050" y="5419"/>
                  </a:lnTo>
                  <a:lnTo>
                    <a:pt x="104436" y="5280"/>
                  </a:lnTo>
                  <a:lnTo>
                    <a:pt x="95776" y="5187"/>
                  </a:lnTo>
                  <a:lnTo>
                    <a:pt x="87254" y="5002"/>
                  </a:lnTo>
                  <a:lnTo>
                    <a:pt x="70581" y="4632"/>
                  </a:lnTo>
                  <a:lnTo>
                    <a:pt x="54789" y="4215"/>
                  </a:lnTo>
                  <a:lnTo>
                    <a:pt x="40293" y="3752"/>
                  </a:lnTo>
                  <a:lnTo>
                    <a:pt x="27418" y="3242"/>
                  </a:lnTo>
                  <a:lnTo>
                    <a:pt x="16534" y="2825"/>
                  </a:lnTo>
                  <a:lnTo>
                    <a:pt x="8105" y="2409"/>
                  </a:lnTo>
                  <a:lnTo>
                    <a:pt x="2455" y="2131"/>
                  </a:lnTo>
                  <a:lnTo>
                    <a:pt x="834" y="1992"/>
                  </a:lnTo>
                  <a:lnTo>
                    <a:pt x="1" y="1946"/>
                  </a:lnTo>
                  <a:lnTo>
                    <a:pt x="1" y="13940"/>
                  </a:lnTo>
                  <a:lnTo>
                    <a:pt x="285056" y="13940"/>
                  </a:lnTo>
                  <a:lnTo>
                    <a:pt x="285056" y="5512"/>
                  </a:lnTo>
                  <a:lnTo>
                    <a:pt x="283574" y="5095"/>
                  </a:lnTo>
                  <a:lnTo>
                    <a:pt x="281768" y="4632"/>
                  </a:lnTo>
                  <a:lnTo>
                    <a:pt x="279267" y="4076"/>
                  </a:lnTo>
                  <a:lnTo>
                    <a:pt x="276118" y="3428"/>
                  </a:lnTo>
                  <a:lnTo>
                    <a:pt x="272366" y="2733"/>
                  </a:lnTo>
                  <a:lnTo>
                    <a:pt x="270236" y="2362"/>
                  </a:lnTo>
                  <a:lnTo>
                    <a:pt x="268013" y="2038"/>
                  </a:lnTo>
                  <a:lnTo>
                    <a:pt x="265605" y="1714"/>
                  </a:lnTo>
                  <a:lnTo>
                    <a:pt x="263057" y="1390"/>
                  </a:lnTo>
                  <a:lnTo>
                    <a:pt x="260371" y="1112"/>
                  </a:lnTo>
                  <a:lnTo>
                    <a:pt x="257593" y="834"/>
                  </a:lnTo>
                  <a:lnTo>
                    <a:pt x="254629" y="602"/>
                  </a:lnTo>
                  <a:lnTo>
                    <a:pt x="251572" y="371"/>
                  </a:lnTo>
                  <a:lnTo>
                    <a:pt x="248423" y="232"/>
                  </a:lnTo>
                  <a:lnTo>
                    <a:pt x="245088" y="93"/>
                  </a:lnTo>
                  <a:lnTo>
                    <a:pt x="241661" y="47"/>
                  </a:lnTo>
                  <a:lnTo>
                    <a:pt x="238141" y="0"/>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152" name="Google Shape;152;p11"/>
            <p:cNvSpPr/>
            <p:nvPr/>
          </p:nvSpPr>
          <p:spPr>
            <a:xfrm>
              <a:off x="0" y="4612402"/>
              <a:ext cx="9143916" cy="531181"/>
            </a:xfrm>
            <a:custGeom>
              <a:avLst/>
              <a:gdLst/>
              <a:ahLst/>
              <a:cxnLst/>
              <a:rect l="l" t="t" r="r" b="b"/>
              <a:pathLst>
                <a:path w="285057" h="21397" extrusionOk="0">
                  <a:moveTo>
                    <a:pt x="60439" y="1"/>
                  </a:moveTo>
                  <a:lnTo>
                    <a:pt x="57058" y="47"/>
                  </a:lnTo>
                  <a:lnTo>
                    <a:pt x="55530" y="47"/>
                  </a:lnTo>
                  <a:lnTo>
                    <a:pt x="54048" y="140"/>
                  </a:lnTo>
                  <a:lnTo>
                    <a:pt x="52658" y="232"/>
                  </a:lnTo>
                  <a:lnTo>
                    <a:pt x="51362" y="371"/>
                  </a:lnTo>
                  <a:lnTo>
                    <a:pt x="50157" y="510"/>
                  </a:lnTo>
                  <a:lnTo>
                    <a:pt x="49046" y="695"/>
                  </a:lnTo>
                  <a:lnTo>
                    <a:pt x="48073" y="927"/>
                  </a:lnTo>
                  <a:lnTo>
                    <a:pt x="47147" y="1205"/>
                  </a:lnTo>
                  <a:lnTo>
                    <a:pt x="43674" y="2270"/>
                  </a:lnTo>
                  <a:lnTo>
                    <a:pt x="40015" y="3335"/>
                  </a:lnTo>
                  <a:lnTo>
                    <a:pt x="36171" y="4400"/>
                  </a:lnTo>
                  <a:lnTo>
                    <a:pt x="32234" y="5419"/>
                  </a:lnTo>
                  <a:lnTo>
                    <a:pt x="28298" y="6392"/>
                  </a:lnTo>
                  <a:lnTo>
                    <a:pt x="24361" y="7318"/>
                  </a:lnTo>
                  <a:lnTo>
                    <a:pt x="16859" y="9032"/>
                  </a:lnTo>
                  <a:lnTo>
                    <a:pt x="10190" y="10467"/>
                  </a:lnTo>
                  <a:lnTo>
                    <a:pt x="4864" y="11579"/>
                  </a:lnTo>
                  <a:lnTo>
                    <a:pt x="1" y="12551"/>
                  </a:lnTo>
                  <a:lnTo>
                    <a:pt x="1" y="21397"/>
                  </a:lnTo>
                  <a:lnTo>
                    <a:pt x="285056" y="21397"/>
                  </a:lnTo>
                  <a:lnTo>
                    <a:pt x="285056" y="1205"/>
                  </a:lnTo>
                  <a:lnTo>
                    <a:pt x="280934" y="1853"/>
                  </a:lnTo>
                  <a:lnTo>
                    <a:pt x="275840" y="2687"/>
                  </a:lnTo>
                  <a:lnTo>
                    <a:pt x="263382" y="4910"/>
                  </a:lnTo>
                  <a:lnTo>
                    <a:pt x="248700" y="7503"/>
                  </a:lnTo>
                  <a:lnTo>
                    <a:pt x="240874" y="8846"/>
                  </a:lnTo>
                  <a:lnTo>
                    <a:pt x="232861" y="10143"/>
                  </a:lnTo>
                  <a:lnTo>
                    <a:pt x="224849" y="11440"/>
                  </a:lnTo>
                  <a:lnTo>
                    <a:pt x="216884" y="12551"/>
                  </a:lnTo>
                  <a:lnTo>
                    <a:pt x="212993" y="13107"/>
                  </a:lnTo>
                  <a:lnTo>
                    <a:pt x="209196" y="13570"/>
                  </a:lnTo>
                  <a:lnTo>
                    <a:pt x="205491" y="14033"/>
                  </a:lnTo>
                  <a:lnTo>
                    <a:pt x="201878" y="14404"/>
                  </a:lnTo>
                  <a:lnTo>
                    <a:pt x="198405" y="14728"/>
                  </a:lnTo>
                  <a:lnTo>
                    <a:pt x="195070" y="15006"/>
                  </a:lnTo>
                  <a:lnTo>
                    <a:pt x="191875" y="15191"/>
                  </a:lnTo>
                  <a:lnTo>
                    <a:pt x="188864" y="15330"/>
                  </a:lnTo>
                  <a:lnTo>
                    <a:pt x="186039" y="15423"/>
                  </a:lnTo>
                  <a:lnTo>
                    <a:pt x="183446" y="15376"/>
                  </a:lnTo>
                  <a:lnTo>
                    <a:pt x="181037" y="15284"/>
                  </a:lnTo>
                  <a:lnTo>
                    <a:pt x="179926" y="15191"/>
                  </a:lnTo>
                  <a:lnTo>
                    <a:pt x="178907" y="15052"/>
                  </a:lnTo>
                  <a:lnTo>
                    <a:pt x="174044" y="14404"/>
                  </a:lnTo>
                  <a:lnTo>
                    <a:pt x="167746" y="13478"/>
                  </a:lnTo>
                  <a:lnTo>
                    <a:pt x="151721" y="10977"/>
                  </a:lnTo>
                  <a:lnTo>
                    <a:pt x="142366" y="9495"/>
                  </a:lnTo>
                  <a:lnTo>
                    <a:pt x="132455" y="8013"/>
                  </a:lnTo>
                  <a:lnTo>
                    <a:pt x="122128" y="6484"/>
                  </a:lnTo>
                  <a:lnTo>
                    <a:pt x="111661" y="4956"/>
                  </a:lnTo>
                  <a:lnTo>
                    <a:pt x="101194" y="3567"/>
                  </a:lnTo>
                  <a:lnTo>
                    <a:pt x="96053" y="2965"/>
                  </a:lnTo>
                  <a:lnTo>
                    <a:pt x="91005" y="2363"/>
                  </a:lnTo>
                  <a:lnTo>
                    <a:pt x="86096" y="1807"/>
                  </a:lnTo>
                  <a:lnTo>
                    <a:pt x="81280" y="1344"/>
                  </a:lnTo>
                  <a:lnTo>
                    <a:pt x="76695" y="881"/>
                  </a:lnTo>
                  <a:lnTo>
                    <a:pt x="72249" y="556"/>
                  </a:lnTo>
                  <a:lnTo>
                    <a:pt x="68081" y="279"/>
                  </a:lnTo>
                  <a:lnTo>
                    <a:pt x="64098" y="93"/>
                  </a:lnTo>
                  <a:lnTo>
                    <a:pt x="60439" y="1"/>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153" name="Google Shape;153;p11"/>
          <p:cNvSpPr/>
          <p:nvPr/>
        </p:nvSpPr>
        <p:spPr>
          <a:xfrm flipH="1">
            <a:off x="447602" y="6724305"/>
            <a:ext cx="1026680" cy="3949973"/>
          </a:xfrm>
          <a:custGeom>
            <a:avLst/>
            <a:gdLst/>
            <a:ahLst/>
            <a:cxnLst/>
            <a:rect l="l" t="t" r="r" b="b"/>
            <a:pathLst>
              <a:path w="24361" h="93737" extrusionOk="0">
                <a:moveTo>
                  <a:pt x="11069" y="0"/>
                </a:moveTo>
                <a:lnTo>
                  <a:pt x="10606" y="47"/>
                </a:lnTo>
                <a:lnTo>
                  <a:pt x="10189" y="139"/>
                </a:lnTo>
                <a:lnTo>
                  <a:pt x="9957" y="232"/>
                </a:lnTo>
                <a:lnTo>
                  <a:pt x="9818" y="371"/>
                </a:lnTo>
                <a:lnTo>
                  <a:pt x="9679" y="510"/>
                </a:lnTo>
                <a:lnTo>
                  <a:pt x="9541" y="649"/>
                </a:lnTo>
                <a:lnTo>
                  <a:pt x="9263" y="1297"/>
                </a:lnTo>
                <a:lnTo>
                  <a:pt x="9031" y="1899"/>
                </a:lnTo>
                <a:lnTo>
                  <a:pt x="8800" y="2548"/>
                </a:lnTo>
                <a:lnTo>
                  <a:pt x="8661" y="3196"/>
                </a:lnTo>
                <a:lnTo>
                  <a:pt x="8522" y="3844"/>
                </a:lnTo>
                <a:lnTo>
                  <a:pt x="8429" y="4539"/>
                </a:lnTo>
                <a:lnTo>
                  <a:pt x="8383" y="5187"/>
                </a:lnTo>
                <a:lnTo>
                  <a:pt x="8336" y="5836"/>
                </a:lnTo>
                <a:lnTo>
                  <a:pt x="8336" y="7179"/>
                </a:lnTo>
                <a:lnTo>
                  <a:pt x="8429" y="8522"/>
                </a:lnTo>
                <a:lnTo>
                  <a:pt x="8661" y="11208"/>
                </a:lnTo>
                <a:lnTo>
                  <a:pt x="8938" y="14172"/>
                </a:lnTo>
                <a:lnTo>
                  <a:pt x="9124" y="17090"/>
                </a:lnTo>
                <a:lnTo>
                  <a:pt x="9216" y="20054"/>
                </a:lnTo>
                <a:lnTo>
                  <a:pt x="9216" y="21489"/>
                </a:lnTo>
                <a:lnTo>
                  <a:pt x="9216" y="22971"/>
                </a:lnTo>
                <a:lnTo>
                  <a:pt x="9124" y="25194"/>
                </a:lnTo>
                <a:lnTo>
                  <a:pt x="8985" y="27417"/>
                </a:lnTo>
                <a:lnTo>
                  <a:pt x="8707" y="31863"/>
                </a:lnTo>
                <a:lnTo>
                  <a:pt x="8383" y="36263"/>
                </a:lnTo>
                <a:lnTo>
                  <a:pt x="8058" y="40709"/>
                </a:lnTo>
                <a:lnTo>
                  <a:pt x="7873" y="40061"/>
                </a:lnTo>
                <a:lnTo>
                  <a:pt x="7595" y="39412"/>
                </a:lnTo>
                <a:lnTo>
                  <a:pt x="7225" y="38857"/>
                </a:lnTo>
                <a:lnTo>
                  <a:pt x="6808" y="38347"/>
                </a:lnTo>
                <a:lnTo>
                  <a:pt x="6669" y="38254"/>
                </a:lnTo>
                <a:lnTo>
                  <a:pt x="6438" y="38208"/>
                </a:lnTo>
                <a:lnTo>
                  <a:pt x="6252" y="38208"/>
                </a:lnTo>
                <a:lnTo>
                  <a:pt x="6160" y="38254"/>
                </a:lnTo>
                <a:lnTo>
                  <a:pt x="6067" y="38347"/>
                </a:lnTo>
                <a:lnTo>
                  <a:pt x="5835" y="38671"/>
                </a:lnTo>
                <a:lnTo>
                  <a:pt x="5650" y="39042"/>
                </a:lnTo>
                <a:lnTo>
                  <a:pt x="5465" y="39412"/>
                </a:lnTo>
                <a:lnTo>
                  <a:pt x="5326" y="39783"/>
                </a:lnTo>
                <a:lnTo>
                  <a:pt x="5233" y="40153"/>
                </a:lnTo>
                <a:lnTo>
                  <a:pt x="5141" y="40570"/>
                </a:lnTo>
                <a:lnTo>
                  <a:pt x="5048" y="41357"/>
                </a:lnTo>
                <a:lnTo>
                  <a:pt x="5048" y="42191"/>
                </a:lnTo>
                <a:lnTo>
                  <a:pt x="5048" y="43025"/>
                </a:lnTo>
                <a:lnTo>
                  <a:pt x="5094" y="44646"/>
                </a:lnTo>
                <a:lnTo>
                  <a:pt x="5141" y="46730"/>
                </a:lnTo>
                <a:lnTo>
                  <a:pt x="5187" y="48814"/>
                </a:lnTo>
                <a:lnTo>
                  <a:pt x="5419" y="52935"/>
                </a:lnTo>
                <a:lnTo>
                  <a:pt x="5511" y="54927"/>
                </a:lnTo>
                <a:lnTo>
                  <a:pt x="5558" y="56965"/>
                </a:lnTo>
                <a:lnTo>
                  <a:pt x="5558" y="56965"/>
                </a:lnTo>
                <a:lnTo>
                  <a:pt x="5326" y="56177"/>
                </a:lnTo>
                <a:lnTo>
                  <a:pt x="5141" y="55436"/>
                </a:lnTo>
                <a:lnTo>
                  <a:pt x="4956" y="54649"/>
                </a:lnTo>
                <a:lnTo>
                  <a:pt x="4817" y="53862"/>
                </a:lnTo>
                <a:lnTo>
                  <a:pt x="4770" y="53074"/>
                </a:lnTo>
                <a:lnTo>
                  <a:pt x="4724" y="52287"/>
                </a:lnTo>
                <a:lnTo>
                  <a:pt x="4678" y="50759"/>
                </a:lnTo>
                <a:lnTo>
                  <a:pt x="4817" y="47656"/>
                </a:lnTo>
                <a:lnTo>
                  <a:pt x="4817" y="45896"/>
                </a:lnTo>
                <a:lnTo>
                  <a:pt x="4770" y="44090"/>
                </a:lnTo>
                <a:lnTo>
                  <a:pt x="4678" y="42330"/>
                </a:lnTo>
                <a:lnTo>
                  <a:pt x="4585" y="40524"/>
                </a:lnTo>
                <a:lnTo>
                  <a:pt x="4261" y="36958"/>
                </a:lnTo>
                <a:lnTo>
                  <a:pt x="4029" y="33392"/>
                </a:lnTo>
                <a:lnTo>
                  <a:pt x="3937" y="31400"/>
                </a:lnTo>
                <a:lnTo>
                  <a:pt x="3844" y="30428"/>
                </a:lnTo>
                <a:lnTo>
                  <a:pt x="3751" y="29918"/>
                </a:lnTo>
                <a:lnTo>
                  <a:pt x="3659" y="29455"/>
                </a:lnTo>
                <a:lnTo>
                  <a:pt x="3520" y="29038"/>
                </a:lnTo>
                <a:lnTo>
                  <a:pt x="3335" y="28621"/>
                </a:lnTo>
                <a:lnTo>
                  <a:pt x="3103" y="28251"/>
                </a:lnTo>
                <a:lnTo>
                  <a:pt x="2779" y="27927"/>
                </a:lnTo>
                <a:lnTo>
                  <a:pt x="2455" y="27649"/>
                </a:lnTo>
                <a:lnTo>
                  <a:pt x="2038" y="27464"/>
                </a:lnTo>
                <a:lnTo>
                  <a:pt x="1528" y="27278"/>
                </a:lnTo>
                <a:lnTo>
                  <a:pt x="973" y="27232"/>
                </a:lnTo>
                <a:lnTo>
                  <a:pt x="648" y="27232"/>
                </a:lnTo>
                <a:lnTo>
                  <a:pt x="463" y="27325"/>
                </a:lnTo>
                <a:lnTo>
                  <a:pt x="278" y="27417"/>
                </a:lnTo>
                <a:lnTo>
                  <a:pt x="139" y="27510"/>
                </a:lnTo>
                <a:lnTo>
                  <a:pt x="46" y="27695"/>
                </a:lnTo>
                <a:lnTo>
                  <a:pt x="0" y="27834"/>
                </a:lnTo>
                <a:lnTo>
                  <a:pt x="0" y="28019"/>
                </a:lnTo>
                <a:lnTo>
                  <a:pt x="232" y="28668"/>
                </a:lnTo>
                <a:lnTo>
                  <a:pt x="324" y="29316"/>
                </a:lnTo>
                <a:lnTo>
                  <a:pt x="417" y="30011"/>
                </a:lnTo>
                <a:lnTo>
                  <a:pt x="463" y="30706"/>
                </a:lnTo>
                <a:lnTo>
                  <a:pt x="463" y="32049"/>
                </a:lnTo>
                <a:lnTo>
                  <a:pt x="463" y="33392"/>
                </a:lnTo>
                <a:lnTo>
                  <a:pt x="556" y="35244"/>
                </a:lnTo>
                <a:lnTo>
                  <a:pt x="648" y="37097"/>
                </a:lnTo>
                <a:lnTo>
                  <a:pt x="648" y="38023"/>
                </a:lnTo>
                <a:lnTo>
                  <a:pt x="648" y="38949"/>
                </a:lnTo>
                <a:lnTo>
                  <a:pt x="648" y="39875"/>
                </a:lnTo>
                <a:lnTo>
                  <a:pt x="556" y="40802"/>
                </a:lnTo>
                <a:lnTo>
                  <a:pt x="371" y="42469"/>
                </a:lnTo>
                <a:lnTo>
                  <a:pt x="232" y="44229"/>
                </a:lnTo>
                <a:lnTo>
                  <a:pt x="139" y="45989"/>
                </a:lnTo>
                <a:lnTo>
                  <a:pt x="93" y="47795"/>
                </a:lnTo>
                <a:lnTo>
                  <a:pt x="93" y="49555"/>
                </a:lnTo>
                <a:lnTo>
                  <a:pt x="185" y="51315"/>
                </a:lnTo>
                <a:lnTo>
                  <a:pt x="324" y="53074"/>
                </a:lnTo>
                <a:lnTo>
                  <a:pt x="556" y="54742"/>
                </a:lnTo>
                <a:lnTo>
                  <a:pt x="695" y="55575"/>
                </a:lnTo>
                <a:lnTo>
                  <a:pt x="880" y="56409"/>
                </a:lnTo>
                <a:lnTo>
                  <a:pt x="1297" y="57984"/>
                </a:lnTo>
                <a:lnTo>
                  <a:pt x="1714" y="59604"/>
                </a:lnTo>
                <a:lnTo>
                  <a:pt x="1899" y="60438"/>
                </a:lnTo>
                <a:lnTo>
                  <a:pt x="2038" y="61272"/>
                </a:lnTo>
                <a:lnTo>
                  <a:pt x="2223" y="62661"/>
                </a:lnTo>
                <a:lnTo>
                  <a:pt x="2408" y="64097"/>
                </a:lnTo>
                <a:lnTo>
                  <a:pt x="2547" y="64791"/>
                </a:lnTo>
                <a:lnTo>
                  <a:pt x="2686" y="65486"/>
                </a:lnTo>
                <a:lnTo>
                  <a:pt x="2918" y="66181"/>
                </a:lnTo>
                <a:lnTo>
                  <a:pt x="3196" y="66829"/>
                </a:lnTo>
                <a:lnTo>
                  <a:pt x="3566" y="67478"/>
                </a:lnTo>
                <a:lnTo>
                  <a:pt x="3983" y="68126"/>
                </a:lnTo>
                <a:lnTo>
                  <a:pt x="4446" y="68682"/>
                </a:lnTo>
                <a:lnTo>
                  <a:pt x="4956" y="69237"/>
                </a:lnTo>
                <a:lnTo>
                  <a:pt x="5511" y="69701"/>
                </a:lnTo>
                <a:lnTo>
                  <a:pt x="6113" y="70164"/>
                </a:lnTo>
                <a:lnTo>
                  <a:pt x="6715" y="70534"/>
                </a:lnTo>
                <a:lnTo>
                  <a:pt x="7364" y="70812"/>
                </a:lnTo>
                <a:lnTo>
                  <a:pt x="7179" y="72572"/>
                </a:lnTo>
                <a:lnTo>
                  <a:pt x="7086" y="73452"/>
                </a:lnTo>
                <a:lnTo>
                  <a:pt x="7040" y="74332"/>
                </a:lnTo>
                <a:lnTo>
                  <a:pt x="7086" y="75767"/>
                </a:lnTo>
                <a:lnTo>
                  <a:pt x="7179" y="77203"/>
                </a:lnTo>
                <a:lnTo>
                  <a:pt x="7317" y="78639"/>
                </a:lnTo>
                <a:lnTo>
                  <a:pt x="7410" y="80075"/>
                </a:lnTo>
                <a:lnTo>
                  <a:pt x="7456" y="81603"/>
                </a:lnTo>
                <a:lnTo>
                  <a:pt x="7456" y="83131"/>
                </a:lnTo>
                <a:lnTo>
                  <a:pt x="7503" y="86188"/>
                </a:lnTo>
                <a:lnTo>
                  <a:pt x="7549" y="87716"/>
                </a:lnTo>
                <a:lnTo>
                  <a:pt x="7642" y="89244"/>
                </a:lnTo>
                <a:lnTo>
                  <a:pt x="7827" y="90773"/>
                </a:lnTo>
                <a:lnTo>
                  <a:pt x="7966" y="91514"/>
                </a:lnTo>
                <a:lnTo>
                  <a:pt x="8151" y="92208"/>
                </a:lnTo>
                <a:lnTo>
                  <a:pt x="8197" y="92440"/>
                </a:lnTo>
                <a:lnTo>
                  <a:pt x="8290" y="92625"/>
                </a:lnTo>
                <a:lnTo>
                  <a:pt x="8522" y="92996"/>
                </a:lnTo>
                <a:lnTo>
                  <a:pt x="8846" y="93274"/>
                </a:lnTo>
                <a:lnTo>
                  <a:pt x="9263" y="93505"/>
                </a:lnTo>
                <a:lnTo>
                  <a:pt x="9679" y="93644"/>
                </a:lnTo>
                <a:lnTo>
                  <a:pt x="10143" y="93737"/>
                </a:lnTo>
                <a:lnTo>
                  <a:pt x="10652" y="93737"/>
                </a:lnTo>
                <a:lnTo>
                  <a:pt x="11161" y="93690"/>
                </a:lnTo>
                <a:lnTo>
                  <a:pt x="11671" y="93598"/>
                </a:lnTo>
                <a:lnTo>
                  <a:pt x="12180" y="93459"/>
                </a:lnTo>
                <a:lnTo>
                  <a:pt x="12643" y="93274"/>
                </a:lnTo>
                <a:lnTo>
                  <a:pt x="13060" y="93042"/>
                </a:lnTo>
                <a:lnTo>
                  <a:pt x="13431" y="92764"/>
                </a:lnTo>
                <a:lnTo>
                  <a:pt x="13709" y="92440"/>
                </a:lnTo>
                <a:lnTo>
                  <a:pt x="13940" y="92116"/>
                </a:lnTo>
                <a:lnTo>
                  <a:pt x="14079" y="91699"/>
                </a:lnTo>
                <a:lnTo>
                  <a:pt x="14218" y="91004"/>
                </a:lnTo>
                <a:lnTo>
                  <a:pt x="14311" y="90310"/>
                </a:lnTo>
                <a:lnTo>
                  <a:pt x="14403" y="88874"/>
                </a:lnTo>
                <a:lnTo>
                  <a:pt x="14450" y="87392"/>
                </a:lnTo>
                <a:lnTo>
                  <a:pt x="14403" y="85910"/>
                </a:lnTo>
                <a:lnTo>
                  <a:pt x="14264" y="82992"/>
                </a:lnTo>
                <a:lnTo>
                  <a:pt x="14218" y="81510"/>
                </a:lnTo>
                <a:lnTo>
                  <a:pt x="14218" y="80075"/>
                </a:lnTo>
                <a:lnTo>
                  <a:pt x="14218" y="78546"/>
                </a:lnTo>
                <a:lnTo>
                  <a:pt x="14311" y="76972"/>
                </a:lnTo>
                <a:lnTo>
                  <a:pt x="14311" y="75443"/>
                </a:lnTo>
                <a:lnTo>
                  <a:pt x="14311" y="74656"/>
                </a:lnTo>
                <a:lnTo>
                  <a:pt x="14264" y="73915"/>
                </a:lnTo>
                <a:lnTo>
                  <a:pt x="14125" y="72711"/>
                </a:lnTo>
                <a:lnTo>
                  <a:pt x="13940" y="71507"/>
                </a:lnTo>
                <a:lnTo>
                  <a:pt x="14403" y="71321"/>
                </a:lnTo>
                <a:lnTo>
                  <a:pt x="14820" y="71136"/>
                </a:lnTo>
                <a:lnTo>
                  <a:pt x="15237" y="70905"/>
                </a:lnTo>
                <a:lnTo>
                  <a:pt x="15654" y="70627"/>
                </a:lnTo>
                <a:lnTo>
                  <a:pt x="16395" y="70025"/>
                </a:lnTo>
                <a:lnTo>
                  <a:pt x="17089" y="69376"/>
                </a:lnTo>
                <a:lnTo>
                  <a:pt x="17738" y="68635"/>
                </a:lnTo>
                <a:lnTo>
                  <a:pt x="18294" y="67848"/>
                </a:lnTo>
                <a:lnTo>
                  <a:pt x="18849" y="66968"/>
                </a:lnTo>
                <a:lnTo>
                  <a:pt x="19313" y="66088"/>
                </a:lnTo>
                <a:lnTo>
                  <a:pt x="19729" y="65162"/>
                </a:lnTo>
                <a:lnTo>
                  <a:pt x="20100" y="64189"/>
                </a:lnTo>
                <a:lnTo>
                  <a:pt x="20424" y="63263"/>
                </a:lnTo>
                <a:lnTo>
                  <a:pt x="20702" y="62291"/>
                </a:lnTo>
                <a:lnTo>
                  <a:pt x="20933" y="61318"/>
                </a:lnTo>
                <a:lnTo>
                  <a:pt x="21119" y="60345"/>
                </a:lnTo>
                <a:lnTo>
                  <a:pt x="21258" y="59419"/>
                </a:lnTo>
                <a:lnTo>
                  <a:pt x="21350" y="58493"/>
                </a:lnTo>
                <a:lnTo>
                  <a:pt x="21628" y="55622"/>
                </a:lnTo>
                <a:lnTo>
                  <a:pt x="21906" y="52797"/>
                </a:lnTo>
                <a:lnTo>
                  <a:pt x="22091" y="51407"/>
                </a:lnTo>
                <a:lnTo>
                  <a:pt x="22277" y="49971"/>
                </a:lnTo>
                <a:lnTo>
                  <a:pt x="22508" y="48582"/>
                </a:lnTo>
                <a:lnTo>
                  <a:pt x="22786" y="47146"/>
                </a:lnTo>
                <a:lnTo>
                  <a:pt x="23064" y="45942"/>
                </a:lnTo>
                <a:lnTo>
                  <a:pt x="23434" y="44738"/>
                </a:lnTo>
                <a:lnTo>
                  <a:pt x="23759" y="43488"/>
                </a:lnTo>
                <a:lnTo>
                  <a:pt x="24083" y="42237"/>
                </a:lnTo>
                <a:lnTo>
                  <a:pt x="24175" y="41635"/>
                </a:lnTo>
                <a:lnTo>
                  <a:pt x="24268" y="41033"/>
                </a:lnTo>
                <a:lnTo>
                  <a:pt x="24361" y="40385"/>
                </a:lnTo>
                <a:lnTo>
                  <a:pt x="24361" y="39783"/>
                </a:lnTo>
                <a:lnTo>
                  <a:pt x="24361" y="39181"/>
                </a:lnTo>
                <a:lnTo>
                  <a:pt x="24268" y="38532"/>
                </a:lnTo>
                <a:lnTo>
                  <a:pt x="24129" y="37930"/>
                </a:lnTo>
                <a:lnTo>
                  <a:pt x="23944" y="37375"/>
                </a:lnTo>
                <a:lnTo>
                  <a:pt x="23897" y="37236"/>
                </a:lnTo>
                <a:lnTo>
                  <a:pt x="23805" y="37189"/>
                </a:lnTo>
                <a:lnTo>
                  <a:pt x="23666" y="37143"/>
                </a:lnTo>
                <a:lnTo>
                  <a:pt x="23573" y="37097"/>
                </a:lnTo>
                <a:lnTo>
                  <a:pt x="23295" y="37097"/>
                </a:lnTo>
                <a:lnTo>
                  <a:pt x="23064" y="37189"/>
                </a:lnTo>
                <a:lnTo>
                  <a:pt x="22647" y="37513"/>
                </a:lnTo>
                <a:lnTo>
                  <a:pt x="22277" y="37838"/>
                </a:lnTo>
                <a:lnTo>
                  <a:pt x="21906" y="38162"/>
                </a:lnTo>
                <a:lnTo>
                  <a:pt x="21582" y="38532"/>
                </a:lnTo>
                <a:lnTo>
                  <a:pt x="20933" y="39273"/>
                </a:lnTo>
                <a:lnTo>
                  <a:pt x="20378" y="40107"/>
                </a:lnTo>
                <a:lnTo>
                  <a:pt x="20378" y="39459"/>
                </a:lnTo>
                <a:lnTo>
                  <a:pt x="20331" y="38764"/>
                </a:lnTo>
                <a:lnTo>
                  <a:pt x="20239" y="38162"/>
                </a:lnTo>
                <a:lnTo>
                  <a:pt x="20100" y="37560"/>
                </a:lnTo>
                <a:lnTo>
                  <a:pt x="19915" y="36958"/>
                </a:lnTo>
                <a:lnTo>
                  <a:pt x="19637" y="36402"/>
                </a:lnTo>
                <a:lnTo>
                  <a:pt x="19266" y="35893"/>
                </a:lnTo>
                <a:lnTo>
                  <a:pt x="18849" y="35383"/>
                </a:lnTo>
                <a:lnTo>
                  <a:pt x="18757" y="35290"/>
                </a:lnTo>
                <a:lnTo>
                  <a:pt x="18618" y="35244"/>
                </a:lnTo>
                <a:lnTo>
                  <a:pt x="18340" y="35152"/>
                </a:lnTo>
                <a:lnTo>
                  <a:pt x="18016" y="35198"/>
                </a:lnTo>
                <a:lnTo>
                  <a:pt x="17877" y="35244"/>
                </a:lnTo>
                <a:lnTo>
                  <a:pt x="17738" y="35290"/>
                </a:lnTo>
                <a:lnTo>
                  <a:pt x="17414" y="35568"/>
                </a:lnTo>
                <a:lnTo>
                  <a:pt x="17136" y="35893"/>
                </a:lnTo>
                <a:lnTo>
                  <a:pt x="16904" y="36170"/>
                </a:lnTo>
                <a:lnTo>
                  <a:pt x="16673" y="36495"/>
                </a:lnTo>
                <a:lnTo>
                  <a:pt x="16256" y="37097"/>
                </a:lnTo>
                <a:lnTo>
                  <a:pt x="15978" y="37791"/>
                </a:lnTo>
                <a:lnTo>
                  <a:pt x="15746" y="38532"/>
                </a:lnTo>
                <a:lnTo>
                  <a:pt x="15607" y="39273"/>
                </a:lnTo>
                <a:lnTo>
                  <a:pt x="15469" y="40061"/>
                </a:lnTo>
                <a:lnTo>
                  <a:pt x="15376" y="40894"/>
                </a:lnTo>
                <a:lnTo>
                  <a:pt x="15144" y="42978"/>
                </a:lnTo>
                <a:lnTo>
                  <a:pt x="15005" y="45062"/>
                </a:lnTo>
                <a:lnTo>
                  <a:pt x="14774" y="49277"/>
                </a:lnTo>
                <a:lnTo>
                  <a:pt x="14728" y="51268"/>
                </a:lnTo>
                <a:lnTo>
                  <a:pt x="14589" y="53260"/>
                </a:lnTo>
                <a:lnTo>
                  <a:pt x="14542" y="54279"/>
                </a:lnTo>
                <a:lnTo>
                  <a:pt x="14403" y="55251"/>
                </a:lnTo>
                <a:lnTo>
                  <a:pt x="14218" y="56224"/>
                </a:lnTo>
                <a:lnTo>
                  <a:pt x="13987" y="57196"/>
                </a:lnTo>
                <a:lnTo>
                  <a:pt x="13801" y="57752"/>
                </a:lnTo>
                <a:lnTo>
                  <a:pt x="13570" y="58261"/>
                </a:lnTo>
                <a:lnTo>
                  <a:pt x="13338" y="58678"/>
                </a:lnTo>
                <a:lnTo>
                  <a:pt x="13060" y="59095"/>
                </a:lnTo>
                <a:lnTo>
                  <a:pt x="12968" y="55853"/>
                </a:lnTo>
                <a:lnTo>
                  <a:pt x="12921" y="52611"/>
                </a:lnTo>
                <a:lnTo>
                  <a:pt x="12875" y="46128"/>
                </a:lnTo>
                <a:lnTo>
                  <a:pt x="12829" y="40477"/>
                </a:lnTo>
                <a:lnTo>
                  <a:pt x="12782" y="34827"/>
                </a:lnTo>
                <a:lnTo>
                  <a:pt x="12551" y="23527"/>
                </a:lnTo>
                <a:lnTo>
                  <a:pt x="12458" y="17877"/>
                </a:lnTo>
                <a:lnTo>
                  <a:pt x="12412" y="12227"/>
                </a:lnTo>
                <a:lnTo>
                  <a:pt x="12412" y="9402"/>
                </a:lnTo>
                <a:lnTo>
                  <a:pt x="12458" y="6530"/>
                </a:lnTo>
                <a:lnTo>
                  <a:pt x="12458" y="5141"/>
                </a:lnTo>
                <a:lnTo>
                  <a:pt x="12458" y="3705"/>
                </a:lnTo>
                <a:lnTo>
                  <a:pt x="12412" y="2316"/>
                </a:lnTo>
                <a:lnTo>
                  <a:pt x="12319" y="927"/>
                </a:lnTo>
                <a:lnTo>
                  <a:pt x="12273" y="695"/>
                </a:lnTo>
                <a:lnTo>
                  <a:pt x="12180" y="510"/>
                </a:lnTo>
                <a:lnTo>
                  <a:pt x="12041" y="371"/>
                </a:lnTo>
                <a:lnTo>
                  <a:pt x="11902" y="232"/>
                </a:lnTo>
                <a:lnTo>
                  <a:pt x="11717" y="139"/>
                </a:lnTo>
                <a:lnTo>
                  <a:pt x="11486" y="47"/>
                </a:lnTo>
                <a:lnTo>
                  <a:pt x="11069" y="0"/>
                </a:lnTo>
                <a:close/>
              </a:path>
            </a:pathLst>
          </a:custGeom>
          <a:solidFill>
            <a:schemeClr val="dk1"/>
          </a:solidFill>
          <a:ln>
            <a:noFill/>
          </a:ln>
        </p:spPr>
        <p:txBody>
          <a:bodyPr spcFirstLastPara="1" wrap="square" lIns="203167" tIns="203167" rIns="203167" bIns="203167" anchor="ctr" anchorCtr="0">
            <a:noAutofit/>
          </a:bodyPr>
          <a:lstStyle/>
          <a:p>
            <a:pPr marL="0" lvl="0" indent="0" algn="l" rtl="0">
              <a:spcBef>
                <a:spcPts val="0"/>
              </a:spcBef>
              <a:spcAft>
                <a:spcPts val="0"/>
              </a:spcAft>
              <a:buNone/>
            </a:pPr>
            <a:endParaRPr sz="6000"/>
          </a:p>
        </p:txBody>
      </p:sp>
    </p:spTree>
    <p:extLst>
      <p:ext uri="{BB962C8B-B14F-4D97-AF65-F5344CB8AC3E}">
        <p14:creationId xmlns:p14="http://schemas.microsoft.com/office/powerpoint/2010/main" val="2744694556"/>
      </p:ext>
    </p:extLst>
  </p:cSld>
  <p:clrMapOvr>
    <a:masterClrMapping/>
  </p:clrMapOvr>
</p:sldLayout>
</file>

<file path=ppt/slideLayouts/slideLayout94.xml><?xml version="1.0" encoding="utf-8"?>
<p:sldLayout xmlns:a="http://schemas.openxmlformats.org/drawingml/2006/main" xmlns:r="http://schemas.openxmlformats.org/officeDocument/2006/relationships" xmlns:p="http://schemas.openxmlformats.org/presentationml/2006/main" matchingName="Blank" type="blank">
  <p:cSld name="Blank">
    <p:bg>
      <p:bgPr>
        <a:solidFill>
          <a:schemeClr val="accent3"/>
        </a:solidFill>
        <a:effectLst/>
      </p:bgPr>
    </p:bg>
    <p:spTree>
      <p:nvGrpSpPr>
        <p:cNvPr id="1" name="Shape 154"/>
        <p:cNvGrpSpPr/>
        <p:nvPr/>
      </p:nvGrpSpPr>
      <p:grpSpPr>
        <a:xfrm>
          <a:off x="0" y="0"/>
          <a:ext cx="0" cy="0"/>
          <a:chOff x="0" y="0"/>
          <a:chExt cx="0" cy="0"/>
        </a:xfrm>
      </p:grpSpPr>
    </p:spTree>
    <p:extLst>
      <p:ext uri="{BB962C8B-B14F-4D97-AF65-F5344CB8AC3E}">
        <p14:creationId xmlns:p14="http://schemas.microsoft.com/office/powerpoint/2010/main" val="3029538998"/>
      </p:ext>
    </p:extLst>
  </p:cSld>
  <p:clrMapOvr>
    <a:masterClrMapping/>
  </p:clrMapOvr>
</p:sldLayout>
</file>

<file path=ppt/slideLayouts/slideLayout95.xml><?xml version="1.0" encoding="utf-8"?>
<p:sldLayout xmlns:a="http://schemas.openxmlformats.org/drawingml/2006/main" xmlns:r="http://schemas.openxmlformats.org/officeDocument/2006/relationships" xmlns:p="http://schemas.openxmlformats.org/presentationml/2006/main" matchingName="Table of contents">
  <p:cSld name="Table of contents">
    <p:spTree>
      <p:nvGrpSpPr>
        <p:cNvPr id="1" name="Shape 155"/>
        <p:cNvGrpSpPr/>
        <p:nvPr/>
      </p:nvGrpSpPr>
      <p:grpSpPr>
        <a:xfrm>
          <a:off x="0" y="0"/>
          <a:ext cx="0" cy="0"/>
          <a:chOff x="0" y="0"/>
          <a:chExt cx="0" cy="0"/>
        </a:xfrm>
      </p:grpSpPr>
      <p:pic>
        <p:nvPicPr>
          <p:cNvPr id="156" name="Google Shape;156;p13"/>
          <p:cNvPicPr preferRelativeResize="0"/>
          <p:nvPr/>
        </p:nvPicPr>
        <p:blipFill rotWithShape="1">
          <a:blip r:embed="rId2">
            <a:alphaModFix amt="58999"/>
          </a:blip>
          <a:srcRect/>
          <a:stretch/>
        </p:blipFill>
        <p:spPr>
          <a:xfrm>
            <a:off x="0" y="0"/>
            <a:ext cx="20320000" cy="11430000"/>
          </a:xfrm>
          <a:prstGeom prst="rect">
            <a:avLst/>
          </a:prstGeom>
          <a:noFill/>
          <a:ln>
            <a:noFill/>
          </a:ln>
        </p:spPr>
      </p:pic>
      <p:sp>
        <p:nvSpPr>
          <p:cNvPr id="157" name="Google Shape;157;p13"/>
          <p:cNvSpPr txBox="1">
            <a:spLocks noGrp="1"/>
          </p:cNvSpPr>
          <p:nvPr>
            <p:ph type="title"/>
          </p:nvPr>
        </p:nvSpPr>
        <p:spPr>
          <a:xfrm>
            <a:off x="1600000" y="1158278"/>
            <a:ext cx="17120000" cy="1272667"/>
          </a:xfrm>
          <a:prstGeom prst="rect">
            <a:avLst/>
          </a:prstGeom>
        </p:spPr>
        <p:txBody>
          <a:bodyPr spcFirstLastPara="1" wrap="square" lIns="91425" tIns="91425" rIns="91425" bIns="91425" anchor="t" anchorCtr="0">
            <a:noAutofit/>
          </a:bodyPr>
          <a:lstStyle>
            <a:lvl1pPr lvl="0" rtl="0">
              <a:spcBef>
                <a:spcPts val="0"/>
              </a:spcBef>
              <a:spcAft>
                <a:spcPts val="0"/>
              </a:spcAft>
              <a:buSzPts val="3500"/>
              <a:buNone/>
              <a:defRPr/>
            </a:lvl1pPr>
            <a:lvl2pPr lvl="1" rtl="0">
              <a:spcBef>
                <a:spcPts val="0"/>
              </a:spcBef>
              <a:spcAft>
                <a:spcPts val="0"/>
              </a:spcAft>
              <a:buSzPts val="3500"/>
              <a:buNone/>
              <a:defRPr/>
            </a:lvl2pPr>
            <a:lvl3pPr lvl="2" rtl="0">
              <a:spcBef>
                <a:spcPts val="0"/>
              </a:spcBef>
              <a:spcAft>
                <a:spcPts val="0"/>
              </a:spcAft>
              <a:buSzPts val="3500"/>
              <a:buNone/>
              <a:defRPr/>
            </a:lvl3pPr>
            <a:lvl4pPr lvl="3" rtl="0">
              <a:spcBef>
                <a:spcPts val="0"/>
              </a:spcBef>
              <a:spcAft>
                <a:spcPts val="0"/>
              </a:spcAft>
              <a:buSzPts val="3500"/>
              <a:buNone/>
              <a:defRPr/>
            </a:lvl4pPr>
            <a:lvl5pPr lvl="4" rtl="0">
              <a:spcBef>
                <a:spcPts val="0"/>
              </a:spcBef>
              <a:spcAft>
                <a:spcPts val="0"/>
              </a:spcAft>
              <a:buSzPts val="3500"/>
              <a:buNone/>
              <a:defRPr/>
            </a:lvl5pPr>
            <a:lvl6pPr lvl="5" rtl="0">
              <a:spcBef>
                <a:spcPts val="0"/>
              </a:spcBef>
              <a:spcAft>
                <a:spcPts val="0"/>
              </a:spcAft>
              <a:buSzPts val="3500"/>
              <a:buNone/>
              <a:defRPr/>
            </a:lvl6pPr>
            <a:lvl7pPr lvl="6" rtl="0">
              <a:spcBef>
                <a:spcPts val="0"/>
              </a:spcBef>
              <a:spcAft>
                <a:spcPts val="0"/>
              </a:spcAft>
              <a:buSzPts val="3500"/>
              <a:buNone/>
              <a:defRPr/>
            </a:lvl7pPr>
            <a:lvl8pPr lvl="7" rtl="0">
              <a:spcBef>
                <a:spcPts val="0"/>
              </a:spcBef>
              <a:spcAft>
                <a:spcPts val="0"/>
              </a:spcAft>
              <a:buSzPts val="3500"/>
              <a:buNone/>
              <a:defRPr/>
            </a:lvl8pPr>
            <a:lvl9pPr lvl="8" rtl="0">
              <a:spcBef>
                <a:spcPts val="0"/>
              </a:spcBef>
              <a:spcAft>
                <a:spcPts val="0"/>
              </a:spcAft>
              <a:buSzPts val="3500"/>
              <a:buNone/>
              <a:defRPr/>
            </a:lvl9pPr>
          </a:lstStyle>
          <a:p>
            <a:endParaRPr/>
          </a:p>
        </p:txBody>
      </p:sp>
      <p:sp>
        <p:nvSpPr>
          <p:cNvPr id="158" name="Google Shape;158;p13"/>
          <p:cNvSpPr txBox="1">
            <a:spLocks noGrp="1"/>
          </p:cNvSpPr>
          <p:nvPr>
            <p:ph type="subTitle" idx="1"/>
          </p:nvPr>
        </p:nvSpPr>
        <p:spPr>
          <a:xfrm>
            <a:off x="3684611" y="4873722"/>
            <a:ext cx="4828667" cy="1272667"/>
          </a:xfrm>
          <a:prstGeom prst="rect">
            <a:avLst/>
          </a:prstGeom>
        </p:spPr>
        <p:txBody>
          <a:bodyPr spcFirstLastPara="1" wrap="square" lIns="91425" tIns="91425" rIns="91425" bIns="91425" anchor="t" anchorCtr="0">
            <a:noAutofit/>
          </a:bodyPr>
          <a:lstStyle>
            <a:lvl1pPr lvl="0" algn="ctr" rtl="0">
              <a:lnSpc>
                <a:spcPct val="100000"/>
              </a:lnSpc>
              <a:spcBef>
                <a:spcPts val="0"/>
              </a:spcBef>
              <a:spcAft>
                <a:spcPts val="0"/>
              </a:spcAft>
              <a:buSzPts val="1400"/>
              <a:buNone/>
              <a:defRPr sz="3111"/>
            </a:lvl1pPr>
            <a:lvl2pPr lvl="1" algn="ctr" rtl="0">
              <a:lnSpc>
                <a:spcPct val="100000"/>
              </a:lnSpc>
              <a:spcBef>
                <a:spcPts val="0"/>
              </a:spcBef>
              <a:spcAft>
                <a:spcPts val="0"/>
              </a:spcAft>
              <a:buSzPts val="1400"/>
              <a:buNone/>
              <a:defRPr/>
            </a:lvl2pPr>
            <a:lvl3pPr lvl="2" algn="ctr" rtl="0">
              <a:lnSpc>
                <a:spcPct val="100000"/>
              </a:lnSpc>
              <a:spcBef>
                <a:spcPts val="3556"/>
              </a:spcBef>
              <a:spcAft>
                <a:spcPts val="0"/>
              </a:spcAft>
              <a:buSzPts val="1400"/>
              <a:buNone/>
              <a:defRPr/>
            </a:lvl3pPr>
            <a:lvl4pPr lvl="3" algn="ctr" rtl="0">
              <a:lnSpc>
                <a:spcPct val="100000"/>
              </a:lnSpc>
              <a:spcBef>
                <a:spcPts val="3556"/>
              </a:spcBef>
              <a:spcAft>
                <a:spcPts val="0"/>
              </a:spcAft>
              <a:buSzPts val="1400"/>
              <a:buNone/>
              <a:defRPr/>
            </a:lvl4pPr>
            <a:lvl5pPr lvl="4" algn="ctr" rtl="0">
              <a:lnSpc>
                <a:spcPct val="100000"/>
              </a:lnSpc>
              <a:spcBef>
                <a:spcPts val="3556"/>
              </a:spcBef>
              <a:spcAft>
                <a:spcPts val="0"/>
              </a:spcAft>
              <a:buSzPts val="1400"/>
              <a:buNone/>
              <a:defRPr/>
            </a:lvl5pPr>
            <a:lvl6pPr lvl="5" algn="ctr" rtl="0">
              <a:lnSpc>
                <a:spcPct val="100000"/>
              </a:lnSpc>
              <a:spcBef>
                <a:spcPts val="3556"/>
              </a:spcBef>
              <a:spcAft>
                <a:spcPts val="0"/>
              </a:spcAft>
              <a:buSzPts val="1400"/>
              <a:buNone/>
              <a:defRPr/>
            </a:lvl6pPr>
            <a:lvl7pPr lvl="6" algn="ctr" rtl="0">
              <a:lnSpc>
                <a:spcPct val="100000"/>
              </a:lnSpc>
              <a:spcBef>
                <a:spcPts val="3556"/>
              </a:spcBef>
              <a:spcAft>
                <a:spcPts val="0"/>
              </a:spcAft>
              <a:buSzPts val="1400"/>
              <a:buNone/>
              <a:defRPr/>
            </a:lvl7pPr>
            <a:lvl8pPr lvl="7" algn="ctr" rtl="0">
              <a:lnSpc>
                <a:spcPct val="100000"/>
              </a:lnSpc>
              <a:spcBef>
                <a:spcPts val="3556"/>
              </a:spcBef>
              <a:spcAft>
                <a:spcPts val="0"/>
              </a:spcAft>
              <a:buSzPts val="1400"/>
              <a:buNone/>
              <a:defRPr/>
            </a:lvl8pPr>
            <a:lvl9pPr lvl="8" algn="ctr" rtl="0">
              <a:lnSpc>
                <a:spcPct val="100000"/>
              </a:lnSpc>
              <a:spcBef>
                <a:spcPts val="3556"/>
              </a:spcBef>
              <a:spcAft>
                <a:spcPts val="3556"/>
              </a:spcAft>
              <a:buSzPts val="1400"/>
              <a:buNone/>
              <a:defRPr/>
            </a:lvl9pPr>
          </a:lstStyle>
          <a:p>
            <a:endParaRPr/>
          </a:p>
        </p:txBody>
      </p:sp>
      <p:sp>
        <p:nvSpPr>
          <p:cNvPr id="159" name="Google Shape;159;p13"/>
          <p:cNvSpPr txBox="1">
            <a:spLocks noGrp="1"/>
          </p:cNvSpPr>
          <p:nvPr>
            <p:ph type="subTitle" idx="2"/>
          </p:nvPr>
        </p:nvSpPr>
        <p:spPr>
          <a:xfrm>
            <a:off x="11806722" y="4873667"/>
            <a:ext cx="4828667" cy="1272667"/>
          </a:xfrm>
          <a:prstGeom prst="rect">
            <a:avLst/>
          </a:prstGeom>
        </p:spPr>
        <p:txBody>
          <a:bodyPr spcFirstLastPara="1" wrap="square" lIns="91425" tIns="91425" rIns="91425" bIns="91425" anchor="t" anchorCtr="0">
            <a:noAutofit/>
          </a:bodyPr>
          <a:lstStyle>
            <a:lvl1pPr lvl="0" algn="ctr" rtl="0">
              <a:lnSpc>
                <a:spcPct val="100000"/>
              </a:lnSpc>
              <a:spcBef>
                <a:spcPts val="0"/>
              </a:spcBef>
              <a:spcAft>
                <a:spcPts val="0"/>
              </a:spcAft>
              <a:buSzPts val="1400"/>
              <a:buNone/>
              <a:defRPr sz="3111"/>
            </a:lvl1pPr>
            <a:lvl2pPr lvl="1" algn="ctr" rtl="0">
              <a:lnSpc>
                <a:spcPct val="100000"/>
              </a:lnSpc>
              <a:spcBef>
                <a:spcPts val="0"/>
              </a:spcBef>
              <a:spcAft>
                <a:spcPts val="0"/>
              </a:spcAft>
              <a:buSzPts val="1400"/>
              <a:buNone/>
              <a:defRPr/>
            </a:lvl2pPr>
            <a:lvl3pPr lvl="2" algn="ctr" rtl="0">
              <a:lnSpc>
                <a:spcPct val="100000"/>
              </a:lnSpc>
              <a:spcBef>
                <a:spcPts val="3556"/>
              </a:spcBef>
              <a:spcAft>
                <a:spcPts val="0"/>
              </a:spcAft>
              <a:buSzPts val="1400"/>
              <a:buNone/>
              <a:defRPr/>
            </a:lvl3pPr>
            <a:lvl4pPr lvl="3" algn="ctr" rtl="0">
              <a:lnSpc>
                <a:spcPct val="100000"/>
              </a:lnSpc>
              <a:spcBef>
                <a:spcPts val="3556"/>
              </a:spcBef>
              <a:spcAft>
                <a:spcPts val="0"/>
              </a:spcAft>
              <a:buSzPts val="1400"/>
              <a:buNone/>
              <a:defRPr/>
            </a:lvl4pPr>
            <a:lvl5pPr lvl="4" algn="ctr" rtl="0">
              <a:lnSpc>
                <a:spcPct val="100000"/>
              </a:lnSpc>
              <a:spcBef>
                <a:spcPts val="3556"/>
              </a:spcBef>
              <a:spcAft>
                <a:spcPts val="0"/>
              </a:spcAft>
              <a:buSzPts val="1400"/>
              <a:buNone/>
              <a:defRPr/>
            </a:lvl5pPr>
            <a:lvl6pPr lvl="5" algn="ctr" rtl="0">
              <a:lnSpc>
                <a:spcPct val="100000"/>
              </a:lnSpc>
              <a:spcBef>
                <a:spcPts val="3556"/>
              </a:spcBef>
              <a:spcAft>
                <a:spcPts val="0"/>
              </a:spcAft>
              <a:buSzPts val="1400"/>
              <a:buNone/>
              <a:defRPr/>
            </a:lvl6pPr>
            <a:lvl7pPr lvl="6" algn="ctr" rtl="0">
              <a:lnSpc>
                <a:spcPct val="100000"/>
              </a:lnSpc>
              <a:spcBef>
                <a:spcPts val="3556"/>
              </a:spcBef>
              <a:spcAft>
                <a:spcPts val="0"/>
              </a:spcAft>
              <a:buSzPts val="1400"/>
              <a:buNone/>
              <a:defRPr/>
            </a:lvl7pPr>
            <a:lvl8pPr lvl="7" algn="ctr" rtl="0">
              <a:lnSpc>
                <a:spcPct val="100000"/>
              </a:lnSpc>
              <a:spcBef>
                <a:spcPts val="3556"/>
              </a:spcBef>
              <a:spcAft>
                <a:spcPts val="0"/>
              </a:spcAft>
              <a:buSzPts val="1400"/>
              <a:buNone/>
              <a:defRPr/>
            </a:lvl8pPr>
            <a:lvl9pPr lvl="8" algn="ctr" rtl="0">
              <a:lnSpc>
                <a:spcPct val="100000"/>
              </a:lnSpc>
              <a:spcBef>
                <a:spcPts val="3556"/>
              </a:spcBef>
              <a:spcAft>
                <a:spcPts val="3556"/>
              </a:spcAft>
              <a:buSzPts val="1400"/>
              <a:buNone/>
              <a:defRPr/>
            </a:lvl9pPr>
          </a:lstStyle>
          <a:p>
            <a:endParaRPr/>
          </a:p>
        </p:txBody>
      </p:sp>
      <p:sp>
        <p:nvSpPr>
          <p:cNvPr id="160" name="Google Shape;160;p13"/>
          <p:cNvSpPr txBox="1">
            <a:spLocks noGrp="1"/>
          </p:cNvSpPr>
          <p:nvPr>
            <p:ph type="subTitle" idx="3"/>
          </p:nvPr>
        </p:nvSpPr>
        <p:spPr>
          <a:xfrm>
            <a:off x="3684611" y="8365722"/>
            <a:ext cx="4828667" cy="1272667"/>
          </a:xfrm>
          <a:prstGeom prst="rect">
            <a:avLst/>
          </a:prstGeom>
        </p:spPr>
        <p:txBody>
          <a:bodyPr spcFirstLastPara="1" wrap="square" lIns="91425" tIns="91425" rIns="91425" bIns="91425" anchor="t" anchorCtr="0">
            <a:noAutofit/>
          </a:bodyPr>
          <a:lstStyle>
            <a:lvl1pPr lvl="0" algn="ctr" rtl="0">
              <a:lnSpc>
                <a:spcPct val="100000"/>
              </a:lnSpc>
              <a:spcBef>
                <a:spcPts val="0"/>
              </a:spcBef>
              <a:spcAft>
                <a:spcPts val="0"/>
              </a:spcAft>
              <a:buSzPts val="1400"/>
              <a:buNone/>
              <a:defRPr sz="3111"/>
            </a:lvl1pPr>
            <a:lvl2pPr lvl="1" algn="ctr" rtl="0">
              <a:lnSpc>
                <a:spcPct val="100000"/>
              </a:lnSpc>
              <a:spcBef>
                <a:spcPts val="0"/>
              </a:spcBef>
              <a:spcAft>
                <a:spcPts val="0"/>
              </a:spcAft>
              <a:buSzPts val="1400"/>
              <a:buNone/>
              <a:defRPr/>
            </a:lvl2pPr>
            <a:lvl3pPr lvl="2" algn="ctr" rtl="0">
              <a:lnSpc>
                <a:spcPct val="100000"/>
              </a:lnSpc>
              <a:spcBef>
                <a:spcPts val="3556"/>
              </a:spcBef>
              <a:spcAft>
                <a:spcPts val="0"/>
              </a:spcAft>
              <a:buSzPts val="1400"/>
              <a:buNone/>
              <a:defRPr/>
            </a:lvl3pPr>
            <a:lvl4pPr lvl="3" algn="ctr" rtl="0">
              <a:lnSpc>
                <a:spcPct val="100000"/>
              </a:lnSpc>
              <a:spcBef>
                <a:spcPts val="3556"/>
              </a:spcBef>
              <a:spcAft>
                <a:spcPts val="0"/>
              </a:spcAft>
              <a:buSzPts val="1400"/>
              <a:buNone/>
              <a:defRPr/>
            </a:lvl4pPr>
            <a:lvl5pPr lvl="4" algn="ctr" rtl="0">
              <a:lnSpc>
                <a:spcPct val="100000"/>
              </a:lnSpc>
              <a:spcBef>
                <a:spcPts val="3556"/>
              </a:spcBef>
              <a:spcAft>
                <a:spcPts val="0"/>
              </a:spcAft>
              <a:buSzPts val="1400"/>
              <a:buNone/>
              <a:defRPr/>
            </a:lvl5pPr>
            <a:lvl6pPr lvl="5" algn="ctr" rtl="0">
              <a:lnSpc>
                <a:spcPct val="100000"/>
              </a:lnSpc>
              <a:spcBef>
                <a:spcPts val="3556"/>
              </a:spcBef>
              <a:spcAft>
                <a:spcPts val="0"/>
              </a:spcAft>
              <a:buSzPts val="1400"/>
              <a:buNone/>
              <a:defRPr/>
            </a:lvl6pPr>
            <a:lvl7pPr lvl="6" algn="ctr" rtl="0">
              <a:lnSpc>
                <a:spcPct val="100000"/>
              </a:lnSpc>
              <a:spcBef>
                <a:spcPts val="3556"/>
              </a:spcBef>
              <a:spcAft>
                <a:spcPts val="0"/>
              </a:spcAft>
              <a:buSzPts val="1400"/>
              <a:buNone/>
              <a:defRPr/>
            </a:lvl7pPr>
            <a:lvl8pPr lvl="7" algn="ctr" rtl="0">
              <a:lnSpc>
                <a:spcPct val="100000"/>
              </a:lnSpc>
              <a:spcBef>
                <a:spcPts val="3556"/>
              </a:spcBef>
              <a:spcAft>
                <a:spcPts val="0"/>
              </a:spcAft>
              <a:buSzPts val="1400"/>
              <a:buNone/>
              <a:defRPr/>
            </a:lvl8pPr>
            <a:lvl9pPr lvl="8" algn="ctr" rtl="0">
              <a:lnSpc>
                <a:spcPct val="100000"/>
              </a:lnSpc>
              <a:spcBef>
                <a:spcPts val="3556"/>
              </a:spcBef>
              <a:spcAft>
                <a:spcPts val="3556"/>
              </a:spcAft>
              <a:buSzPts val="1400"/>
              <a:buNone/>
              <a:defRPr/>
            </a:lvl9pPr>
          </a:lstStyle>
          <a:p>
            <a:endParaRPr/>
          </a:p>
        </p:txBody>
      </p:sp>
      <p:sp>
        <p:nvSpPr>
          <p:cNvPr id="161" name="Google Shape;161;p13"/>
          <p:cNvSpPr txBox="1">
            <a:spLocks noGrp="1"/>
          </p:cNvSpPr>
          <p:nvPr>
            <p:ph type="subTitle" idx="4"/>
          </p:nvPr>
        </p:nvSpPr>
        <p:spPr>
          <a:xfrm>
            <a:off x="11806722" y="8365722"/>
            <a:ext cx="4828667" cy="1272667"/>
          </a:xfrm>
          <a:prstGeom prst="rect">
            <a:avLst/>
          </a:prstGeom>
        </p:spPr>
        <p:txBody>
          <a:bodyPr spcFirstLastPara="1" wrap="square" lIns="91425" tIns="91425" rIns="91425" bIns="91425" anchor="t" anchorCtr="0">
            <a:noAutofit/>
          </a:bodyPr>
          <a:lstStyle>
            <a:lvl1pPr lvl="0" algn="ctr" rtl="0">
              <a:lnSpc>
                <a:spcPct val="100000"/>
              </a:lnSpc>
              <a:spcBef>
                <a:spcPts val="0"/>
              </a:spcBef>
              <a:spcAft>
                <a:spcPts val="0"/>
              </a:spcAft>
              <a:buSzPts val="1400"/>
              <a:buNone/>
              <a:defRPr sz="3111"/>
            </a:lvl1pPr>
            <a:lvl2pPr lvl="1" algn="ctr" rtl="0">
              <a:lnSpc>
                <a:spcPct val="100000"/>
              </a:lnSpc>
              <a:spcBef>
                <a:spcPts val="0"/>
              </a:spcBef>
              <a:spcAft>
                <a:spcPts val="0"/>
              </a:spcAft>
              <a:buSzPts val="1400"/>
              <a:buNone/>
              <a:defRPr/>
            </a:lvl2pPr>
            <a:lvl3pPr lvl="2" algn="ctr" rtl="0">
              <a:lnSpc>
                <a:spcPct val="100000"/>
              </a:lnSpc>
              <a:spcBef>
                <a:spcPts val="3556"/>
              </a:spcBef>
              <a:spcAft>
                <a:spcPts val="0"/>
              </a:spcAft>
              <a:buSzPts val="1400"/>
              <a:buNone/>
              <a:defRPr/>
            </a:lvl3pPr>
            <a:lvl4pPr lvl="3" algn="ctr" rtl="0">
              <a:lnSpc>
                <a:spcPct val="100000"/>
              </a:lnSpc>
              <a:spcBef>
                <a:spcPts val="3556"/>
              </a:spcBef>
              <a:spcAft>
                <a:spcPts val="0"/>
              </a:spcAft>
              <a:buSzPts val="1400"/>
              <a:buNone/>
              <a:defRPr/>
            </a:lvl4pPr>
            <a:lvl5pPr lvl="4" algn="ctr" rtl="0">
              <a:lnSpc>
                <a:spcPct val="100000"/>
              </a:lnSpc>
              <a:spcBef>
                <a:spcPts val="3556"/>
              </a:spcBef>
              <a:spcAft>
                <a:spcPts val="0"/>
              </a:spcAft>
              <a:buSzPts val="1400"/>
              <a:buNone/>
              <a:defRPr/>
            </a:lvl5pPr>
            <a:lvl6pPr lvl="5" algn="ctr" rtl="0">
              <a:lnSpc>
                <a:spcPct val="100000"/>
              </a:lnSpc>
              <a:spcBef>
                <a:spcPts val="3556"/>
              </a:spcBef>
              <a:spcAft>
                <a:spcPts val="0"/>
              </a:spcAft>
              <a:buSzPts val="1400"/>
              <a:buNone/>
              <a:defRPr/>
            </a:lvl6pPr>
            <a:lvl7pPr lvl="6" algn="ctr" rtl="0">
              <a:lnSpc>
                <a:spcPct val="100000"/>
              </a:lnSpc>
              <a:spcBef>
                <a:spcPts val="3556"/>
              </a:spcBef>
              <a:spcAft>
                <a:spcPts val="0"/>
              </a:spcAft>
              <a:buSzPts val="1400"/>
              <a:buNone/>
              <a:defRPr/>
            </a:lvl7pPr>
            <a:lvl8pPr lvl="7" algn="ctr" rtl="0">
              <a:lnSpc>
                <a:spcPct val="100000"/>
              </a:lnSpc>
              <a:spcBef>
                <a:spcPts val="3556"/>
              </a:spcBef>
              <a:spcAft>
                <a:spcPts val="0"/>
              </a:spcAft>
              <a:buSzPts val="1400"/>
              <a:buNone/>
              <a:defRPr/>
            </a:lvl8pPr>
            <a:lvl9pPr lvl="8" algn="ctr" rtl="0">
              <a:lnSpc>
                <a:spcPct val="100000"/>
              </a:lnSpc>
              <a:spcBef>
                <a:spcPts val="3556"/>
              </a:spcBef>
              <a:spcAft>
                <a:spcPts val="3556"/>
              </a:spcAft>
              <a:buSzPts val="1400"/>
              <a:buNone/>
              <a:defRPr/>
            </a:lvl9pPr>
          </a:lstStyle>
          <a:p>
            <a:endParaRPr/>
          </a:p>
        </p:txBody>
      </p:sp>
      <p:sp>
        <p:nvSpPr>
          <p:cNvPr id="162" name="Google Shape;162;p13"/>
          <p:cNvSpPr txBox="1">
            <a:spLocks noGrp="1"/>
          </p:cNvSpPr>
          <p:nvPr>
            <p:ph type="title" idx="5" hasCustomPrompt="1"/>
          </p:nvPr>
        </p:nvSpPr>
        <p:spPr>
          <a:xfrm>
            <a:off x="5107305" y="2996222"/>
            <a:ext cx="1983333" cy="994667"/>
          </a:xfrm>
          <a:prstGeom prst="rect">
            <a:avLst/>
          </a:prstGeom>
          <a:noFill/>
        </p:spPr>
        <p:txBody>
          <a:bodyPr spcFirstLastPara="1" wrap="square" lIns="91425" tIns="91425" rIns="91425" bIns="91425" anchor="ctr" anchorCtr="0">
            <a:noAutofit/>
          </a:bodyPr>
          <a:lstStyle>
            <a:lvl1pPr lvl="0" rtl="0">
              <a:spcBef>
                <a:spcPts val="0"/>
              </a:spcBef>
              <a:spcAft>
                <a:spcPts val="0"/>
              </a:spcAft>
              <a:buSzPts val="3000"/>
              <a:buNone/>
              <a:defRPr sz="6667">
                <a:solidFill>
                  <a:schemeClr val="dk2"/>
                </a:solidFill>
              </a:defRPr>
            </a:lvl1pPr>
            <a:lvl2pPr lvl="1" rtl="0">
              <a:spcBef>
                <a:spcPts val="0"/>
              </a:spcBef>
              <a:spcAft>
                <a:spcPts val="0"/>
              </a:spcAft>
              <a:buSzPts val="3000"/>
              <a:buNone/>
              <a:defRPr sz="6667"/>
            </a:lvl2pPr>
            <a:lvl3pPr lvl="2" rtl="0">
              <a:spcBef>
                <a:spcPts val="0"/>
              </a:spcBef>
              <a:spcAft>
                <a:spcPts val="0"/>
              </a:spcAft>
              <a:buSzPts val="3000"/>
              <a:buNone/>
              <a:defRPr sz="6667"/>
            </a:lvl3pPr>
            <a:lvl4pPr lvl="3" rtl="0">
              <a:spcBef>
                <a:spcPts val="0"/>
              </a:spcBef>
              <a:spcAft>
                <a:spcPts val="0"/>
              </a:spcAft>
              <a:buSzPts val="3000"/>
              <a:buNone/>
              <a:defRPr sz="6667"/>
            </a:lvl4pPr>
            <a:lvl5pPr lvl="4" rtl="0">
              <a:spcBef>
                <a:spcPts val="0"/>
              </a:spcBef>
              <a:spcAft>
                <a:spcPts val="0"/>
              </a:spcAft>
              <a:buSzPts val="3000"/>
              <a:buNone/>
              <a:defRPr sz="6667"/>
            </a:lvl5pPr>
            <a:lvl6pPr lvl="5" rtl="0">
              <a:spcBef>
                <a:spcPts val="0"/>
              </a:spcBef>
              <a:spcAft>
                <a:spcPts val="0"/>
              </a:spcAft>
              <a:buSzPts val="3000"/>
              <a:buNone/>
              <a:defRPr sz="6667"/>
            </a:lvl6pPr>
            <a:lvl7pPr lvl="6" rtl="0">
              <a:spcBef>
                <a:spcPts val="0"/>
              </a:spcBef>
              <a:spcAft>
                <a:spcPts val="0"/>
              </a:spcAft>
              <a:buSzPts val="3000"/>
              <a:buNone/>
              <a:defRPr sz="6667"/>
            </a:lvl7pPr>
            <a:lvl8pPr lvl="7" rtl="0">
              <a:spcBef>
                <a:spcPts val="0"/>
              </a:spcBef>
              <a:spcAft>
                <a:spcPts val="0"/>
              </a:spcAft>
              <a:buSzPts val="3000"/>
              <a:buNone/>
              <a:defRPr sz="6667"/>
            </a:lvl8pPr>
            <a:lvl9pPr lvl="8" rtl="0">
              <a:spcBef>
                <a:spcPts val="0"/>
              </a:spcBef>
              <a:spcAft>
                <a:spcPts val="0"/>
              </a:spcAft>
              <a:buSzPts val="3000"/>
              <a:buNone/>
              <a:defRPr sz="6667"/>
            </a:lvl9pPr>
          </a:lstStyle>
          <a:p>
            <a:r>
              <a:t>xx%</a:t>
            </a:r>
          </a:p>
        </p:txBody>
      </p:sp>
      <p:sp>
        <p:nvSpPr>
          <p:cNvPr id="163" name="Google Shape;163;p13"/>
          <p:cNvSpPr txBox="1">
            <a:spLocks noGrp="1"/>
          </p:cNvSpPr>
          <p:nvPr>
            <p:ph type="title" idx="6" hasCustomPrompt="1"/>
          </p:nvPr>
        </p:nvSpPr>
        <p:spPr>
          <a:xfrm>
            <a:off x="5107305" y="6488331"/>
            <a:ext cx="1983333" cy="994667"/>
          </a:xfrm>
          <a:prstGeom prst="rect">
            <a:avLst/>
          </a:prstGeom>
          <a:noFill/>
        </p:spPr>
        <p:txBody>
          <a:bodyPr spcFirstLastPara="1" wrap="square" lIns="91425" tIns="91425" rIns="91425" bIns="91425" anchor="ctr" anchorCtr="0">
            <a:noAutofit/>
          </a:bodyPr>
          <a:lstStyle>
            <a:lvl1pPr lvl="0" rtl="0">
              <a:spcBef>
                <a:spcPts val="0"/>
              </a:spcBef>
              <a:spcAft>
                <a:spcPts val="0"/>
              </a:spcAft>
              <a:buSzPts val="3000"/>
              <a:buNone/>
              <a:defRPr sz="6667">
                <a:solidFill>
                  <a:schemeClr val="dk2"/>
                </a:solidFill>
              </a:defRPr>
            </a:lvl1pPr>
            <a:lvl2pPr lvl="1" rtl="0">
              <a:spcBef>
                <a:spcPts val="0"/>
              </a:spcBef>
              <a:spcAft>
                <a:spcPts val="0"/>
              </a:spcAft>
              <a:buSzPts val="3000"/>
              <a:buNone/>
              <a:defRPr sz="6667"/>
            </a:lvl2pPr>
            <a:lvl3pPr lvl="2" rtl="0">
              <a:spcBef>
                <a:spcPts val="0"/>
              </a:spcBef>
              <a:spcAft>
                <a:spcPts val="0"/>
              </a:spcAft>
              <a:buSzPts val="3000"/>
              <a:buNone/>
              <a:defRPr sz="6667"/>
            </a:lvl3pPr>
            <a:lvl4pPr lvl="3" rtl="0">
              <a:spcBef>
                <a:spcPts val="0"/>
              </a:spcBef>
              <a:spcAft>
                <a:spcPts val="0"/>
              </a:spcAft>
              <a:buSzPts val="3000"/>
              <a:buNone/>
              <a:defRPr sz="6667"/>
            </a:lvl4pPr>
            <a:lvl5pPr lvl="4" rtl="0">
              <a:spcBef>
                <a:spcPts val="0"/>
              </a:spcBef>
              <a:spcAft>
                <a:spcPts val="0"/>
              </a:spcAft>
              <a:buSzPts val="3000"/>
              <a:buNone/>
              <a:defRPr sz="6667"/>
            </a:lvl5pPr>
            <a:lvl6pPr lvl="5" rtl="0">
              <a:spcBef>
                <a:spcPts val="0"/>
              </a:spcBef>
              <a:spcAft>
                <a:spcPts val="0"/>
              </a:spcAft>
              <a:buSzPts val="3000"/>
              <a:buNone/>
              <a:defRPr sz="6667"/>
            </a:lvl6pPr>
            <a:lvl7pPr lvl="6" rtl="0">
              <a:spcBef>
                <a:spcPts val="0"/>
              </a:spcBef>
              <a:spcAft>
                <a:spcPts val="0"/>
              </a:spcAft>
              <a:buSzPts val="3000"/>
              <a:buNone/>
              <a:defRPr sz="6667"/>
            </a:lvl7pPr>
            <a:lvl8pPr lvl="7" rtl="0">
              <a:spcBef>
                <a:spcPts val="0"/>
              </a:spcBef>
              <a:spcAft>
                <a:spcPts val="0"/>
              </a:spcAft>
              <a:buSzPts val="3000"/>
              <a:buNone/>
              <a:defRPr sz="6667"/>
            </a:lvl8pPr>
            <a:lvl9pPr lvl="8" rtl="0">
              <a:spcBef>
                <a:spcPts val="0"/>
              </a:spcBef>
              <a:spcAft>
                <a:spcPts val="0"/>
              </a:spcAft>
              <a:buSzPts val="3000"/>
              <a:buNone/>
              <a:defRPr sz="6667"/>
            </a:lvl9pPr>
          </a:lstStyle>
          <a:p>
            <a:r>
              <a:t>xx%</a:t>
            </a:r>
          </a:p>
        </p:txBody>
      </p:sp>
      <p:sp>
        <p:nvSpPr>
          <p:cNvPr id="164" name="Google Shape;164;p13"/>
          <p:cNvSpPr txBox="1">
            <a:spLocks noGrp="1"/>
          </p:cNvSpPr>
          <p:nvPr>
            <p:ph type="title" idx="7" hasCustomPrompt="1"/>
          </p:nvPr>
        </p:nvSpPr>
        <p:spPr>
          <a:xfrm>
            <a:off x="13229365" y="2996222"/>
            <a:ext cx="1983333" cy="994667"/>
          </a:xfrm>
          <a:prstGeom prst="rect">
            <a:avLst/>
          </a:prstGeom>
          <a:noFill/>
        </p:spPr>
        <p:txBody>
          <a:bodyPr spcFirstLastPara="1" wrap="square" lIns="91425" tIns="91425" rIns="91425" bIns="91425" anchor="ctr" anchorCtr="0">
            <a:noAutofit/>
          </a:bodyPr>
          <a:lstStyle>
            <a:lvl1pPr lvl="0" rtl="0">
              <a:spcBef>
                <a:spcPts val="0"/>
              </a:spcBef>
              <a:spcAft>
                <a:spcPts val="0"/>
              </a:spcAft>
              <a:buSzPts val="3000"/>
              <a:buNone/>
              <a:defRPr sz="6667">
                <a:solidFill>
                  <a:schemeClr val="dk2"/>
                </a:solidFill>
              </a:defRPr>
            </a:lvl1pPr>
            <a:lvl2pPr lvl="1" rtl="0">
              <a:spcBef>
                <a:spcPts val="0"/>
              </a:spcBef>
              <a:spcAft>
                <a:spcPts val="0"/>
              </a:spcAft>
              <a:buSzPts val="3000"/>
              <a:buNone/>
              <a:defRPr sz="6667"/>
            </a:lvl2pPr>
            <a:lvl3pPr lvl="2" rtl="0">
              <a:spcBef>
                <a:spcPts val="0"/>
              </a:spcBef>
              <a:spcAft>
                <a:spcPts val="0"/>
              </a:spcAft>
              <a:buSzPts val="3000"/>
              <a:buNone/>
              <a:defRPr sz="6667"/>
            </a:lvl3pPr>
            <a:lvl4pPr lvl="3" rtl="0">
              <a:spcBef>
                <a:spcPts val="0"/>
              </a:spcBef>
              <a:spcAft>
                <a:spcPts val="0"/>
              </a:spcAft>
              <a:buSzPts val="3000"/>
              <a:buNone/>
              <a:defRPr sz="6667"/>
            </a:lvl4pPr>
            <a:lvl5pPr lvl="4" rtl="0">
              <a:spcBef>
                <a:spcPts val="0"/>
              </a:spcBef>
              <a:spcAft>
                <a:spcPts val="0"/>
              </a:spcAft>
              <a:buSzPts val="3000"/>
              <a:buNone/>
              <a:defRPr sz="6667"/>
            </a:lvl5pPr>
            <a:lvl6pPr lvl="5" rtl="0">
              <a:spcBef>
                <a:spcPts val="0"/>
              </a:spcBef>
              <a:spcAft>
                <a:spcPts val="0"/>
              </a:spcAft>
              <a:buSzPts val="3000"/>
              <a:buNone/>
              <a:defRPr sz="6667"/>
            </a:lvl6pPr>
            <a:lvl7pPr lvl="6" rtl="0">
              <a:spcBef>
                <a:spcPts val="0"/>
              </a:spcBef>
              <a:spcAft>
                <a:spcPts val="0"/>
              </a:spcAft>
              <a:buSzPts val="3000"/>
              <a:buNone/>
              <a:defRPr sz="6667"/>
            </a:lvl7pPr>
            <a:lvl8pPr lvl="7" rtl="0">
              <a:spcBef>
                <a:spcPts val="0"/>
              </a:spcBef>
              <a:spcAft>
                <a:spcPts val="0"/>
              </a:spcAft>
              <a:buSzPts val="3000"/>
              <a:buNone/>
              <a:defRPr sz="6667"/>
            </a:lvl8pPr>
            <a:lvl9pPr lvl="8" rtl="0">
              <a:spcBef>
                <a:spcPts val="0"/>
              </a:spcBef>
              <a:spcAft>
                <a:spcPts val="0"/>
              </a:spcAft>
              <a:buSzPts val="3000"/>
              <a:buNone/>
              <a:defRPr sz="6667"/>
            </a:lvl9pPr>
          </a:lstStyle>
          <a:p>
            <a:r>
              <a:t>xx%</a:t>
            </a:r>
          </a:p>
        </p:txBody>
      </p:sp>
      <p:sp>
        <p:nvSpPr>
          <p:cNvPr id="165" name="Google Shape;165;p13"/>
          <p:cNvSpPr txBox="1">
            <a:spLocks noGrp="1"/>
          </p:cNvSpPr>
          <p:nvPr>
            <p:ph type="title" idx="8" hasCustomPrompt="1"/>
          </p:nvPr>
        </p:nvSpPr>
        <p:spPr>
          <a:xfrm>
            <a:off x="13229365" y="6488324"/>
            <a:ext cx="1983333" cy="994667"/>
          </a:xfrm>
          <a:prstGeom prst="rect">
            <a:avLst/>
          </a:prstGeom>
          <a:noFill/>
        </p:spPr>
        <p:txBody>
          <a:bodyPr spcFirstLastPara="1" wrap="square" lIns="91425" tIns="91425" rIns="91425" bIns="91425" anchor="ctr" anchorCtr="0">
            <a:noAutofit/>
          </a:bodyPr>
          <a:lstStyle>
            <a:lvl1pPr lvl="0" rtl="0">
              <a:spcBef>
                <a:spcPts val="0"/>
              </a:spcBef>
              <a:spcAft>
                <a:spcPts val="0"/>
              </a:spcAft>
              <a:buSzPts val="3000"/>
              <a:buNone/>
              <a:defRPr sz="6667">
                <a:solidFill>
                  <a:schemeClr val="dk2"/>
                </a:solidFill>
              </a:defRPr>
            </a:lvl1pPr>
            <a:lvl2pPr lvl="1" rtl="0">
              <a:spcBef>
                <a:spcPts val="0"/>
              </a:spcBef>
              <a:spcAft>
                <a:spcPts val="0"/>
              </a:spcAft>
              <a:buSzPts val="3000"/>
              <a:buNone/>
              <a:defRPr sz="6667"/>
            </a:lvl2pPr>
            <a:lvl3pPr lvl="2" rtl="0">
              <a:spcBef>
                <a:spcPts val="0"/>
              </a:spcBef>
              <a:spcAft>
                <a:spcPts val="0"/>
              </a:spcAft>
              <a:buSzPts val="3000"/>
              <a:buNone/>
              <a:defRPr sz="6667"/>
            </a:lvl3pPr>
            <a:lvl4pPr lvl="3" rtl="0">
              <a:spcBef>
                <a:spcPts val="0"/>
              </a:spcBef>
              <a:spcAft>
                <a:spcPts val="0"/>
              </a:spcAft>
              <a:buSzPts val="3000"/>
              <a:buNone/>
              <a:defRPr sz="6667"/>
            </a:lvl4pPr>
            <a:lvl5pPr lvl="4" rtl="0">
              <a:spcBef>
                <a:spcPts val="0"/>
              </a:spcBef>
              <a:spcAft>
                <a:spcPts val="0"/>
              </a:spcAft>
              <a:buSzPts val="3000"/>
              <a:buNone/>
              <a:defRPr sz="6667"/>
            </a:lvl5pPr>
            <a:lvl6pPr lvl="5" rtl="0">
              <a:spcBef>
                <a:spcPts val="0"/>
              </a:spcBef>
              <a:spcAft>
                <a:spcPts val="0"/>
              </a:spcAft>
              <a:buSzPts val="3000"/>
              <a:buNone/>
              <a:defRPr sz="6667"/>
            </a:lvl6pPr>
            <a:lvl7pPr lvl="6" rtl="0">
              <a:spcBef>
                <a:spcPts val="0"/>
              </a:spcBef>
              <a:spcAft>
                <a:spcPts val="0"/>
              </a:spcAft>
              <a:buSzPts val="3000"/>
              <a:buNone/>
              <a:defRPr sz="6667"/>
            </a:lvl7pPr>
            <a:lvl8pPr lvl="7" rtl="0">
              <a:spcBef>
                <a:spcPts val="0"/>
              </a:spcBef>
              <a:spcAft>
                <a:spcPts val="0"/>
              </a:spcAft>
              <a:buSzPts val="3000"/>
              <a:buNone/>
              <a:defRPr sz="6667"/>
            </a:lvl8pPr>
            <a:lvl9pPr lvl="8" rtl="0">
              <a:spcBef>
                <a:spcPts val="0"/>
              </a:spcBef>
              <a:spcAft>
                <a:spcPts val="0"/>
              </a:spcAft>
              <a:buSzPts val="3000"/>
              <a:buNone/>
              <a:defRPr sz="6667"/>
            </a:lvl9pPr>
          </a:lstStyle>
          <a:p>
            <a:r>
              <a:t>xx%</a:t>
            </a:r>
          </a:p>
        </p:txBody>
      </p:sp>
      <p:sp>
        <p:nvSpPr>
          <p:cNvPr id="166" name="Google Shape;166;p13"/>
          <p:cNvSpPr txBox="1">
            <a:spLocks noGrp="1"/>
          </p:cNvSpPr>
          <p:nvPr>
            <p:ph type="subTitle" idx="9"/>
          </p:nvPr>
        </p:nvSpPr>
        <p:spPr>
          <a:xfrm>
            <a:off x="2543278" y="4231500"/>
            <a:ext cx="7111333" cy="876667"/>
          </a:xfrm>
          <a:prstGeom prst="rect">
            <a:avLst/>
          </a:prstGeom>
        </p:spPr>
        <p:txBody>
          <a:bodyPr spcFirstLastPara="1" wrap="square" lIns="91425" tIns="91425" rIns="91425" bIns="91425" anchor="b" anchorCtr="0">
            <a:noAutofit/>
          </a:bodyPr>
          <a:lstStyle>
            <a:lvl1pPr lvl="0" algn="ctr" rtl="0">
              <a:lnSpc>
                <a:spcPct val="100000"/>
              </a:lnSpc>
              <a:spcBef>
                <a:spcPts val="0"/>
              </a:spcBef>
              <a:spcAft>
                <a:spcPts val="0"/>
              </a:spcAft>
              <a:buSzPts val="2400"/>
              <a:buFont typeface="Orelega One"/>
              <a:buNone/>
              <a:defRPr sz="4889">
                <a:solidFill>
                  <a:schemeClr val="dk1"/>
                </a:solidFill>
                <a:latin typeface="Orelega One"/>
                <a:ea typeface="Orelega One"/>
                <a:cs typeface="Orelega One"/>
                <a:sym typeface="Orelega One"/>
              </a:defRPr>
            </a:lvl1pPr>
            <a:lvl2pPr lvl="1" rtl="0">
              <a:lnSpc>
                <a:spcPct val="100000"/>
              </a:lnSpc>
              <a:spcBef>
                <a:spcPts val="0"/>
              </a:spcBef>
              <a:spcAft>
                <a:spcPts val="0"/>
              </a:spcAft>
              <a:buSzPts val="2400"/>
              <a:buFont typeface="Orelega One"/>
              <a:buNone/>
              <a:defRPr sz="5333">
                <a:latin typeface="Orelega One"/>
                <a:ea typeface="Orelega One"/>
                <a:cs typeface="Orelega One"/>
                <a:sym typeface="Orelega One"/>
              </a:defRPr>
            </a:lvl2pPr>
            <a:lvl3pPr lvl="2" rtl="0">
              <a:lnSpc>
                <a:spcPct val="100000"/>
              </a:lnSpc>
              <a:spcBef>
                <a:spcPts val="0"/>
              </a:spcBef>
              <a:spcAft>
                <a:spcPts val="0"/>
              </a:spcAft>
              <a:buSzPts val="2400"/>
              <a:buFont typeface="Orelega One"/>
              <a:buNone/>
              <a:defRPr sz="5333">
                <a:latin typeface="Orelega One"/>
                <a:ea typeface="Orelega One"/>
                <a:cs typeface="Orelega One"/>
                <a:sym typeface="Orelega One"/>
              </a:defRPr>
            </a:lvl3pPr>
            <a:lvl4pPr lvl="3" rtl="0">
              <a:lnSpc>
                <a:spcPct val="100000"/>
              </a:lnSpc>
              <a:spcBef>
                <a:spcPts val="0"/>
              </a:spcBef>
              <a:spcAft>
                <a:spcPts val="0"/>
              </a:spcAft>
              <a:buSzPts val="2400"/>
              <a:buFont typeface="Orelega One"/>
              <a:buNone/>
              <a:defRPr sz="5333">
                <a:latin typeface="Orelega One"/>
                <a:ea typeface="Orelega One"/>
                <a:cs typeface="Orelega One"/>
                <a:sym typeface="Orelega One"/>
              </a:defRPr>
            </a:lvl4pPr>
            <a:lvl5pPr lvl="4" rtl="0">
              <a:lnSpc>
                <a:spcPct val="100000"/>
              </a:lnSpc>
              <a:spcBef>
                <a:spcPts val="0"/>
              </a:spcBef>
              <a:spcAft>
                <a:spcPts val="0"/>
              </a:spcAft>
              <a:buSzPts val="2400"/>
              <a:buFont typeface="Orelega One"/>
              <a:buNone/>
              <a:defRPr sz="5333">
                <a:latin typeface="Orelega One"/>
                <a:ea typeface="Orelega One"/>
                <a:cs typeface="Orelega One"/>
                <a:sym typeface="Orelega One"/>
              </a:defRPr>
            </a:lvl5pPr>
            <a:lvl6pPr lvl="5" rtl="0">
              <a:lnSpc>
                <a:spcPct val="100000"/>
              </a:lnSpc>
              <a:spcBef>
                <a:spcPts val="0"/>
              </a:spcBef>
              <a:spcAft>
                <a:spcPts val="0"/>
              </a:spcAft>
              <a:buSzPts val="2400"/>
              <a:buFont typeface="Orelega One"/>
              <a:buNone/>
              <a:defRPr sz="5333">
                <a:latin typeface="Orelega One"/>
                <a:ea typeface="Orelega One"/>
                <a:cs typeface="Orelega One"/>
                <a:sym typeface="Orelega One"/>
              </a:defRPr>
            </a:lvl6pPr>
            <a:lvl7pPr lvl="6" rtl="0">
              <a:lnSpc>
                <a:spcPct val="100000"/>
              </a:lnSpc>
              <a:spcBef>
                <a:spcPts val="0"/>
              </a:spcBef>
              <a:spcAft>
                <a:spcPts val="0"/>
              </a:spcAft>
              <a:buSzPts val="2400"/>
              <a:buFont typeface="Orelega One"/>
              <a:buNone/>
              <a:defRPr sz="5333">
                <a:latin typeface="Orelega One"/>
                <a:ea typeface="Orelega One"/>
                <a:cs typeface="Orelega One"/>
                <a:sym typeface="Orelega One"/>
              </a:defRPr>
            </a:lvl7pPr>
            <a:lvl8pPr lvl="7" rtl="0">
              <a:lnSpc>
                <a:spcPct val="100000"/>
              </a:lnSpc>
              <a:spcBef>
                <a:spcPts val="0"/>
              </a:spcBef>
              <a:spcAft>
                <a:spcPts val="0"/>
              </a:spcAft>
              <a:buSzPts val="2400"/>
              <a:buFont typeface="Orelega One"/>
              <a:buNone/>
              <a:defRPr sz="5333">
                <a:latin typeface="Orelega One"/>
                <a:ea typeface="Orelega One"/>
                <a:cs typeface="Orelega One"/>
                <a:sym typeface="Orelega One"/>
              </a:defRPr>
            </a:lvl8pPr>
            <a:lvl9pPr lvl="8" rtl="0">
              <a:lnSpc>
                <a:spcPct val="100000"/>
              </a:lnSpc>
              <a:spcBef>
                <a:spcPts val="0"/>
              </a:spcBef>
              <a:spcAft>
                <a:spcPts val="0"/>
              </a:spcAft>
              <a:buSzPts val="2400"/>
              <a:buFont typeface="Orelega One"/>
              <a:buNone/>
              <a:defRPr sz="5333">
                <a:latin typeface="Orelega One"/>
                <a:ea typeface="Orelega One"/>
                <a:cs typeface="Orelega One"/>
                <a:sym typeface="Orelega One"/>
              </a:defRPr>
            </a:lvl9pPr>
          </a:lstStyle>
          <a:p>
            <a:endParaRPr/>
          </a:p>
        </p:txBody>
      </p:sp>
      <p:sp>
        <p:nvSpPr>
          <p:cNvPr id="167" name="Google Shape;167;p13"/>
          <p:cNvSpPr txBox="1">
            <a:spLocks noGrp="1"/>
          </p:cNvSpPr>
          <p:nvPr>
            <p:ph type="subTitle" idx="13"/>
          </p:nvPr>
        </p:nvSpPr>
        <p:spPr>
          <a:xfrm>
            <a:off x="10665356" y="4231500"/>
            <a:ext cx="7111333" cy="876667"/>
          </a:xfrm>
          <a:prstGeom prst="rect">
            <a:avLst/>
          </a:prstGeom>
        </p:spPr>
        <p:txBody>
          <a:bodyPr spcFirstLastPara="1" wrap="square" lIns="91425" tIns="91425" rIns="91425" bIns="91425" anchor="b" anchorCtr="0">
            <a:noAutofit/>
          </a:bodyPr>
          <a:lstStyle>
            <a:lvl1pPr lvl="0" algn="ctr" rtl="0">
              <a:lnSpc>
                <a:spcPct val="100000"/>
              </a:lnSpc>
              <a:spcBef>
                <a:spcPts val="0"/>
              </a:spcBef>
              <a:spcAft>
                <a:spcPts val="0"/>
              </a:spcAft>
              <a:buSzPts val="2400"/>
              <a:buFont typeface="Orelega One"/>
              <a:buNone/>
              <a:defRPr sz="4889">
                <a:solidFill>
                  <a:schemeClr val="dk1"/>
                </a:solidFill>
                <a:latin typeface="Orelega One"/>
                <a:ea typeface="Orelega One"/>
                <a:cs typeface="Orelega One"/>
                <a:sym typeface="Orelega One"/>
              </a:defRPr>
            </a:lvl1pPr>
            <a:lvl2pPr lvl="1" rtl="0">
              <a:lnSpc>
                <a:spcPct val="100000"/>
              </a:lnSpc>
              <a:spcBef>
                <a:spcPts val="0"/>
              </a:spcBef>
              <a:spcAft>
                <a:spcPts val="0"/>
              </a:spcAft>
              <a:buSzPts val="2400"/>
              <a:buFont typeface="Orelega One"/>
              <a:buNone/>
              <a:defRPr sz="5333">
                <a:latin typeface="Orelega One"/>
                <a:ea typeface="Orelega One"/>
                <a:cs typeface="Orelega One"/>
                <a:sym typeface="Orelega One"/>
              </a:defRPr>
            </a:lvl2pPr>
            <a:lvl3pPr lvl="2" rtl="0">
              <a:lnSpc>
                <a:spcPct val="100000"/>
              </a:lnSpc>
              <a:spcBef>
                <a:spcPts val="0"/>
              </a:spcBef>
              <a:spcAft>
                <a:spcPts val="0"/>
              </a:spcAft>
              <a:buSzPts val="2400"/>
              <a:buFont typeface="Orelega One"/>
              <a:buNone/>
              <a:defRPr sz="5333">
                <a:latin typeface="Orelega One"/>
                <a:ea typeface="Orelega One"/>
                <a:cs typeface="Orelega One"/>
                <a:sym typeface="Orelega One"/>
              </a:defRPr>
            </a:lvl3pPr>
            <a:lvl4pPr lvl="3" rtl="0">
              <a:lnSpc>
                <a:spcPct val="100000"/>
              </a:lnSpc>
              <a:spcBef>
                <a:spcPts val="0"/>
              </a:spcBef>
              <a:spcAft>
                <a:spcPts val="0"/>
              </a:spcAft>
              <a:buSzPts val="2400"/>
              <a:buFont typeface="Orelega One"/>
              <a:buNone/>
              <a:defRPr sz="5333">
                <a:latin typeface="Orelega One"/>
                <a:ea typeface="Orelega One"/>
                <a:cs typeface="Orelega One"/>
                <a:sym typeface="Orelega One"/>
              </a:defRPr>
            </a:lvl4pPr>
            <a:lvl5pPr lvl="4" rtl="0">
              <a:lnSpc>
                <a:spcPct val="100000"/>
              </a:lnSpc>
              <a:spcBef>
                <a:spcPts val="0"/>
              </a:spcBef>
              <a:spcAft>
                <a:spcPts val="0"/>
              </a:spcAft>
              <a:buSzPts val="2400"/>
              <a:buFont typeface="Orelega One"/>
              <a:buNone/>
              <a:defRPr sz="5333">
                <a:latin typeface="Orelega One"/>
                <a:ea typeface="Orelega One"/>
                <a:cs typeface="Orelega One"/>
                <a:sym typeface="Orelega One"/>
              </a:defRPr>
            </a:lvl5pPr>
            <a:lvl6pPr lvl="5" rtl="0">
              <a:lnSpc>
                <a:spcPct val="100000"/>
              </a:lnSpc>
              <a:spcBef>
                <a:spcPts val="0"/>
              </a:spcBef>
              <a:spcAft>
                <a:spcPts val="0"/>
              </a:spcAft>
              <a:buSzPts val="2400"/>
              <a:buFont typeface="Orelega One"/>
              <a:buNone/>
              <a:defRPr sz="5333">
                <a:latin typeface="Orelega One"/>
                <a:ea typeface="Orelega One"/>
                <a:cs typeface="Orelega One"/>
                <a:sym typeface="Orelega One"/>
              </a:defRPr>
            </a:lvl6pPr>
            <a:lvl7pPr lvl="6" rtl="0">
              <a:lnSpc>
                <a:spcPct val="100000"/>
              </a:lnSpc>
              <a:spcBef>
                <a:spcPts val="0"/>
              </a:spcBef>
              <a:spcAft>
                <a:spcPts val="0"/>
              </a:spcAft>
              <a:buSzPts val="2400"/>
              <a:buFont typeface="Orelega One"/>
              <a:buNone/>
              <a:defRPr sz="5333">
                <a:latin typeface="Orelega One"/>
                <a:ea typeface="Orelega One"/>
                <a:cs typeface="Orelega One"/>
                <a:sym typeface="Orelega One"/>
              </a:defRPr>
            </a:lvl7pPr>
            <a:lvl8pPr lvl="7" rtl="0">
              <a:lnSpc>
                <a:spcPct val="100000"/>
              </a:lnSpc>
              <a:spcBef>
                <a:spcPts val="0"/>
              </a:spcBef>
              <a:spcAft>
                <a:spcPts val="0"/>
              </a:spcAft>
              <a:buSzPts val="2400"/>
              <a:buFont typeface="Orelega One"/>
              <a:buNone/>
              <a:defRPr sz="5333">
                <a:latin typeface="Orelega One"/>
                <a:ea typeface="Orelega One"/>
                <a:cs typeface="Orelega One"/>
                <a:sym typeface="Orelega One"/>
              </a:defRPr>
            </a:lvl8pPr>
            <a:lvl9pPr lvl="8" rtl="0">
              <a:lnSpc>
                <a:spcPct val="100000"/>
              </a:lnSpc>
              <a:spcBef>
                <a:spcPts val="0"/>
              </a:spcBef>
              <a:spcAft>
                <a:spcPts val="0"/>
              </a:spcAft>
              <a:buSzPts val="2400"/>
              <a:buFont typeface="Orelega One"/>
              <a:buNone/>
              <a:defRPr sz="5333">
                <a:latin typeface="Orelega One"/>
                <a:ea typeface="Orelega One"/>
                <a:cs typeface="Orelega One"/>
                <a:sym typeface="Orelega One"/>
              </a:defRPr>
            </a:lvl9pPr>
          </a:lstStyle>
          <a:p>
            <a:endParaRPr/>
          </a:p>
        </p:txBody>
      </p:sp>
      <p:sp>
        <p:nvSpPr>
          <p:cNvPr id="168" name="Google Shape;168;p13"/>
          <p:cNvSpPr txBox="1">
            <a:spLocks noGrp="1"/>
          </p:cNvSpPr>
          <p:nvPr>
            <p:ph type="subTitle" idx="14"/>
          </p:nvPr>
        </p:nvSpPr>
        <p:spPr>
          <a:xfrm>
            <a:off x="2543278" y="7723722"/>
            <a:ext cx="7111333" cy="876667"/>
          </a:xfrm>
          <a:prstGeom prst="rect">
            <a:avLst/>
          </a:prstGeom>
        </p:spPr>
        <p:txBody>
          <a:bodyPr spcFirstLastPara="1" wrap="square" lIns="91425" tIns="91425" rIns="91425" bIns="91425" anchor="b" anchorCtr="0">
            <a:noAutofit/>
          </a:bodyPr>
          <a:lstStyle>
            <a:lvl1pPr lvl="0" algn="ctr" rtl="0">
              <a:lnSpc>
                <a:spcPct val="100000"/>
              </a:lnSpc>
              <a:spcBef>
                <a:spcPts val="0"/>
              </a:spcBef>
              <a:spcAft>
                <a:spcPts val="0"/>
              </a:spcAft>
              <a:buSzPts val="2400"/>
              <a:buFont typeface="Orelega One"/>
              <a:buNone/>
              <a:defRPr sz="4889">
                <a:solidFill>
                  <a:schemeClr val="dk1"/>
                </a:solidFill>
                <a:latin typeface="Orelega One"/>
                <a:ea typeface="Orelega One"/>
                <a:cs typeface="Orelega One"/>
                <a:sym typeface="Orelega One"/>
              </a:defRPr>
            </a:lvl1pPr>
            <a:lvl2pPr lvl="1" rtl="0">
              <a:lnSpc>
                <a:spcPct val="100000"/>
              </a:lnSpc>
              <a:spcBef>
                <a:spcPts val="0"/>
              </a:spcBef>
              <a:spcAft>
                <a:spcPts val="0"/>
              </a:spcAft>
              <a:buSzPts val="2400"/>
              <a:buFont typeface="Orelega One"/>
              <a:buNone/>
              <a:defRPr sz="5333">
                <a:latin typeface="Orelega One"/>
                <a:ea typeface="Orelega One"/>
                <a:cs typeface="Orelega One"/>
                <a:sym typeface="Orelega One"/>
              </a:defRPr>
            </a:lvl2pPr>
            <a:lvl3pPr lvl="2" rtl="0">
              <a:lnSpc>
                <a:spcPct val="100000"/>
              </a:lnSpc>
              <a:spcBef>
                <a:spcPts val="0"/>
              </a:spcBef>
              <a:spcAft>
                <a:spcPts val="0"/>
              </a:spcAft>
              <a:buSzPts val="2400"/>
              <a:buFont typeface="Orelega One"/>
              <a:buNone/>
              <a:defRPr sz="5333">
                <a:latin typeface="Orelega One"/>
                <a:ea typeface="Orelega One"/>
                <a:cs typeface="Orelega One"/>
                <a:sym typeface="Orelega One"/>
              </a:defRPr>
            </a:lvl3pPr>
            <a:lvl4pPr lvl="3" rtl="0">
              <a:lnSpc>
                <a:spcPct val="100000"/>
              </a:lnSpc>
              <a:spcBef>
                <a:spcPts val="0"/>
              </a:spcBef>
              <a:spcAft>
                <a:spcPts val="0"/>
              </a:spcAft>
              <a:buSzPts val="2400"/>
              <a:buFont typeface="Orelega One"/>
              <a:buNone/>
              <a:defRPr sz="5333">
                <a:latin typeface="Orelega One"/>
                <a:ea typeface="Orelega One"/>
                <a:cs typeface="Orelega One"/>
                <a:sym typeface="Orelega One"/>
              </a:defRPr>
            </a:lvl4pPr>
            <a:lvl5pPr lvl="4" rtl="0">
              <a:lnSpc>
                <a:spcPct val="100000"/>
              </a:lnSpc>
              <a:spcBef>
                <a:spcPts val="0"/>
              </a:spcBef>
              <a:spcAft>
                <a:spcPts val="0"/>
              </a:spcAft>
              <a:buSzPts val="2400"/>
              <a:buFont typeface="Orelega One"/>
              <a:buNone/>
              <a:defRPr sz="5333">
                <a:latin typeface="Orelega One"/>
                <a:ea typeface="Orelega One"/>
                <a:cs typeface="Orelega One"/>
                <a:sym typeface="Orelega One"/>
              </a:defRPr>
            </a:lvl5pPr>
            <a:lvl6pPr lvl="5" rtl="0">
              <a:lnSpc>
                <a:spcPct val="100000"/>
              </a:lnSpc>
              <a:spcBef>
                <a:spcPts val="0"/>
              </a:spcBef>
              <a:spcAft>
                <a:spcPts val="0"/>
              </a:spcAft>
              <a:buSzPts val="2400"/>
              <a:buFont typeface="Orelega One"/>
              <a:buNone/>
              <a:defRPr sz="5333">
                <a:latin typeface="Orelega One"/>
                <a:ea typeface="Orelega One"/>
                <a:cs typeface="Orelega One"/>
                <a:sym typeface="Orelega One"/>
              </a:defRPr>
            </a:lvl6pPr>
            <a:lvl7pPr lvl="6" rtl="0">
              <a:lnSpc>
                <a:spcPct val="100000"/>
              </a:lnSpc>
              <a:spcBef>
                <a:spcPts val="0"/>
              </a:spcBef>
              <a:spcAft>
                <a:spcPts val="0"/>
              </a:spcAft>
              <a:buSzPts val="2400"/>
              <a:buFont typeface="Orelega One"/>
              <a:buNone/>
              <a:defRPr sz="5333">
                <a:latin typeface="Orelega One"/>
                <a:ea typeface="Orelega One"/>
                <a:cs typeface="Orelega One"/>
                <a:sym typeface="Orelega One"/>
              </a:defRPr>
            </a:lvl7pPr>
            <a:lvl8pPr lvl="7" rtl="0">
              <a:lnSpc>
                <a:spcPct val="100000"/>
              </a:lnSpc>
              <a:spcBef>
                <a:spcPts val="0"/>
              </a:spcBef>
              <a:spcAft>
                <a:spcPts val="0"/>
              </a:spcAft>
              <a:buSzPts val="2400"/>
              <a:buFont typeface="Orelega One"/>
              <a:buNone/>
              <a:defRPr sz="5333">
                <a:latin typeface="Orelega One"/>
                <a:ea typeface="Orelega One"/>
                <a:cs typeface="Orelega One"/>
                <a:sym typeface="Orelega One"/>
              </a:defRPr>
            </a:lvl8pPr>
            <a:lvl9pPr lvl="8" rtl="0">
              <a:lnSpc>
                <a:spcPct val="100000"/>
              </a:lnSpc>
              <a:spcBef>
                <a:spcPts val="0"/>
              </a:spcBef>
              <a:spcAft>
                <a:spcPts val="0"/>
              </a:spcAft>
              <a:buSzPts val="2400"/>
              <a:buFont typeface="Orelega One"/>
              <a:buNone/>
              <a:defRPr sz="5333">
                <a:latin typeface="Orelega One"/>
                <a:ea typeface="Orelega One"/>
                <a:cs typeface="Orelega One"/>
                <a:sym typeface="Orelega One"/>
              </a:defRPr>
            </a:lvl9pPr>
          </a:lstStyle>
          <a:p>
            <a:endParaRPr/>
          </a:p>
        </p:txBody>
      </p:sp>
      <p:sp>
        <p:nvSpPr>
          <p:cNvPr id="169" name="Google Shape;169;p13"/>
          <p:cNvSpPr txBox="1">
            <a:spLocks noGrp="1"/>
          </p:cNvSpPr>
          <p:nvPr>
            <p:ph type="subTitle" idx="15"/>
          </p:nvPr>
        </p:nvSpPr>
        <p:spPr>
          <a:xfrm>
            <a:off x="10665356" y="7723722"/>
            <a:ext cx="7111333" cy="876667"/>
          </a:xfrm>
          <a:prstGeom prst="rect">
            <a:avLst/>
          </a:prstGeom>
        </p:spPr>
        <p:txBody>
          <a:bodyPr spcFirstLastPara="1" wrap="square" lIns="91425" tIns="91425" rIns="91425" bIns="91425" anchor="b" anchorCtr="0">
            <a:noAutofit/>
          </a:bodyPr>
          <a:lstStyle>
            <a:lvl1pPr lvl="0" algn="ctr" rtl="0">
              <a:lnSpc>
                <a:spcPct val="100000"/>
              </a:lnSpc>
              <a:spcBef>
                <a:spcPts val="0"/>
              </a:spcBef>
              <a:spcAft>
                <a:spcPts val="0"/>
              </a:spcAft>
              <a:buSzPts val="2400"/>
              <a:buFont typeface="Orelega One"/>
              <a:buNone/>
              <a:defRPr sz="4889">
                <a:solidFill>
                  <a:schemeClr val="dk1"/>
                </a:solidFill>
                <a:latin typeface="Orelega One"/>
                <a:ea typeface="Orelega One"/>
                <a:cs typeface="Orelega One"/>
                <a:sym typeface="Orelega One"/>
              </a:defRPr>
            </a:lvl1pPr>
            <a:lvl2pPr lvl="1" rtl="0">
              <a:lnSpc>
                <a:spcPct val="100000"/>
              </a:lnSpc>
              <a:spcBef>
                <a:spcPts val="0"/>
              </a:spcBef>
              <a:spcAft>
                <a:spcPts val="0"/>
              </a:spcAft>
              <a:buSzPts val="2400"/>
              <a:buFont typeface="Orelega One"/>
              <a:buNone/>
              <a:defRPr sz="5333">
                <a:latin typeface="Orelega One"/>
                <a:ea typeface="Orelega One"/>
                <a:cs typeface="Orelega One"/>
                <a:sym typeface="Orelega One"/>
              </a:defRPr>
            </a:lvl2pPr>
            <a:lvl3pPr lvl="2" rtl="0">
              <a:lnSpc>
                <a:spcPct val="100000"/>
              </a:lnSpc>
              <a:spcBef>
                <a:spcPts val="0"/>
              </a:spcBef>
              <a:spcAft>
                <a:spcPts val="0"/>
              </a:spcAft>
              <a:buSzPts val="2400"/>
              <a:buFont typeface="Orelega One"/>
              <a:buNone/>
              <a:defRPr sz="5333">
                <a:latin typeface="Orelega One"/>
                <a:ea typeface="Orelega One"/>
                <a:cs typeface="Orelega One"/>
                <a:sym typeface="Orelega One"/>
              </a:defRPr>
            </a:lvl3pPr>
            <a:lvl4pPr lvl="3" rtl="0">
              <a:lnSpc>
                <a:spcPct val="100000"/>
              </a:lnSpc>
              <a:spcBef>
                <a:spcPts val="0"/>
              </a:spcBef>
              <a:spcAft>
                <a:spcPts val="0"/>
              </a:spcAft>
              <a:buSzPts val="2400"/>
              <a:buFont typeface="Orelega One"/>
              <a:buNone/>
              <a:defRPr sz="5333">
                <a:latin typeface="Orelega One"/>
                <a:ea typeface="Orelega One"/>
                <a:cs typeface="Orelega One"/>
                <a:sym typeface="Orelega One"/>
              </a:defRPr>
            </a:lvl4pPr>
            <a:lvl5pPr lvl="4" rtl="0">
              <a:lnSpc>
                <a:spcPct val="100000"/>
              </a:lnSpc>
              <a:spcBef>
                <a:spcPts val="0"/>
              </a:spcBef>
              <a:spcAft>
                <a:spcPts val="0"/>
              </a:spcAft>
              <a:buSzPts val="2400"/>
              <a:buFont typeface="Orelega One"/>
              <a:buNone/>
              <a:defRPr sz="5333">
                <a:latin typeface="Orelega One"/>
                <a:ea typeface="Orelega One"/>
                <a:cs typeface="Orelega One"/>
                <a:sym typeface="Orelega One"/>
              </a:defRPr>
            </a:lvl5pPr>
            <a:lvl6pPr lvl="5" rtl="0">
              <a:lnSpc>
                <a:spcPct val="100000"/>
              </a:lnSpc>
              <a:spcBef>
                <a:spcPts val="0"/>
              </a:spcBef>
              <a:spcAft>
                <a:spcPts val="0"/>
              </a:spcAft>
              <a:buSzPts val="2400"/>
              <a:buFont typeface="Orelega One"/>
              <a:buNone/>
              <a:defRPr sz="5333">
                <a:latin typeface="Orelega One"/>
                <a:ea typeface="Orelega One"/>
                <a:cs typeface="Orelega One"/>
                <a:sym typeface="Orelega One"/>
              </a:defRPr>
            </a:lvl6pPr>
            <a:lvl7pPr lvl="6" rtl="0">
              <a:lnSpc>
                <a:spcPct val="100000"/>
              </a:lnSpc>
              <a:spcBef>
                <a:spcPts val="0"/>
              </a:spcBef>
              <a:spcAft>
                <a:spcPts val="0"/>
              </a:spcAft>
              <a:buSzPts val="2400"/>
              <a:buFont typeface="Orelega One"/>
              <a:buNone/>
              <a:defRPr sz="5333">
                <a:latin typeface="Orelega One"/>
                <a:ea typeface="Orelega One"/>
                <a:cs typeface="Orelega One"/>
                <a:sym typeface="Orelega One"/>
              </a:defRPr>
            </a:lvl7pPr>
            <a:lvl8pPr lvl="7" rtl="0">
              <a:lnSpc>
                <a:spcPct val="100000"/>
              </a:lnSpc>
              <a:spcBef>
                <a:spcPts val="0"/>
              </a:spcBef>
              <a:spcAft>
                <a:spcPts val="0"/>
              </a:spcAft>
              <a:buSzPts val="2400"/>
              <a:buFont typeface="Orelega One"/>
              <a:buNone/>
              <a:defRPr sz="5333">
                <a:latin typeface="Orelega One"/>
                <a:ea typeface="Orelega One"/>
                <a:cs typeface="Orelega One"/>
                <a:sym typeface="Orelega One"/>
              </a:defRPr>
            </a:lvl8pPr>
            <a:lvl9pPr lvl="8" rtl="0">
              <a:lnSpc>
                <a:spcPct val="100000"/>
              </a:lnSpc>
              <a:spcBef>
                <a:spcPts val="0"/>
              </a:spcBef>
              <a:spcAft>
                <a:spcPts val="0"/>
              </a:spcAft>
              <a:buSzPts val="2400"/>
              <a:buFont typeface="Orelega One"/>
              <a:buNone/>
              <a:defRPr sz="5333">
                <a:latin typeface="Orelega One"/>
                <a:ea typeface="Orelega One"/>
                <a:cs typeface="Orelega One"/>
                <a:sym typeface="Orelega One"/>
              </a:defRPr>
            </a:lvl9pPr>
          </a:lstStyle>
          <a:p>
            <a:endParaRPr/>
          </a:p>
        </p:txBody>
      </p:sp>
      <p:grpSp>
        <p:nvGrpSpPr>
          <p:cNvPr id="170" name="Google Shape;170;p13"/>
          <p:cNvGrpSpPr/>
          <p:nvPr/>
        </p:nvGrpSpPr>
        <p:grpSpPr>
          <a:xfrm>
            <a:off x="0" y="10247554"/>
            <a:ext cx="20320000" cy="1182509"/>
            <a:chOff x="0" y="4611399"/>
            <a:chExt cx="9144000" cy="532129"/>
          </a:xfrm>
        </p:grpSpPr>
        <p:sp>
          <p:nvSpPr>
            <p:cNvPr id="171" name="Google Shape;171;p13"/>
            <p:cNvSpPr/>
            <p:nvPr/>
          </p:nvSpPr>
          <p:spPr>
            <a:xfrm>
              <a:off x="0" y="4611433"/>
              <a:ext cx="9144000" cy="532075"/>
            </a:xfrm>
            <a:custGeom>
              <a:avLst/>
              <a:gdLst/>
              <a:ahLst/>
              <a:cxnLst/>
              <a:rect l="l" t="t" r="r" b="b"/>
              <a:pathLst>
                <a:path w="285750" h="81326" extrusionOk="0">
                  <a:moveTo>
                    <a:pt x="84150" y="1"/>
                  </a:moveTo>
                  <a:lnTo>
                    <a:pt x="83270" y="47"/>
                  </a:lnTo>
                  <a:lnTo>
                    <a:pt x="82437" y="186"/>
                  </a:lnTo>
                  <a:lnTo>
                    <a:pt x="80723" y="464"/>
                  </a:lnTo>
                  <a:lnTo>
                    <a:pt x="78917" y="835"/>
                  </a:lnTo>
                  <a:lnTo>
                    <a:pt x="77111" y="1205"/>
                  </a:lnTo>
                  <a:lnTo>
                    <a:pt x="75258" y="1668"/>
                  </a:lnTo>
                  <a:lnTo>
                    <a:pt x="73359" y="2178"/>
                  </a:lnTo>
                  <a:lnTo>
                    <a:pt x="71414" y="2687"/>
                  </a:lnTo>
                  <a:lnTo>
                    <a:pt x="67478" y="3845"/>
                  </a:lnTo>
                  <a:lnTo>
                    <a:pt x="63402" y="5095"/>
                  </a:lnTo>
                  <a:lnTo>
                    <a:pt x="59280" y="6438"/>
                  </a:lnTo>
                  <a:lnTo>
                    <a:pt x="51037" y="9217"/>
                  </a:lnTo>
                  <a:lnTo>
                    <a:pt x="46961" y="10606"/>
                  </a:lnTo>
                  <a:lnTo>
                    <a:pt x="42932" y="11950"/>
                  </a:lnTo>
                  <a:lnTo>
                    <a:pt x="39042" y="13154"/>
                  </a:lnTo>
                  <a:lnTo>
                    <a:pt x="35290" y="14265"/>
                  </a:lnTo>
                  <a:lnTo>
                    <a:pt x="33484" y="14775"/>
                  </a:lnTo>
                  <a:lnTo>
                    <a:pt x="31724" y="15238"/>
                  </a:lnTo>
                  <a:lnTo>
                    <a:pt x="30011" y="15655"/>
                  </a:lnTo>
                  <a:lnTo>
                    <a:pt x="28390" y="16025"/>
                  </a:lnTo>
                  <a:lnTo>
                    <a:pt x="26815" y="16349"/>
                  </a:lnTo>
                  <a:lnTo>
                    <a:pt x="25287" y="16627"/>
                  </a:lnTo>
                  <a:lnTo>
                    <a:pt x="23851" y="16812"/>
                  </a:lnTo>
                  <a:lnTo>
                    <a:pt x="22462" y="16951"/>
                  </a:lnTo>
                  <a:lnTo>
                    <a:pt x="19868" y="17183"/>
                  </a:lnTo>
                  <a:lnTo>
                    <a:pt x="17414" y="17368"/>
                  </a:lnTo>
                  <a:lnTo>
                    <a:pt x="15098" y="17646"/>
                  </a:lnTo>
                  <a:lnTo>
                    <a:pt x="12921" y="17878"/>
                  </a:lnTo>
                  <a:lnTo>
                    <a:pt x="9077" y="18433"/>
                  </a:lnTo>
                  <a:lnTo>
                    <a:pt x="5882" y="18896"/>
                  </a:lnTo>
                  <a:lnTo>
                    <a:pt x="3335" y="19360"/>
                  </a:lnTo>
                  <a:lnTo>
                    <a:pt x="1528" y="19730"/>
                  </a:lnTo>
                  <a:lnTo>
                    <a:pt x="0" y="20101"/>
                  </a:lnTo>
                  <a:lnTo>
                    <a:pt x="0" y="81325"/>
                  </a:lnTo>
                  <a:lnTo>
                    <a:pt x="285750" y="81325"/>
                  </a:lnTo>
                  <a:lnTo>
                    <a:pt x="285750" y="16951"/>
                  </a:lnTo>
                  <a:lnTo>
                    <a:pt x="281906" y="16396"/>
                  </a:lnTo>
                  <a:lnTo>
                    <a:pt x="277460" y="15793"/>
                  </a:lnTo>
                  <a:lnTo>
                    <a:pt x="271578" y="15006"/>
                  </a:lnTo>
                  <a:lnTo>
                    <a:pt x="264492" y="14173"/>
                  </a:lnTo>
                  <a:lnTo>
                    <a:pt x="256388" y="13339"/>
                  </a:lnTo>
                  <a:lnTo>
                    <a:pt x="252034" y="12922"/>
                  </a:lnTo>
                  <a:lnTo>
                    <a:pt x="247496" y="12505"/>
                  </a:lnTo>
                  <a:lnTo>
                    <a:pt x="242818" y="12135"/>
                  </a:lnTo>
                  <a:lnTo>
                    <a:pt x="238002" y="11811"/>
                  </a:lnTo>
                  <a:lnTo>
                    <a:pt x="233139" y="11486"/>
                  </a:lnTo>
                  <a:lnTo>
                    <a:pt x="228137" y="11255"/>
                  </a:lnTo>
                  <a:lnTo>
                    <a:pt x="223135" y="11023"/>
                  </a:lnTo>
                  <a:lnTo>
                    <a:pt x="218133" y="10931"/>
                  </a:lnTo>
                  <a:lnTo>
                    <a:pt x="213132" y="10838"/>
                  </a:lnTo>
                  <a:lnTo>
                    <a:pt x="208130" y="10838"/>
                  </a:lnTo>
                  <a:lnTo>
                    <a:pt x="203221" y="10977"/>
                  </a:lnTo>
                  <a:lnTo>
                    <a:pt x="198404" y="11162"/>
                  </a:lnTo>
                  <a:lnTo>
                    <a:pt x="196042" y="11301"/>
                  </a:lnTo>
                  <a:lnTo>
                    <a:pt x="193680" y="11440"/>
                  </a:lnTo>
                  <a:lnTo>
                    <a:pt x="191365" y="11625"/>
                  </a:lnTo>
                  <a:lnTo>
                    <a:pt x="189141" y="11857"/>
                  </a:lnTo>
                  <a:lnTo>
                    <a:pt x="186918" y="12088"/>
                  </a:lnTo>
                  <a:lnTo>
                    <a:pt x="184695" y="12366"/>
                  </a:lnTo>
                  <a:lnTo>
                    <a:pt x="182565" y="12691"/>
                  </a:lnTo>
                  <a:lnTo>
                    <a:pt x="180527" y="13015"/>
                  </a:lnTo>
                  <a:lnTo>
                    <a:pt x="178490" y="13385"/>
                  </a:lnTo>
                  <a:lnTo>
                    <a:pt x="176498" y="13756"/>
                  </a:lnTo>
                  <a:lnTo>
                    <a:pt x="174599" y="14219"/>
                  </a:lnTo>
                  <a:lnTo>
                    <a:pt x="172747" y="14682"/>
                  </a:lnTo>
                  <a:lnTo>
                    <a:pt x="170987" y="15191"/>
                  </a:lnTo>
                  <a:lnTo>
                    <a:pt x="169273" y="15747"/>
                  </a:lnTo>
                  <a:lnTo>
                    <a:pt x="167652" y="16349"/>
                  </a:lnTo>
                  <a:lnTo>
                    <a:pt x="166124" y="16951"/>
                  </a:lnTo>
                  <a:lnTo>
                    <a:pt x="164596" y="17553"/>
                  </a:lnTo>
                  <a:lnTo>
                    <a:pt x="163114" y="18109"/>
                  </a:lnTo>
                  <a:lnTo>
                    <a:pt x="161585" y="18572"/>
                  </a:lnTo>
                  <a:lnTo>
                    <a:pt x="160057" y="18989"/>
                  </a:lnTo>
                  <a:lnTo>
                    <a:pt x="158529" y="19360"/>
                  </a:lnTo>
                  <a:lnTo>
                    <a:pt x="157047" y="19637"/>
                  </a:lnTo>
                  <a:lnTo>
                    <a:pt x="155518" y="19869"/>
                  </a:lnTo>
                  <a:lnTo>
                    <a:pt x="153990" y="20054"/>
                  </a:lnTo>
                  <a:lnTo>
                    <a:pt x="152508" y="20193"/>
                  </a:lnTo>
                  <a:lnTo>
                    <a:pt x="150980" y="20286"/>
                  </a:lnTo>
                  <a:lnTo>
                    <a:pt x="147969" y="20286"/>
                  </a:lnTo>
                  <a:lnTo>
                    <a:pt x="146487" y="20193"/>
                  </a:lnTo>
                  <a:lnTo>
                    <a:pt x="144959" y="20101"/>
                  </a:lnTo>
                  <a:lnTo>
                    <a:pt x="143477" y="19915"/>
                  </a:lnTo>
                  <a:lnTo>
                    <a:pt x="141995" y="19730"/>
                  </a:lnTo>
                  <a:lnTo>
                    <a:pt x="140513" y="19498"/>
                  </a:lnTo>
                  <a:lnTo>
                    <a:pt x="139031" y="19221"/>
                  </a:lnTo>
                  <a:lnTo>
                    <a:pt x="137549" y="18896"/>
                  </a:lnTo>
                  <a:lnTo>
                    <a:pt x="136067" y="18572"/>
                  </a:lnTo>
                  <a:lnTo>
                    <a:pt x="134585" y="18202"/>
                  </a:lnTo>
                  <a:lnTo>
                    <a:pt x="133149" y="17831"/>
                  </a:lnTo>
                  <a:lnTo>
                    <a:pt x="130232" y="16951"/>
                  </a:lnTo>
                  <a:lnTo>
                    <a:pt x="127360" y="15979"/>
                  </a:lnTo>
                  <a:lnTo>
                    <a:pt x="124535" y="14914"/>
                  </a:lnTo>
                  <a:lnTo>
                    <a:pt x="121710" y="13802"/>
                  </a:lnTo>
                  <a:lnTo>
                    <a:pt x="118931" y="12644"/>
                  </a:lnTo>
                  <a:lnTo>
                    <a:pt x="116245" y="11440"/>
                  </a:lnTo>
                  <a:lnTo>
                    <a:pt x="113559" y="10236"/>
                  </a:lnTo>
                  <a:lnTo>
                    <a:pt x="108326" y="7874"/>
                  </a:lnTo>
                  <a:lnTo>
                    <a:pt x="103324" y="5558"/>
                  </a:lnTo>
                  <a:lnTo>
                    <a:pt x="100916" y="4493"/>
                  </a:lnTo>
                  <a:lnTo>
                    <a:pt x="98554" y="3521"/>
                  </a:lnTo>
                  <a:lnTo>
                    <a:pt x="96284" y="2641"/>
                  </a:lnTo>
                  <a:lnTo>
                    <a:pt x="94061" y="1853"/>
                  </a:lnTo>
                  <a:lnTo>
                    <a:pt x="91931" y="1159"/>
                  </a:lnTo>
                  <a:lnTo>
                    <a:pt x="90912" y="881"/>
                  </a:lnTo>
                  <a:lnTo>
                    <a:pt x="89893" y="649"/>
                  </a:lnTo>
                  <a:lnTo>
                    <a:pt x="88874" y="418"/>
                  </a:lnTo>
                  <a:lnTo>
                    <a:pt x="87902" y="279"/>
                  </a:lnTo>
                  <a:lnTo>
                    <a:pt x="86929" y="140"/>
                  </a:lnTo>
                  <a:lnTo>
                    <a:pt x="86003" y="47"/>
                  </a:lnTo>
                  <a:lnTo>
                    <a:pt x="85077" y="1"/>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172" name="Google Shape;172;p13"/>
            <p:cNvSpPr/>
            <p:nvPr/>
          </p:nvSpPr>
          <p:spPr>
            <a:xfrm>
              <a:off x="0" y="4611399"/>
              <a:ext cx="9143916" cy="532129"/>
            </a:xfrm>
            <a:custGeom>
              <a:avLst/>
              <a:gdLst/>
              <a:ahLst/>
              <a:cxnLst/>
              <a:rect l="l" t="t" r="r" b="b"/>
              <a:pathLst>
                <a:path w="285057" h="22555" extrusionOk="0">
                  <a:moveTo>
                    <a:pt x="1" y="0"/>
                  </a:moveTo>
                  <a:lnTo>
                    <a:pt x="1" y="22554"/>
                  </a:lnTo>
                  <a:lnTo>
                    <a:pt x="285056" y="22554"/>
                  </a:lnTo>
                  <a:lnTo>
                    <a:pt x="285056" y="16904"/>
                  </a:lnTo>
                  <a:lnTo>
                    <a:pt x="281860" y="16673"/>
                  </a:lnTo>
                  <a:lnTo>
                    <a:pt x="273246" y="16117"/>
                  </a:lnTo>
                  <a:lnTo>
                    <a:pt x="267365" y="15654"/>
                  </a:lnTo>
                  <a:lnTo>
                    <a:pt x="260695" y="15144"/>
                  </a:lnTo>
                  <a:lnTo>
                    <a:pt x="253424" y="14496"/>
                  </a:lnTo>
                  <a:lnTo>
                    <a:pt x="245736" y="13801"/>
                  </a:lnTo>
                  <a:lnTo>
                    <a:pt x="237771" y="12968"/>
                  </a:lnTo>
                  <a:lnTo>
                    <a:pt x="229759" y="12088"/>
                  </a:lnTo>
                  <a:lnTo>
                    <a:pt x="225822" y="11625"/>
                  </a:lnTo>
                  <a:lnTo>
                    <a:pt x="221885" y="11115"/>
                  </a:lnTo>
                  <a:lnTo>
                    <a:pt x="218088" y="10606"/>
                  </a:lnTo>
                  <a:lnTo>
                    <a:pt x="214336" y="10050"/>
                  </a:lnTo>
                  <a:lnTo>
                    <a:pt x="210770" y="9494"/>
                  </a:lnTo>
                  <a:lnTo>
                    <a:pt x="207297" y="8892"/>
                  </a:lnTo>
                  <a:lnTo>
                    <a:pt x="204009" y="8290"/>
                  </a:lnTo>
                  <a:lnTo>
                    <a:pt x="200952" y="7688"/>
                  </a:lnTo>
                  <a:lnTo>
                    <a:pt x="198081" y="7040"/>
                  </a:lnTo>
                  <a:lnTo>
                    <a:pt x="195441" y="6391"/>
                  </a:lnTo>
                  <a:lnTo>
                    <a:pt x="193079" y="5697"/>
                  </a:lnTo>
                  <a:lnTo>
                    <a:pt x="192014" y="5326"/>
                  </a:lnTo>
                  <a:lnTo>
                    <a:pt x="190995" y="5002"/>
                  </a:lnTo>
                  <a:lnTo>
                    <a:pt x="190022" y="4632"/>
                  </a:lnTo>
                  <a:lnTo>
                    <a:pt x="189096" y="4354"/>
                  </a:lnTo>
                  <a:lnTo>
                    <a:pt x="188123" y="4030"/>
                  </a:lnTo>
                  <a:lnTo>
                    <a:pt x="187151" y="3798"/>
                  </a:lnTo>
                  <a:lnTo>
                    <a:pt x="186132" y="3566"/>
                  </a:lnTo>
                  <a:lnTo>
                    <a:pt x="185159" y="3381"/>
                  </a:lnTo>
                  <a:lnTo>
                    <a:pt x="183214" y="3057"/>
                  </a:lnTo>
                  <a:lnTo>
                    <a:pt x="181223" y="2872"/>
                  </a:lnTo>
                  <a:lnTo>
                    <a:pt x="179231" y="2733"/>
                  </a:lnTo>
                  <a:lnTo>
                    <a:pt x="177193" y="2733"/>
                  </a:lnTo>
                  <a:lnTo>
                    <a:pt x="175156" y="2779"/>
                  </a:lnTo>
                  <a:lnTo>
                    <a:pt x="173118" y="2918"/>
                  </a:lnTo>
                  <a:lnTo>
                    <a:pt x="171034" y="3103"/>
                  </a:lnTo>
                  <a:lnTo>
                    <a:pt x="168996" y="3381"/>
                  </a:lnTo>
                  <a:lnTo>
                    <a:pt x="166866" y="3705"/>
                  </a:lnTo>
                  <a:lnTo>
                    <a:pt x="164735" y="4076"/>
                  </a:lnTo>
                  <a:lnTo>
                    <a:pt x="162605" y="4493"/>
                  </a:lnTo>
                  <a:lnTo>
                    <a:pt x="160475" y="4956"/>
                  </a:lnTo>
                  <a:lnTo>
                    <a:pt x="158298" y="5465"/>
                  </a:lnTo>
                  <a:lnTo>
                    <a:pt x="153852" y="6484"/>
                  </a:lnTo>
                  <a:lnTo>
                    <a:pt x="149359" y="7596"/>
                  </a:lnTo>
                  <a:lnTo>
                    <a:pt x="144775" y="8707"/>
                  </a:lnTo>
                  <a:lnTo>
                    <a:pt x="140097" y="9772"/>
                  </a:lnTo>
                  <a:lnTo>
                    <a:pt x="137735" y="10282"/>
                  </a:lnTo>
                  <a:lnTo>
                    <a:pt x="135327" y="10745"/>
                  </a:lnTo>
                  <a:lnTo>
                    <a:pt x="132918" y="11162"/>
                  </a:lnTo>
                  <a:lnTo>
                    <a:pt x="130464" y="11532"/>
                  </a:lnTo>
                  <a:lnTo>
                    <a:pt x="127963" y="11903"/>
                  </a:lnTo>
                  <a:lnTo>
                    <a:pt x="125462" y="12180"/>
                  </a:lnTo>
                  <a:lnTo>
                    <a:pt x="122961" y="12366"/>
                  </a:lnTo>
                  <a:lnTo>
                    <a:pt x="120414" y="12505"/>
                  </a:lnTo>
                  <a:lnTo>
                    <a:pt x="117635" y="12597"/>
                  </a:lnTo>
                  <a:lnTo>
                    <a:pt x="114532" y="12597"/>
                  </a:lnTo>
                  <a:lnTo>
                    <a:pt x="111105" y="12505"/>
                  </a:lnTo>
                  <a:lnTo>
                    <a:pt x="107354" y="12319"/>
                  </a:lnTo>
                  <a:lnTo>
                    <a:pt x="103371" y="12088"/>
                  </a:lnTo>
                  <a:lnTo>
                    <a:pt x="99110" y="11810"/>
                  </a:lnTo>
                  <a:lnTo>
                    <a:pt x="94664" y="11486"/>
                  </a:lnTo>
                  <a:lnTo>
                    <a:pt x="90033" y="11069"/>
                  </a:lnTo>
                  <a:lnTo>
                    <a:pt x="85263" y="10606"/>
                  </a:lnTo>
                  <a:lnTo>
                    <a:pt x="80353" y="10143"/>
                  </a:lnTo>
                  <a:lnTo>
                    <a:pt x="70257" y="9078"/>
                  </a:lnTo>
                  <a:lnTo>
                    <a:pt x="60068" y="7920"/>
                  </a:lnTo>
                  <a:lnTo>
                    <a:pt x="49926" y="6716"/>
                  </a:lnTo>
                  <a:lnTo>
                    <a:pt x="40108" y="5465"/>
                  </a:lnTo>
                  <a:lnTo>
                    <a:pt x="30891" y="4261"/>
                  </a:lnTo>
                  <a:lnTo>
                    <a:pt x="22416" y="3150"/>
                  </a:lnTo>
                  <a:lnTo>
                    <a:pt x="14960" y="2131"/>
                  </a:lnTo>
                  <a:lnTo>
                    <a:pt x="4076" y="602"/>
                  </a:lnTo>
                  <a:lnTo>
                    <a:pt x="1" y="0"/>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grpSp>
        <p:nvGrpSpPr>
          <p:cNvPr id="173" name="Google Shape;173;p13"/>
          <p:cNvGrpSpPr/>
          <p:nvPr/>
        </p:nvGrpSpPr>
        <p:grpSpPr>
          <a:xfrm>
            <a:off x="18720001" y="6398940"/>
            <a:ext cx="1792833" cy="4812929"/>
            <a:chOff x="8424000" y="2879523"/>
            <a:chExt cx="806775" cy="2165818"/>
          </a:xfrm>
        </p:grpSpPr>
        <p:sp>
          <p:nvSpPr>
            <p:cNvPr id="174" name="Google Shape;174;p13"/>
            <p:cNvSpPr/>
            <p:nvPr/>
          </p:nvSpPr>
          <p:spPr>
            <a:xfrm flipH="1">
              <a:off x="8867796" y="3505125"/>
              <a:ext cx="362979" cy="1396447"/>
            </a:xfrm>
            <a:custGeom>
              <a:avLst/>
              <a:gdLst/>
              <a:ahLst/>
              <a:cxnLst/>
              <a:rect l="l" t="t" r="r" b="b"/>
              <a:pathLst>
                <a:path w="24361" h="93737" extrusionOk="0">
                  <a:moveTo>
                    <a:pt x="11069" y="0"/>
                  </a:moveTo>
                  <a:lnTo>
                    <a:pt x="10606" y="47"/>
                  </a:lnTo>
                  <a:lnTo>
                    <a:pt x="10189" y="139"/>
                  </a:lnTo>
                  <a:lnTo>
                    <a:pt x="9957" y="232"/>
                  </a:lnTo>
                  <a:lnTo>
                    <a:pt x="9818" y="371"/>
                  </a:lnTo>
                  <a:lnTo>
                    <a:pt x="9679" y="510"/>
                  </a:lnTo>
                  <a:lnTo>
                    <a:pt x="9541" y="649"/>
                  </a:lnTo>
                  <a:lnTo>
                    <a:pt x="9263" y="1297"/>
                  </a:lnTo>
                  <a:lnTo>
                    <a:pt x="9031" y="1899"/>
                  </a:lnTo>
                  <a:lnTo>
                    <a:pt x="8800" y="2548"/>
                  </a:lnTo>
                  <a:lnTo>
                    <a:pt x="8661" y="3196"/>
                  </a:lnTo>
                  <a:lnTo>
                    <a:pt x="8522" y="3844"/>
                  </a:lnTo>
                  <a:lnTo>
                    <a:pt x="8429" y="4539"/>
                  </a:lnTo>
                  <a:lnTo>
                    <a:pt x="8383" y="5187"/>
                  </a:lnTo>
                  <a:lnTo>
                    <a:pt x="8336" y="5836"/>
                  </a:lnTo>
                  <a:lnTo>
                    <a:pt x="8336" y="7179"/>
                  </a:lnTo>
                  <a:lnTo>
                    <a:pt x="8429" y="8522"/>
                  </a:lnTo>
                  <a:lnTo>
                    <a:pt x="8661" y="11208"/>
                  </a:lnTo>
                  <a:lnTo>
                    <a:pt x="8938" y="14172"/>
                  </a:lnTo>
                  <a:lnTo>
                    <a:pt x="9124" y="17090"/>
                  </a:lnTo>
                  <a:lnTo>
                    <a:pt x="9216" y="20054"/>
                  </a:lnTo>
                  <a:lnTo>
                    <a:pt x="9216" y="21489"/>
                  </a:lnTo>
                  <a:lnTo>
                    <a:pt x="9216" y="22971"/>
                  </a:lnTo>
                  <a:lnTo>
                    <a:pt x="9124" y="25194"/>
                  </a:lnTo>
                  <a:lnTo>
                    <a:pt x="8985" y="27417"/>
                  </a:lnTo>
                  <a:lnTo>
                    <a:pt x="8707" y="31863"/>
                  </a:lnTo>
                  <a:lnTo>
                    <a:pt x="8383" y="36263"/>
                  </a:lnTo>
                  <a:lnTo>
                    <a:pt x="8058" y="40709"/>
                  </a:lnTo>
                  <a:lnTo>
                    <a:pt x="7873" y="40061"/>
                  </a:lnTo>
                  <a:lnTo>
                    <a:pt x="7595" y="39412"/>
                  </a:lnTo>
                  <a:lnTo>
                    <a:pt x="7225" y="38857"/>
                  </a:lnTo>
                  <a:lnTo>
                    <a:pt x="6808" y="38347"/>
                  </a:lnTo>
                  <a:lnTo>
                    <a:pt x="6669" y="38254"/>
                  </a:lnTo>
                  <a:lnTo>
                    <a:pt x="6438" y="38208"/>
                  </a:lnTo>
                  <a:lnTo>
                    <a:pt x="6252" y="38208"/>
                  </a:lnTo>
                  <a:lnTo>
                    <a:pt x="6160" y="38254"/>
                  </a:lnTo>
                  <a:lnTo>
                    <a:pt x="6067" y="38347"/>
                  </a:lnTo>
                  <a:lnTo>
                    <a:pt x="5835" y="38671"/>
                  </a:lnTo>
                  <a:lnTo>
                    <a:pt x="5650" y="39042"/>
                  </a:lnTo>
                  <a:lnTo>
                    <a:pt x="5465" y="39412"/>
                  </a:lnTo>
                  <a:lnTo>
                    <a:pt x="5326" y="39783"/>
                  </a:lnTo>
                  <a:lnTo>
                    <a:pt x="5233" y="40153"/>
                  </a:lnTo>
                  <a:lnTo>
                    <a:pt x="5141" y="40570"/>
                  </a:lnTo>
                  <a:lnTo>
                    <a:pt x="5048" y="41357"/>
                  </a:lnTo>
                  <a:lnTo>
                    <a:pt x="5048" y="42191"/>
                  </a:lnTo>
                  <a:lnTo>
                    <a:pt x="5048" y="43025"/>
                  </a:lnTo>
                  <a:lnTo>
                    <a:pt x="5094" y="44646"/>
                  </a:lnTo>
                  <a:lnTo>
                    <a:pt x="5141" y="46730"/>
                  </a:lnTo>
                  <a:lnTo>
                    <a:pt x="5187" y="48814"/>
                  </a:lnTo>
                  <a:lnTo>
                    <a:pt x="5419" y="52935"/>
                  </a:lnTo>
                  <a:lnTo>
                    <a:pt x="5511" y="54927"/>
                  </a:lnTo>
                  <a:lnTo>
                    <a:pt x="5558" y="56965"/>
                  </a:lnTo>
                  <a:lnTo>
                    <a:pt x="5558" y="56965"/>
                  </a:lnTo>
                  <a:lnTo>
                    <a:pt x="5326" y="56177"/>
                  </a:lnTo>
                  <a:lnTo>
                    <a:pt x="5141" y="55436"/>
                  </a:lnTo>
                  <a:lnTo>
                    <a:pt x="4956" y="54649"/>
                  </a:lnTo>
                  <a:lnTo>
                    <a:pt x="4817" y="53862"/>
                  </a:lnTo>
                  <a:lnTo>
                    <a:pt x="4770" y="53074"/>
                  </a:lnTo>
                  <a:lnTo>
                    <a:pt x="4724" y="52287"/>
                  </a:lnTo>
                  <a:lnTo>
                    <a:pt x="4678" y="50759"/>
                  </a:lnTo>
                  <a:lnTo>
                    <a:pt x="4817" y="47656"/>
                  </a:lnTo>
                  <a:lnTo>
                    <a:pt x="4817" y="45896"/>
                  </a:lnTo>
                  <a:lnTo>
                    <a:pt x="4770" y="44090"/>
                  </a:lnTo>
                  <a:lnTo>
                    <a:pt x="4678" y="42330"/>
                  </a:lnTo>
                  <a:lnTo>
                    <a:pt x="4585" y="40524"/>
                  </a:lnTo>
                  <a:lnTo>
                    <a:pt x="4261" y="36958"/>
                  </a:lnTo>
                  <a:lnTo>
                    <a:pt x="4029" y="33392"/>
                  </a:lnTo>
                  <a:lnTo>
                    <a:pt x="3937" y="31400"/>
                  </a:lnTo>
                  <a:lnTo>
                    <a:pt x="3844" y="30428"/>
                  </a:lnTo>
                  <a:lnTo>
                    <a:pt x="3751" y="29918"/>
                  </a:lnTo>
                  <a:lnTo>
                    <a:pt x="3659" y="29455"/>
                  </a:lnTo>
                  <a:lnTo>
                    <a:pt x="3520" y="29038"/>
                  </a:lnTo>
                  <a:lnTo>
                    <a:pt x="3335" y="28621"/>
                  </a:lnTo>
                  <a:lnTo>
                    <a:pt x="3103" y="28251"/>
                  </a:lnTo>
                  <a:lnTo>
                    <a:pt x="2779" y="27927"/>
                  </a:lnTo>
                  <a:lnTo>
                    <a:pt x="2455" y="27649"/>
                  </a:lnTo>
                  <a:lnTo>
                    <a:pt x="2038" y="27464"/>
                  </a:lnTo>
                  <a:lnTo>
                    <a:pt x="1528" y="27278"/>
                  </a:lnTo>
                  <a:lnTo>
                    <a:pt x="973" y="27232"/>
                  </a:lnTo>
                  <a:lnTo>
                    <a:pt x="648" y="27232"/>
                  </a:lnTo>
                  <a:lnTo>
                    <a:pt x="463" y="27325"/>
                  </a:lnTo>
                  <a:lnTo>
                    <a:pt x="278" y="27417"/>
                  </a:lnTo>
                  <a:lnTo>
                    <a:pt x="139" y="27510"/>
                  </a:lnTo>
                  <a:lnTo>
                    <a:pt x="46" y="27695"/>
                  </a:lnTo>
                  <a:lnTo>
                    <a:pt x="0" y="27834"/>
                  </a:lnTo>
                  <a:lnTo>
                    <a:pt x="0" y="28019"/>
                  </a:lnTo>
                  <a:lnTo>
                    <a:pt x="232" y="28668"/>
                  </a:lnTo>
                  <a:lnTo>
                    <a:pt x="324" y="29316"/>
                  </a:lnTo>
                  <a:lnTo>
                    <a:pt x="417" y="30011"/>
                  </a:lnTo>
                  <a:lnTo>
                    <a:pt x="463" y="30706"/>
                  </a:lnTo>
                  <a:lnTo>
                    <a:pt x="463" y="32049"/>
                  </a:lnTo>
                  <a:lnTo>
                    <a:pt x="463" y="33392"/>
                  </a:lnTo>
                  <a:lnTo>
                    <a:pt x="556" y="35244"/>
                  </a:lnTo>
                  <a:lnTo>
                    <a:pt x="648" y="37097"/>
                  </a:lnTo>
                  <a:lnTo>
                    <a:pt x="648" y="38023"/>
                  </a:lnTo>
                  <a:lnTo>
                    <a:pt x="648" y="38949"/>
                  </a:lnTo>
                  <a:lnTo>
                    <a:pt x="648" y="39875"/>
                  </a:lnTo>
                  <a:lnTo>
                    <a:pt x="556" y="40802"/>
                  </a:lnTo>
                  <a:lnTo>
                    <a:pt x="371" y="42469"/>
                  </a:lnTo>
                  <a:lnTo>
                    <a:pt x="232" y="44229"/>
                  </a:lnTo>
                  <a:lnTo>
                    <a:pt x="139" y="45989"/>
                  </a:lnTo>
                  <a:lnTo>
                    <a:pt x="93" y="47795"/>
                  </a:lnTo>
                  <a:lnTo>
                    <a:pt x="93" y="49555"/>
                  </a:lnTo>
                  <a:lnTo>
                    <a:pt x="185" y="51315"/>
                  </a:lnTo>
                  <a:lnTo>
                    <a:pt x="324" y="53074"/>
                  </a:lnTo>
                  <a:lnTo>
                    <a:pt x="556" y="54742"/>
                  </a:lnTo>
                  <a:lnTo>
                    <a:pt x="695" y="55575"/>
                  </a:lnTo>
                  <a:lnTo>
                    <a:pt x="880" y="56409"/>
                  </a:lnTo>
                  <a:lnTo>
                    <a:pt x="1297" y="57984"/>
                  </a:lnTo>
                  <a:lnTo>
                    <a:pt x="1714" y="59604"/>
                  </a:lnTo>
                  <a:lnTo>
                    <a:pt x="1899" y="60438"/>
                  </a:lnTo>
                  <a:lnTo>
                    <a:pt x="2038" y="61272"/>
                  </a:lnTo>
                  <a:lnTo>
                    <a:pt x="2223" y="62661"/>
                  </a:lnTo>
                  <a:lnTo>
                    <a:pt x="2408" y="64097"/>
                  </a:lnTo>
                  <a:lnTo>
                    <a:pt x="2547" y="64791"/>
                  </a:lnTo>
                  <a:lnTo>
                    <a:pt x="2686" y="65486"/>
                  </a:lnTo>
                  <a:lnTo>
                    <a:pt x="2918" y="66181"/>
                  </a:lnTo>
                  <a:lnTo>
                    <a:pt x="3196" y="66829"/>
                  </a:lnTo>
                  <a:lnTo>
                    <a:pt x="3566" y="67478"/>
                  </a:lnTo>
                  <a:lnTo>
                    <a:pt x="3983" y="68126"/>
                  </a:lnTo>
                  <a:lnTo>
                    <a:pt x="4446" y="68682"/>
                  </a:lnTo>
                  <a:lnTo>
                    <a:pt x="4956" y="69237"/>
                  </a:lnTo>
                  <a:lnTo>
                    <a:pt x="5511" y="69701"/>
                  </a:lnTo>
                  <a:lnTo>
                    <a:pt x="6113" y="70164"/>
                  </a:lnTo>
                  <a:lnTo>
                    <a:pt x="6715" y="70534"/>
                  </a:lnTo>
                  <a:lnTo>
                    <a:pt x="7364" y="70812"/>
                  </a:lnTo>
                  <a:lnTo>
                    <a:pt x="7179" y="72572"/>
                  </a:lnTo>
                  <a:lnTo>
                    <a:pt x="7086" y="73452"/>
                  </a:lnTo>
                  <a:lnTo>
                    <a:pt x="7040" y="74332"/>
                  </a:lnTo>
                  <a:lnTo>
                    <a:pt x="7086" y="75767"/>
                  </a:lnTo>
                  <a:lnTo>
                    <a:pt x="7179" y="77203"/>
                  </a:lnTo>
                  <a:lnTo>
                    <a:pt x="7317" y="78639"/>
                  </a:lnTo>
                  <a:lnTo>
                    <a:pt x="7410" y="80075"/>
                  </a:lnTo>
                  <a:lnTo>
                    <a:pt x="7456" y="81603"/>
                  </a:lnTo>
                  <a:lnTo>
                    <a:pt x="7456" y="83131"/>
                  </a:lnTo>
                  <a:lnTo>
                    <a:pt x="7503" y="86188"/>
                  </a:lnTo>
                  <a:lnTo>
                    <a:pt x="7549" y="87716"/>
                  </a:lnTo>
                  <a:lnTo>
                    <a:pt x="7642" y="89244"/>
                  </a:lnTo>
                  <a:lnTo>
                    <a:pt x="7827" y="90773"/>
                  </a:lnTo>
                  <a:lnTo>
                    <a:pt x="7966" y="91514"/>
                  </a:lnTo>
                  <a:lnTo>
                    <a:pt x="8151" y="92208"/>
                  </a:lnTo>
                  <a:lnTo>
                    <a:pt x="8197" y="92440"/>
                  </a:lnTo>
                  <a:lnTo>
                    <a:pt x="8290" y="92625"/>
                  </a:lnTo>
                  <a:lnTo>
                    <a:pt x="8522" y="92996"/>
                  </a:lnTo>
                  <a:lnTo>
                    <a:pt x="8846" y="93274"/>
                  </a:lnTo>
                  <a:lnTo>
                    <a:pt x="9263" y="93505"/>
                  </a:lnTo>
                  <a:lnTo>
                    <a:pt x="9679" y="93644"/>
                  </a:lnTo>
                  <a:lnTo>
                    <a:pt x="10143" y="93737"/>
                  </a:lnTo>
                  <a:lnTo>
                    <a:pt x="10652" y="93737"/>
                  </a:lnTo>
                  <a:lnTo>
                    <a:pt x="11161" y="93690"/>
                  </a:lnTo>
                  <a:lnTo>
                    <a:pt x="11671" y="93598"/>
                  </a:lnTo>
                  <a:lnTo>
                    <a:pt x="12180" y="93459"/>
                  </a:lnTo>
                  <a:lnTo>
                    <a:pt x="12643" y="93274"/>
                  </a:lnTo>
                  <a:lnTo>
                    <a:pt x="13060" y="93042"/>
                  </a:lnTo>
                  <a:lnTo>
                    <a:pt x="13431" y="92764"/>
                  </a:lnTo>
                  <a:lnTo>
                    <a:pt x="13709" y="92440"/>
                  </a:lnTo>
                  <a:lnTo>
                    <a:pt x="13940" y="92116"/>
                  </a:lnTo>
                  <a:lnTo>
                    <a:pt x="14079" y="91699"/>
                  </a:lnTo>
                  <a:lnTo>
                    <a:pt x="14218" y="91004"/>
                  </a:lnTo>
                  <a:lnTo>
                    <a:pt x="14311" y="90310"/>
                  </a:lnTo>
                  <a:lnTo>
                    <a:pt x="14403" y="88874"/>
                  </a:lnTo>
                  <a:lnTo>
                    <a:pt x="14450" y="87392"/>
                  </a:lnTo>
                  <a:lnTo>
                    <a:pt x="14403" y="85910"/>
                  </a:lnTo>
                  <a:lnTo>
                    <a:pt x="14264" y="82992"/>
                  </a:lnTo>
                  <a:lnTo>
                    <a:pt x="14218" y="81510"/>
                  </a:lnTo>
                  <a:lnTo>
                    <a:pt x="14218" y="80075"/>
                  </a:lnTo>
                  <a:lnTo>
                    <a:pt x="14218" y="78546"/>
                  </a:lnTo>
                  <a:lnTo>
                    <a:pt x="14311" y="76972"/>
                  </a:lnTo>
                  <a:lnTo>
                    <a:pt x="14311" y="75443"/>
                  </a:lnTo>
                  <a:lnTo>
                    <a:pt x="14311" y="74656"/>
                  </a:lnTo>
                  <a:lnTo>
                    <a:pt x="14264" y="73915"/>
                  </a:lnTo>
                  <a:lnTo>
                    <a:pt x="14125" y="72711"/>
                  </a:lnTo>
                  <a:lnTo>
                    <a:pt x="13940" y="71507"/>
                  </a:lnTo>
                  <a:lnTo>
                    <a:pt x="14403" y="71321"/>
                  </a:lnTo>
                  <a:lnTo>
                    <a:pt x="14820" y="71136"/>
                  </a:lnTo>
                  <a:lnTo>
                    <a:pt x="15237" y="70905"/>
                  </a:lnTo>
                  <a:lnTo>
                    <a:pt x="15654" y="70627"/>
                  </a:lnTo>
                  <a:lnTo>
                    <a:pt x="16395" y="70025"/>
                  </a:lnTo>
                  <a:lnTo>
                    <a:pt x="17089" y="69376"/>
                  </a:lnTo>
                  <a:lnTo>
                    <a:pt x="17738" y="68635"/>
                  </a:lnTo>
                  <a:lnTo>
                    <a:pt x="18294" y="67848"/>
                  </a:lnTo>
                  <a:lnTo>
                    <a:pt x="18849" y="66968"/>
                  </a:lnTo>
                  <a:lnTo>
                    <a:pt x="19313" y="66088"/>
                  </a:lnTo>
                  <a:lnTo>
                    <a:pt x="19729" y="65162"/>
                  </a:lnTo>
                  <a:lnTo>
                    <a:pt x="20100" y="64189"/>
                  </a:lnTo>
                  <a:lnTo>
                    <a:pt x="20424" y="63263"/>
                  </a:lnTo>
                  <a:lnTo>
                    <a:pt x="20702" y="62291"/>
                  </a:lnTo>
                  <a:lnTo>
                    <a:pt x="20933" y="61318"/>
                  </a:lnTo>
                  <a:lnTo>
                    <a:pt x="21119" y="60345"/>
                  </a:lnTo>
                  <a:lnTo>
                    <a:pt x="21258" y="59419"/>
                  </a:lnTo>
                  <a:lnTo>
                    <a:pt x="21350" y="58493"/>
                  </a:lnTo>
                  <a:lnTo>
                    <a:pt x="21628" y="55622"/>
                  </a:lnTo>
                  <a:lnTo>
                    <a:pt x="21906" y="52797"/>
                  </a:lnTo>
                  <a:lnTo>
                    <a:pt x="22091" y="51407"/>
                  </a:lnTo>
                  <a:lnTo>
                    <a:pt x="22277" y="49971"/>
                  </a:lnTo>
                  <a:lnTo>
                    <a:pt x="22508" y="48582"/>
                  </a:lnTo>
                  <a:lnTo>
                    <a:pt x="22786" y="47146"/>
                  </a:lnTo>
                  <a:lnTo>
                    <a:pt x="23064" y="45942"/>
                  </a:lnTo>
                  <a:lnTo>
                    <a:pt x="23434" y="44738"/>
                  </a:lnTo>
                  <a:lnTo>
                    <a:pt x="23759" y="43488"/>
                  </a:lnTo>
                  <a:lnTo>
                    <a:pt x="24083" y="42237"/>
                  </a:lnTo>
                  <a:lnTo>
                    <a:pt x="24175" y="41635"/>
                  </a:lnTo>
                  <a:lnTo>
                    <a:pt x="24268" y="41033"/>
                  </a:lnTo>
                  <a:lnTo>
                    <a:pt x="24361" y="40385"/>
                  </a:lnTo>
                  <a:lnTo>
                    <a:pt x="24361" y="39783"/>
                  </a:lnTo>
                  <a:lnTo>
                    <a:pt x="24361" y="39181"/>
                  </a:lnTo>
                  <a:lnTo>
                    <a:pt x="24268" y="38532"/>
                  </a:lnTo>
                  <a:lnTo>
                    <a:pt x="24129" y="37930"/>
                  </a:lnTo>
                  <a:lnTo>
                    <a:pt x="23944" y="37375"/>
                  </a:lnTo>
                  <a:lnTo>
                    <a:pt x="23897" y="37236"/>
                  </a:lnTo>
                  <a:lnTo>
                    <a:pt x="23805" y="37189"/>
                  </a:lnTo>
                  <a:lnTo>
                    <a:pt x="23666" y="37143"/>
                  </a:lnTo>
                  <a:lnTo>
                    <a:pt x="23573" y="37097"/>
                  </a:lnTo>
                  <a:lnTo>
                    <a:pt x="23295" y="37097"/>
                  </a:lnTo>
                  <a:lnTo>
                    <a:pt x="23064" y="37189"/>
                  </a:lnTo>
                  <a:lnTo>
                    <a:pt x="22647" y="37513"/>
                  </a:lnTo>
                  <a:lnTo>
                    <a:pt x="22277" y="37838"/>
                  </a:lnTo>
                  <a:lnTo>
                    <a:pt x="21906" y="38162"/>
                  </a:lnTo>
                  <a:lnTo>
                    <a:pt x="21582" y="38532"/>
                  </a:lnTo>
                  <a:lnTo>
                    <a:pt x="20933" y="39273"/>
                  </a:lnTo>
                  <a:lnTo>
                    <a:pt x="20378" y="40107"/>
                  </a:lnTo>
                  <a:lnTo>
                    <a:pt x="20378" y="39459"/>
                  </a:lnTo>
                  <a:lnTo>
                    <a:pt x="20331" y="38764"/>
                  </a:lnTo>
                  <a:lnTo>
                    <a:pt x="20239" y="38162"/>
                  </a:lnTo>
                  <a:lnTo>
                    <a:pt x="20100" y="37560"/>
                  </a:lnTo>
                  <a:lnTo>
                    <a:pt x="19915" y="36958"/>
                  </a:lnTo>
                  <a:lnTo>
                    <a:pt x="19637" y="36402"/>
                  </a:lnTo>
                  <a:lnTo>
                    <a:pt x="19266" y="35893"/>
                  </a:lnTo>
                  <a:lnTo>
                    <a:pt x="18849" y="35383"/>
                  </a:lnTo>
                  <a:lnTo>
                    <a:pt x="18757" y="35290"/>
                  </a:lnTo>
                  <a:lnTo>
                    <a:pt x="18618" y="35244"/>
                  </a:lnTo>
                  <a:lnTo>
                    <a:pt x="18340" y="35152"/>
                  </a:lnTo>
                  <a:lnTo>
                    <a:pt x="18016" y="35198"/>
                  </a:lnTo>
                  <a:lnTo>
                    <a:pt x="17877" y="35244"/>
                  </a:lnTo>
                  <a:lnTo>
                    <a:pt x="17738" y="35290"/>
                  </a:lnTo>
                  <a:lnTo>
                    <a:pt x="17414" y="35568"/>
                  </a:lnTo>
                  <a:lnTo>
                    <a:pt x="17136" y="35893"/>
                  </a:lnTo>
                  <a:lnTo>
                    <a:pt x="16904" y="36170"/>
                  </a:lnTo>
                  <a:lnTo>
                    <a:pt x="16673" y="36495"/>
                  </a:lnTo>
                  <a:lnTo>
                    <a:pt x="16256" y="37097"/>
                  </a:lnTo>
                  <a:lnTo>
                    <a:pt x="15978" y="37791"/>
                  </a:lnTo>
                  <a:lnTo>
                    <a:pt x="15746" y="38532"/>
                  </a:lnTo>
                  <a:lnTo>
                    <a:pt x="15607" y="39273"/>
                  </a:lnTo>
                  <a:lnTo>
                    <a:pt x="15469" y="40061"/>
                  </a:lnTo>
                  <a:lnTo>
                    <a:pt x="15376" y="40894"/>
                  </a:lnTo>
                  <a:lnTo>
                    <a:pt x="15144" y="42978"/>
                  </a:lnTo>
                  <a:lnTo>
                    <a:pt x="15005" y="45062"/>
                  </a:lnTo>
                  <a:lnTo>
                    <a:pt x="14774" y="49277"/>
                  </a:lnTo>
                  <a:lnTo>
                    <a:pt x="14728" y="51268"/>
                  </a:lnTo>
                  <a:lnTo>
                    <a:pt x="14589" y="53260"/>
                  </a:lnTo>
                  <a:lnTo>
                    <a:pt x="14542" y="54279"/>
                  </a:lnTo>
                  <a:lnTo>
                    <a:pt x="14403" y="55251"/>
                  </a:lnTo>
                  <a:lnTo>
                    <a:pt x="14218" y="56224"/>
                  </a:lnTo>
                  <a:lnTo>
                    <a:pt x="13987" y="57196"/>
                  </a:lnTo>
                  <a:lnTo>
                    <a:pt x="13801" y="57752"/>
                  </a:lnTo>
                  <a:lnTo>
                    <a:pt x="13570" y="58261"/>
                  </a:lnTo>
                  <a:lnTo>
                    <a:pt x="13338" y="58678"/>
                  </a:lnTo>
                  <a:lnTo>
                    <a:pt x="13060" y="59095"/>
                  </a:lnTo>
                  <a:lnTo>
                    <a:pt x="12968" y="55853"/>
                  </a:lnTo>
                  <a:lnTo>
                    <a:pt x="12921" y="52611"/>
                  </a:lnTo>
                  <a:lnTo>
                    <a:pt x="12875" y="46128"/>
                  </a:lnTo>
                  <a:lnTo>
                    <a:pt x="12829" y="40477"/>
                  </a:lnTo>
                  <a:lnTo>
                    <a:pt x="12782" y="34827"/>
                  </a:lnTo>
                  <a:lnTo>
                    <a:pt x="12551" y="23527"/>
                  </a:lnTo>
                  <a:lnTo>
                    <a:pt x="12458" y="17877"/>
                  </a:lnTo>
                  <a:lnTo>
                    <a:pt x="12412" y="12227"/>
                  </a:lnTo>
                  <a:lnTo>
                    <a:pt x="12412" y="9402"/>
                  </a:lnTo>
                  <a:lnTo>
                    <a:pt x="12458" y="6530"/>
                  </a:lnTo>
                  <a:lnTo>
                    <a:pt x="12458" y="5141"/>
                  </a:lnTo>
                  <a:lnTo>
                    <a:pt x="12458" y="3705"/>
                  </a:lnTo>
                  <a:lnTo>
                    <a:pt x="12412" y="2316"/>
                  </a:lnTo>
                  <a:lnTo>
                    <a:pt x="12319" y="927"/>
                  </a:lnTo>
                  <a:lnTo>
                    <a:pt x="12273" y="695"/>
                  </a:lnTo>
                  <a:lnTo>
                    <a:pt x="12180" y="510"/>
                  </a:lnTo>
                  <a:lnTo>
                    <a:pt x="12041" y="371"/>
                  </a:lnTo>
                  <a:lnTo>
                    <a:pt x="11902" y="232"/>
                  </a:lnTo>
                  <a:lnTo>
                    <a:pt x="11717" y="139"/>
                  </a:lnTo>
                  <a:lnTo>
                    <a:pt x="11486" y="47"/>
                  </a:lnTo>
                  <a:lnTo>
                    <a:pt x="11069" y="0"/>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175" name="Google Shape;175;p13"/>
            <p:cNvSpPr/>
            <p:nvPr/>
          </p:nvSpPr>
          <p:spPr>
            <a:xfrm>
              <a:off x="8424000" y="2879523"/>
              <a:ext cx="443789" cy="2165818"/>
            </a:xfrm>
            <a:custGeom>
              <a:avLst/>
              <a:gdLst/>
              <a:ahLst/>
              <a:cxnLst/>
              <a:rect l="l" t="t" r="r" b="b"/>
              <a:pathLst>
                <a:path w="16256" h="79334" extrusionOk="0">
                  <a:moveTo>
                    <a:pt x="7457" y="1"/>
                  </a:moveTo>
                  <a:lnTo>
                    <a:pt x="7179" y="93"/>
                  </a:lnTo>
                  <a:lnTo>
                    <a:pt x="6901" y="186"/>
                  </a:lnTo>
                  <a:lnTo>
                    <a:pt x="6762" y="371"/>
                  </a:lnTo>
                  <a:lnTo>
                    <a:pt x="6669" y="510"/>
                  </a:lnTo>
                  <a:lnTo>
                    <a:pt x="6669" y="649"/>
                  </a:lnTo>
                  <a:lnTo>
                    <a:pt x="6391" y="2455"/>
                  </a:lnTo>
                  <a:lnTo>
                    <a:pt x="6160" y="4261"/>
                  </a:lnTo>
                  <a:lnTo>
                    <a:pt x="5975" y="6114"/>
                  </a:lnTo>
                  <a:lnTo>
                    <a:pt x="5882" y="7966"/>
                  </a:lnTo>
                  <a:lnTo>
                    <a:pt x="5836" y="10560"/>
                  </a:lnTo>
                  <a:lnTo>
                    <a:pt x="5882" y="13153"/>
                  </a:lnTo>
                  <a:lnTo>
                    <a:pt x="5975" y="15747"/>
                  </a:lnTo>
                  <a:lnTo>
                    <a:pt x="6113" y="18340"/>
                  </a:lnTo>
                  <a:lnTo>
                    <a:pt x="6484" y="23620"/>
                  </a:lnTo>
                  <a:lnTo>
                    <a:pt x="6762" y="28946"/>
                  </a:lnTo>
                  <a:lnTo>
                    <a:pt x="6901" y="31586"/>
                  </a:lnTo>
                  <a:lnTo>
                    <a:pt x="6993" y="34226"/>
                  </a:lnTo>
                  <a:lnTo>
                    <a:pt x="7040" y="36912"/>
                  </a:lnTo>
                  <a:lnTo>
                    <a:pt x="7086" y="39551"/>
                  </a:lnTo>
                  <a:lnTo>
                    <a:pt x="7040" y="41635"/>
                  </a:lnTo>
                  <a:lnTo>
                    <a:pt x="6993" y="43673"/>
                  </a:lnTo>
                  <a:lnTo>
                    <a:pt x="6854" y="45757"/>
                  </a:lnTo>
                  <a:lnTo>
                    <a:pt x="6716" y="47795"/>
                  </a:lnTo>
                  <a:lnTo>
                    <a:pt x="6391" y="51917"/>
                  </a:lnTo>
                  <a:lnTo>
                    <a:pt x="6067" y="56039"/>
                  </a:lnTo>
                  <a:lnTo>
                    <a:pt x="5743" y="55807"/>
                  </a:lnTo>
                  <a:lnTo>
                    <a:pt x="5465" y="55529"/>
                  </a:lnTo>
                  <a:lnTo>
                    <a:pt x="5187" y="55251"/>
                  </a:lnTo>
                  <a:lnTo>
                    <a:pt x="4956" y="54927"/>
                  </a:lnTo>
                  <a:lnTo>
                    <a:pt x="4539" y="54232"/>
                  </a:lnTo>
                  <a:lnTo>
                    <a:pt x="4307" y="53723"/>
                  </a:lnTo>
                  <a:lnTo>
                    <a:pt x="4215" y="53353"/>
                  </a:lnTo>
                  <a:lnTo>
                    <a:pt x="4122" y="52982"/>
                  </a:lnTo>
                  <a:lnTo>
                    <a:pt x="4076" y="52241"/>
                  </a:lnTo>
                  <a:lnTo>
                    <a:pt x="4029" y="51454"/>
                  </a:lnTo>
                  <a:lnTo>
                    <a:pt x="4029" y="50713"/>
                  </a:lnTo>
                  <a:lnTo>
                    <a:pt x="3983" y="48073"/>
                  </a:lnTo>
                  <a:lnTo>
                    <a:pt x="4029" y="45479"/>
                  </a:lnTo>
                  <a:lnTo>
                    <a:pt x="4076" y="43117"/>
                  </a:lnTo>
                  <a:lnTo>
                    <a:pt x="4122" y="41960"/>
                  </a:lnTo>
                  <a:lnTo>
                    <a:pt x="4076" y="40802"/>
                  </a:lnTo>
                  <a:lnTo>
                    <a:pt x="4076" y="39644"/>
                  </a:lnTo>
                  <a:lnTo>
                    <a:pt x="3937" y="38486"/>
                  </a:lnTo>
                  <a:lnTo>
                    <a:pt x="3798" y="37328"/>
                  </a:lnTo>
                  <a:lnTo>
                    <a:pt x="3566" y="36171"/>
                  </a:lnTo>
                  <a:lnTo>
                    <a:pt x="3474" y="35939"/>
                  </a:lnTo>
                  <a:lnTo>
                    <a:pt x="3288" y="35754"/>
                  </a:lnTo>
                  <a:lnTo>
                    <a:pt x="3103" y="35569"/>
                  </a:lnTo>
                  <a:lnTo>
                    <a:pt x="2825" y="35476"/>
                  </a:lnTo>
                  <a:lnTo>
                    <a:pt x="2547" y="35383"/>
                  </a:lnTo>
                  <a:lnTo>
                    <a:pt x="2223" y="35337"/>
                  </a:lnTo>
                  <a:lnTo>
                    <a:pt x="1899" y="35291"/>
                  </a:lnTo>
                  <a:lnTo>
                    <a:pt x="1575" y="35291"/>
                  </a:lnTo>
                  <a:lnTo>
                    <a:pt x="1251" y="35337"/>
                  </a:lnTo>
                  <a:lnTo>
                    <a:pt x="926" y="35430"/>
                  </a:lnTo>
                  <a:lnTo>
                    <a:pt x="649" y="35522"/>
                  </a:lnTo>
                  <a:lnTo>
                    <a:pt x="371" y="35661"/>
                  </a:lnTo>
                  <a:lnTo>
                    <a:pt x="185" y="35800"/>
                  </a:lnTo>
                  <a:lnTo>
                    <a:pt x="46" y="36032"/>
                  </a:lnTo>
                  <a:lnTo>
                    <a:pt x="0" y="36217"/>
                  </a:lnTo>
                  <a:lnTo>
                    <a:pt x="0" y="36495"/>
                  </a:lnTo>
                  <a:lnTo>
                    <a:pt x="139" y="37467"/>
                  </a:lnTo>
                  <a:lnTo>
                    <a:pt x="278" y="38440"/>
                  </a:lnTo>
                  <a:lnTo>
                    <a:pt x="510" y="40385"/>
                  </a:lnTo>
                  <a:lnTo>
                    <a:pt x="649" y="42330"/>
                  </a:lnTo>
                  <a:lnTo>
                    <a:pt x="741" y="44275"/>
                  </a:lnTo>
                  <a:lnTo>
                    <a:pt x="880" y="48212"/>
                  </a:lnTo>
                  <a:lnTo>
                    <a:pt x="1019" y="50157"/>
                  </a:lnTo>
                  <a:lnTo>
                    <a:pt x="1204" y="52148"/>
                  </a:lnTo>
                  <a:lnTo>
                    <a:pt x="1390" y="53353"/>
                  </a:lnTo>
                  <a:lnTo>
                    <a:pt x="1528" y="53908"/>
                  </a:lnTo>
                  <a:lnTo>
                    <a:pt x="1667" y="54510"/>
                  </a:lnTo>
                  <a:lnTo>
                    <a:pt x="1853" y="55020"/>
                  </a:lnTo>
                  <a:lnTo>
                    <a:pt x="2038" y="55529"/>
                  </a:lnTo>
                  <a:lnTo>
                    <a:pt x="2269" y="56039"/>
                  </a:lnTo>
                  <a:lnTo>
                    <a:pt x="2547" y="56502"/>
                  </a:lnTo>
                  <a:lnTo>
                    <a:pt x="2872" y="56919"/>
                  </a:lnTo>
                  <a:lnTo>
                    <a:pt x="3196" y="57289"/>
                  </a:lnTo>
                  <a:lnTo>
                    <a:pt x="3566" y="57660"/>
                  </a:lnTo>
                  <a:lnTo>
                    <a:pt x="3937" y="57937"/>
                  </a:lnTo>
                  <a:lnTo>
                    <a:pt x="4400" y="58215"/>
                  </a:lnTo>
                  <a:lnTo>
                    <a:pt x="4863" y="58447"/>
                  </a:lnTo>
                  <a:lnTo>
                    <a:pt x="5372" y="58632"/>
                  </a:lnTo>
                  <a:lnTo>
                    <a:pt x="5882" y="58771"/>
                  </a:lnTo>
                  <a:lnTo>
                    <a:pt x="5836" y="59790"/>
                  </a:lnTo>
                  <a:lnTo>
                    <a:pt x="5743" y="62244"/>
                  </a:lnTo>
                  <a:lnTo>
                    <a:pt x="5604" y="64653"/>
                  </a:lnTo>
                  <a:lnTo>
                    <a:pt x="5558" y="67061"/>
                  </a:lnTo>
                  <a:lnTo>
                    <a:pt x="5558" y="68265"/>
                  </a:lnTo>
                  <a:lnTo>
                    <a:pt x="5604" y="69469"/>
                  </a:lnTo>
                  <a:lnTo>
                    <a:pt x="5650" y="71692"/>
                  </a:lnTo>
                  <a:lnTo>
                    <a:pt x="5650" y="72804"/>
                  </a:lnTo>
                  <a:lnTo>
                    <a:pt x="5650" y="73915"/>
                  </a:lnTo>
                  <a:lnTo>
                    <a:pt x="5558" y="74471"/>
                  </a:lnTo>
                  <a:lnTo>
                    <a:pt x="5511" y="74980"/>
                  </a:lnTo>
                  <a:lnTo>
                    <a:pt x="5372" y="76046"/>
                  </a:lnTo>
                  <a:lnTo>
                    <a:pt x="5326" y="76555"/>
                  </a:lnTo>
                  <a:lnTo>
                    <a:pt x="5326" y="77064"/>
                  </a:lnTo>
                  <a:lnTo>
                    <a:pt x="5465" y="77574"/>
                  </a:lnTo>
                  <a:lnTo>
                    <a:pt x="5650" y="78130"/>
                  </a:lnTo>
                  <a:lnTo>
                    <a:pt x="5789" y="78361"/>
                  </a:lnTo>
                  <a:lnTo>
                    <a:pt x="5975" y="78593"/>
                  </a:lnTo>
                  <a:lnTo>
                    <a:pt x="6160" y="78778"/>
                  </a:lnTo>
                  <a:lnTo>
                    <a:pt x="6438" y="78963"/>
                  </a:lnTo>
                  <a:lnTo>
                    <a:pt x="6669" y="79102"/>
                  </a:lnTo>
                  <a:lnTo>
                    <a:pt x="6947" y="79195"/>
                  </a:lnTo>
                  <a:lnTo>
                    <a:pt x="7271" y="79287"/>
                  </a:lnTo>
                  <a:lnTo>
                    <a:pt x="7549" y="79334"/>
                  </a:lnTo>
                  <a:lnTo>
                    <a:pt x="8198" y="79334"/>
                  </a:lnTo>
                  <a:lnTo>
                    <a:pt x="8800" y="79287"/>
                  </a:lnTo>
                  <a:lnTo>
                    <a:pt x="9402" y="79102"/>
                  </a:lnTo>
                  <a:lnTo>
                    <a:pt x="9633" y="78963"/>
                  </a:lnTo>
                  <a:lnTo>
                    <a:pt x="9865" y="78824"/>
                  </a:lnTo>
                  <a:lnTo>
                    <a:pt x="10328" y="78500"/>
                  </a:lnTo>
                  <a:lnTo>
                    <a:pt x="10698" y="78130"/>
                  </a:lnTo>
                  <a:lnTo>
                    <a:pt x="11069" y="77713"/>
                  </a:lnTo>
                  <a:lnTo>
                    <a:pt x="11347" y="77296"/>
                  </a:lnTo>
                  <a:lnTo>
                    <a:pt x="11578" y="76833"/>
                  </a:lnTo>
                  <a:lnTo>
                    <a:pt x="11764" y="76370"/>
                  </a:lnTo>
                  <a:lnTo>
                    <a:pt x="11949" y="75860"/>
                  </a:lnTo>
                  <a:lnTo>
                    <a:pt x="12041" y="75305"/>
                  </a:lnTo>
                  <a:lnTo>
                    <a:pt x="12134" y="74749"/>
                  </a:lnTo>
                  <a:lnTo>
                    <a:pt x="12180" y="74193"/>
                  </a:lnTo>
                  <a:lnTo>
                    <a:pt x="12180" y="73637"/>
                  </a:lnTo>
                  <a:lnTo>
                    <a:pt x="12180" y="73035"/>
                  </a:lnTo>
                  <a:lnTo>
                    <a:pt x="12041" y="71831"/>
                  </a:lnTo>
                  <a:lnTo>
                    <a:pt x="11856" y="70581"/>
                  </a:lnTo>
                  <a:lnTo>
                    <a:pt x="11625" y="69330"/>
                  </a:lnTo>
                  <a:lnTo>
                    <a:pt x="11347" y="68034"/>
                  </a:lnTo>
                  <a:lnTo>
                    <a:pt x="10745" y="65579"/>
                  </a:lnTo>
                  <a:lnTo>
                    <a:pt x="10467" y="64421"/>
                  </a:lnTo>
                  <a:lnTo>
                    <a:pt x="10235" y="63310"/>
                  </a:lnTo>
                  <a:lnTo>
                    <a:pt x="10050" y="62244"/>
                  </a:lnTo>
                  <a:lnTo>
                    <a:pt x="10004" y="61318"/>
                  </a:lnTo>
                  <a:lnTo>
                    <a:pt x="9957" y="58678"/>
                  </a:lnTo>
                  <a:lnTo>
                    <a:pt x="10004" y="55992"/>
                  </a:lnTo>
                  <a:lnTo>
                    <a:pt x="10143" y="53353"/>
                  </a:lnTo>
                  <a:lnTo>
                    <a:pt x="10282" y="50713"/>
                  </a:lnTo>
                  <a:lnTo>
                    <a:pt x="10559" y="45387"/>
                  </a:lnTo>
                  <a:lnTo>
                    <a:pt x="10652" y="42701"/>
                  </a:lnTo>
                  <a:lnTo>
                    <a:pt x="10698" y="40061"/>
                  </a:lnTo>
                  <a:lnTo>
                    <a:pt x="10698" y="37375"/>
                  </a:lnTo>
                  <a:lnTo>
                    <a:pt x="10652" y="34642"/>
                  </a:lnTo>
                  <a:lnTo>
                    <a:pt x="11115" y="34689"/>
                  </a:lnTo>
                  <a:lnTo>
                    <a:pt x="11578" y="34689"/>
                  </a:lnTo>
                  <a:lnTo>
                    <a:pt x="11995" y="34642"/>
                  </a:lnTo>
                  <a:lnTo>
                    <a:pt x="12412" y="34596"/>
                  </a:lnTo>
                  <a:lnTo>
                    <a:pt x="12829" y="34503"/>
                  </a:lnTo>
                  <a:lnTo>
                    <a:pt x="13199" y="34364"/>
                  </a:lnTo>
                  <a:lnTo>
                    <a:pt x="13570" y="34179"/>
                  </a:lnTo>
                  <a:lnTo>
                    <a:pt x="13894" y="33994"/>
                  </a:lnTo>
                  <a:lnTo>
                    <a:pt x="14218" y="33762"/>
                  </a:lnTo>
                  <a:lnTo>
                    <a:pt x="14496" y="33485"/>
                  </a:lnTo>
                  <a:lnTo>
                    <a:pt x="14774" y="33207"/>
                  </a:lnTo>
                  <a:lnTo>
                    <a:pt x="15006" y="32882"/>
                  </a:lnTo>
                  <a:lnTo>
                    <a:pt x="15237" y="32512"/>
                  </a:lnTo>
                  <a:lnTo>
                    <a:pt x="15422" y="32095"/>
                  </a:lnTo>
                  <a:lnTo>
                    <a:pt x="15561" y="31678"/>
                  </a:lnTo>
                  <a:lnTo>
                    <a:pt x="15654" y="31169"/>
                  </a:lnTo>
                  <a:lnTo>
                    <a:pt x="15885" y="30150"/>
                  </a:lnTo>
                  <a:lnTo>
                    <a:pt x="16071" y="29039"/>
                  </a:lnTo>
                  <a:lnTo>
                    <a:pt x="16163" y="27881"/>
                  </a:lnTo>
                  <a:lnTo>
                    <a:pt x="16256" y="26677"/>
                  </a:lnTo>
                  <a:lnTo>
                    <a:pt x="16210" y="26075"/>
                  </a:lnTo>
                  <a:lnTo>
                    <a:pt x="16163" y="25519"/>
                  </a:lnTo>
                  <a:lnTo>
                    <a:pt x="16117" y="24917"/>
                  </a:lnTo>
                  <a:lnTo>
                    <a:pt x="16024" y="24361"/>
                  </a:lnTo>
                  <a:lnTo>
                    <a:pt x="15839" y="23852"/>
                  </a:lnTo>
                  <a:lnTo>
                    <a:pt x="15654" y="23342"/>
                  </a:lnTo>
                  <a:lnTo>
                    <a:pt x="15422" y="22879"/>
                  </a:lnTo>
                  <a:lnTo>
                    <a:pt x="15144" y="22462"/>
                  </a:lnTo>
                  <a:lnTo>
                    <a:pt x="15052" y="22416"/>
                  </a:lnTo>
                  <a:lnTo>
                    <a:pt x="15006" y="22416"/>
                  </a:lnTo>
                  <a:lnTo>
                    <a:pt x="14867" y="22462"/>
                  </a:lnTo>
                  <a:lnTo>
                    <a:pt x="14403" y="22972"/>
                  </a:lnTo>
                  <a:lnTo>
                    <a:pt x="14033" y="23527"/>
                  </a:lnTo>
                  <a:lnTo>
                    <a:pt x="13709" y="24083"/>
                  </a:lnTo>
                  <a:lnTo>
                    <a:pt x="13477" y="24685"/>
                  </a:lnTo>
                  <a:lnTo>
                    <a:pt x="13292" y="25334"/>
                  </a:lnTo>
                  <a:lnTo>
                    <a:pt x="13107" y="25982"/>
                  </a:lnTo>
                  <a:lnTo>
                    <a:pt x="12921" y="27325"/>
                  </a:lnTo>
                  <a:lnTo>
                    <a:pt x="12829" y="27973"/>
                  </a:lnTo>
                  <a:lnTo>
                    <a:pt x="12782" y="28714"/>
                  </a:lnTo>
                  <a:lnTo>
                    <a:pt x="12736" y="29455"/>
                  </a:lnTo>
                  <a:lnTo>
                    <a:pt x="12597" y="30150"/>
                  </a:lnTo>
                  <a:lnTo>
                    <a:pt x="12505" y="30474"/>
                  </a:lnTo>
                  <a:lnTo>
                    <a:pt x="12366" y="30798"/>
                  </a:lnTo>
                  <a:lnTo>
                    <a:pt x="12227" y="31076"/>
                  </a:lnTo>
                  <a:lnTo>
                    <a:pt x="12041" y="31308"/>
                  </a:lnTo>
                  <a:lnTo>
                    <a:pt x="11810" y="31493"/>
                  </a:lnTo>
                  <a:lnTo>
                    <a:pt x="11532" y="31632"/>
                  </a:lnTo>
                  <a:lnTo>
                    <a:pt x="11208" y="31725"/>
                  </a:lnTo>
                  <a:lnTo>
                    <a:pt x="10837" y="31771"/>
                  </a:lnTo>
                  <a:lnTo>
                    <a:pt x="10606" y="31771"/>
                  </a:lnTo>
                  <a:lnTo>
                    <a:pt x="10374" y="25287"/>
                  </a:lnTo>
                  <a:lnTo>
                    <a:pt x="10189" y="18850"/>
                  </a:lnTo>
                  <a:lnTo>
                    <a:pt x="10096" y="16117"/>
                  </a:lnTo>
                  <a:lnTo>
                    <a:pt x="10004" y="13431"/>
                  </a:lnTo>
                  <a:lnTo>
                    <a:pt x="9865" y="10699"/>
                  </a:lnTo>
                  <a:lnTo>
                    <a:pt x="9680" y="7966"/>
                  </a:lnTo>
                  <a:lnTo>
                    <a:pt x="9633" y="6994"/>
                  </a:lnTo>
                  <a:lnTo>
                    <a:pt x="9633" y="5975"/>
                  </a:lnTo>
                  <a:lnTo>
                    <a:pt x="9633" y="4956"/>
                  </a:lnTo>
                  <a:lnTo>
                    <a:pt x="9633" y="3937"/>
                  </a:lnTo>
                  <a:lnTo>
                    <a:pt x="9494" y="2965"/>
                  </a:lnTo>
                  <a:lnTo>
                    <a:pt x="9448" y="2455"/>
                  </a:lnTo>
                  <a:lnTo>
                    <a:pt x="9309" y="1992"/>
                  </a:lnTo>
                  <a:lnTo>
                    <a:pt x="9170" y="1575"/>
                  </a:lnTo>
                  <a:lnTo>
                    <a:pt x="8985" y="1112"/>
                  </a:lnTo>
                  <a:lnTo>
                    <a:pt x="8753" y="695"/>
                  </a:lnTo>
                  <a:lnTo>
                    <a:pt x="8475" y="325"/>
                  </a:lnTo>
                  <a:lnTo>
                    <a:pt x="8244" y="140"/>
                  </a:lnTo>
                  <a:lnTo>
                    <a:pt x="8012" y="47"/>
                  </a:lnTo>
                  <a:lnTo>
                    <a:pt x="7734" y="1"/>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grpSp>
        <p:nvGrpSpPr>
          <p:cNvPr id="176" name="Google Shape;176;p13"/>
          <p:cNvGrpSpPr/>
          <p:nvPr/>
        </p:nvGrpSpPr>
        <p:grpSpPr>
          <a:xfrm>
            <a:off x="921445" y="681333"/>
            <a:ext cx="18477111" cy="481333"/>
            <a:chOff x="414650" y="306600"/>
            <a:chExt cx="8314700" cy="216600"/>
          </a:xfrm>
        </p:grpSpPr>
        <p:grpSp>
          <p:nvGrpSpPr>
            <p:cNvPr id="177" name="Google Shape;177;p13"/>
            <p:cNvGrpSpPr/>
            <p:nvPr/>
          </p:nvGrpSpPr>
          <p:grpSpPr>
            <a:xfrm>
              <a:off x="713281" y="389286"/>
              <a:ext cx="7717437" cy="51251"/>
              <a:chOff x="450050" y="465475"/>
              <a:chExt cx="8367600" cy="51241"/>
            </a:xfrm>
          </p:grpSpPr>
          <p:cxnSp>
            <p:nvCxnSpPr>
              <p:cNvPr id="178" name="Google Shape;178;p13"/>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179" name="Google Shape;179;p13"/>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180" name="Google Shape;180;p13"/>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181" name="Google Shape;181;p13"/>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Tree>
    <p:extLst>
      <p:ext uri="{BB962C8B-B14F-4D97-AF65-F5344CB8AC3E}">
        <p14:creationId xmlns:p14="http://schemas.microsoft.com/office/powerpoint/2010/main" val="867473888"/>
      </p:ext>
    </p:extLst>
  </p:cSld>
  <p:clrMapOvr>
    <a:masterClrMapping/>
  </p:clrMapOvr>
</p:sldLayout>
</file>

<file path=ppt/slideLayouts/slideLayout96.xml><?xml version="1.0" encoding="utf-8"?>
<p:sldLayout xmlns:a="http://schemas.openxmlformats.org/drawingml/2006/main" xmlns:r="http://schemas.openxmlformats.org/officeDocument/2006/relationships" xmlns:p="http://schemas.openxmlformats.org/presentationml/2006/main" matchingName="Section header 1">
  <p:cSld name="Section header 1">
    <p:spTree>
      <p:nvGrpSpPr>
        <p:cNvPr id="1" name="Shape 182"/>
        <p:cNvGrpSpPr/>
        <p:nvPr/>
      </p:nvGrpSpPr>
      <p:grpSpPr>
        <a:xfrm>
          <a:off x="0" y="0"/>
          <a:ext cx="0" cy="0"/>
          <a:chOff x="0" y="0"/>
          <a:chExt cx="0" cy="0"/>
        </a:xfrm>
      </p:grpSpPr>
      <p:pic>
        <p:nvPicPr>
          <p:cNvPr id="183" name="Google Shape;183;p14"/>
          <p:cNvPicPr preferRelativeResize="0"/>
          <p:nvPr/>
        </p:nvPicPr>
        <p:blipFill rotWithShape="1">
          <a:blip r:embed="rId2">
            <a:alphaModFix amt="58999"/>
          </a:blip>
          <a:srcRect/>
          <a:stretch/>
        </p:blipFill>
        <p:spPr>
          <a:xfrm>
            <a:off x="0" y="0"/>
            <a:ext cx="20320000" cy="11430000"/>
          </a:xfrm>
          <a:prstGeom prst="rect">
            <a:avLst/>
          </a:prstGeom>
          <a:noFill/>
          <a:ln>
            <a:noFill/>
          </a:ln>
        </p:spPr>
      </p:pic>
      <p:sp>
        <p:nvSpPr>
          <p:cNvPr id="184" name="Google Shape;184;p14"/>
          <p:cNvSpPr txBox="1">
            <a:spLocks noGrp="1"/>
          </p:cNvSpPr>
          <p:nvPr>
            <p:ph type="title"/>
          </p:nvPr>
        </p:nvSpPr>
        <p:spPr>
          <a:xfrm>
            <a:off x="4036334" y="4996976"/>
            <a:ext cx="12247333" cy="1777333"/>
          </a:xfrm>
          <a:prstGeom prst="rect">
            <a:avLst/>
          </a:prstGeom>
        </p:spPr>
        <p:txBody>
          <a:bodyPr spcFirstLastPara="1" wrap="square" lIns="91425" tIns="91425" rIns="91425" bIns="91425" anchor="b" anchorCtr="0">
            <a:noAutofit/>
          </a:bodyPr>
          <a:lstStyle>
            <a:lvl1pPr lvl="0" rtl="0">
              <a:spcBef>
                <a:spcPts val="0"/>
              </a:spcBef>
              <a:spcAft>
                <a:spcPts val="0"/>
              </a:spcAft>
              <a:buSzPts val="3600"/>
              <a:buNone/>
              <a:defRPr sz="10000"/>
            </a:lvl1pPr>
            <a:lvl2pPr lvl="1" rtl="0">
              <a:spcBef>
                <a:spcPts val="0"/>
              </a:spcBef>
              <a:spcAft>
                <a:spcPts val="0"/>
              </a:spcAft>
              <a:buSzPts val="3600"/>
              <a:buNone/>
              <a:defRPr sz="8000"/>
            </a:lvl2pPr>
            <a:lvl3pPr lvl="2" rtl="0">
              <a:spcBef>
                <a:spcPts val="0"/>
              </a:spcBef>
              <a:spcAft>
                <a:spcPts val="0"/>
              </a:spcAft>
              <a:buSzPts val="3600"/>
              <a:buNone/>
              <a:defRPr sz="8000"/>
            </a:lvl3pPr>
            <a:lvl4pPr lvl="3" rtl="0">
              <a:spcBef>
                <a:spcPts val="0"/>
              </a:spcBef>
              <a:spcAft>
                <a:spcPts val="0"/>
              </a:spcAft>
              <a:buSzPts val="3600"/>
              <a:buNone/>
              <a:defRPr sz="8000"/>
            </a:lvl4pPr>
            <a:lvl5pPr lvl="4" rtl="0">
              <a:spcBef>
                <a:spcPts val="0"/>
              </a:spcBef>
              <a:spcAft>
                <a:spcPts val="0"/>
              </a:spcAft>
              <a:buSzPts val="3600"/>
              <a:buNone/>
              <a:defRPr sz="8000"/>
            </a:lvl5pPr>
            <a:lvl6pPr lvl="5" rtl="0">
              <a:spcBef>
                <a:spcPts val="0"/>
              </a:spcBef>
              <a:spcAft>
                <a:spcPts val="0"/>
              </a:spcAft>
              <a:buSzPts val="3600"/>
              <a:buNone/>
              <a:defRPr sz="8000"/>
            </a:lvl6pPr>
            <a:lvl7pPr lvl="6" rtl="0">
              <a:spcBef>
                <a:spcPts val="0"/>
              </a:spcBef>
              <a:spcAft>
                <a:spcPts val="0"/>
              </a:spcAft>
              <a:buSzPts val="3600"/>
              <a:buNone/>
              <a:defRPr sz="8000"/>
            </a:lvl7pPr>
            <a:lvl8pPr lvl="7" rtl="0">
              <a:spcBef>
                <a:spcPts val="0"/>
              </a:spcBef>
              <a:spcAft>
                <a:spcPts val="0"/>
              </a:spcAft>
              <a:buSzPts val="3600"/>
              <a:buNone/>
              <a:defRPr sz="8000"/>
            </a:lvl8pPr>
            <a:lvl9pPr lvl="8" rtl="0">
              <a:spcBef>
                <a:spcPts val="0"/>
              </a:spcBef>
              <a:spcAft>
                <a:spcPts val="0"/>
              </a:spcAft>
              <a:buSzPts val="3600"/>
              <a:buNone/>
              <a:defRPr sz="8000"/>
            </a:lvl9pPr>
          </a:lstStyle>
          <a:p>
            <a:endParaRPr/>
          </a:p>
        </p:txBody>
      </p:sp>
      <p:sp>
        <p:nvSpPr>
          <p:cNvPr id="185" name="Google Shape;185;p14"/>
          <p:cNvSpPr txBox="1">
            <a:spLocks noGrp="1"/>
          </p:cNvSpPr>
          <p:nvPr>
            <p:ph type="title" idx="2" hasCustomPrompt="1"/>
          </p:nvPr>
        </p:nvSpPr>
        <p:spPr>
          <a:xfrm>
            <a:off x="8177127" y="2394167"/>
            <a:ext cx="3966000" cy="2529333"/>
          </a:xfrm>
          <a:prstGeom prst="rect">
            <a:avLst/>
          </a:prstGeom>
          <a:noFill/>
        </p:spPr>
        <p:txBody>
          <a:bodyPr spcFirstLastPara="1" wrap="square" lIns="91425" tIns="91425" rIns="91425" bIns="91425" anchor="b" anchorCtr="0">
            <a:noAutofit/>
          </a:bodyPr>
          <a:lstStyle>
            <a:lvl1pPr lvl="0" rtl="0">
              <a:spcBef>
                <a:spcPts val="0"/>
              </a:spcBef>
              <a:spcAft>
                <a:spcPts val="0"/>
              </a:spcAft>
              <a:buClr>
                <a:schemeClr val="lt1"/>
              </a:buClr>
              <a:buSzPts val="6000"/>
              <a:buNone/>
              <a:defRPr sz="13333">
                <a:solidFill>
                  <a:schemeClr val="dk2"/>
                </a:solidFill>
              </a:defRPr>
            </a:lvl1pPr>
            <a:lvl2pPr lvl="1" rtl="0">
              <a:spcBef>
                <a:spcPts val="0"/>
              </a:spcBef>
              <a:spcAft>
                <a:spcPts val="0"/>
              </a:spcAft>
              <a:buClr>
                <a:schemeClr val="lt1"/>
              </a:buClr>
              <a:buSzPts val="6000"/>
              <a:buNone/>
              <a:defRPr sz="13333">
                <a:solidFill>
                  <a:schemeClr val="lt1"/>
                </a:solidFill>
              </a:defRPr>
            </a:lvl2pPr>
            <a:lvl3pPr lvl="2" rtl="0">
              <a:spcBef>
                <a:spcPts val="0"/>
              </a:spcBef>
              <a:spcAft>
                <a:spcPts val="0"/>
              </a:spcAft>
              <a:buClr>
                <a:schemeClr val="lt1"/>
              </a:buClr>
              <a:buSzPts val="6000"/>
              <a:buNone/>
              <a:defRPr sz="13333">
                <a:solidFill>
                  <a:schemeClr val="lt1"/>
                </a:solidFill>
              </a:defRPr>
            </a:lvl3pPr>
            <a:lvl4pPr lvl="3" rtl="0">
              <a:spcBef>
                <a:spcPts val="0"/>
              </a:spcBef>
              <a:spcAft>
                <a:spcPts val="0"/>
              </a:spcAft>
              <a:buClr>
                <a:schemeClr val="lt1"/>
              </a:buClr>
              <a:buSzPts val="6000"/>
              <a:buNone/>
              <a:defRPr sz="13333">
                <a:solidFill>
                  <a:schemeClr val="lt1"/>
                </a:solidFill>
              </a:defRPr>
            </a:lvl4pPr>
            <a:lvl5pPr lvl="4" rtl="0">
              <a:spcBef>
                <a:spcPts val="0"/>
              </a:spcBef>
              <a:spcAft>
                <a:spcPts val="0"/>
              </a:spcAft>
              <a:buClr>
                <a:schemeClr val="lt1"/>
              </a:buClr>
              <a:buSzPts val="6000"/>
              <a:buNone/>
              <a:defRPr sz="13333">
                <a:solidFill>
                  <a:schemeClr val="lt1"/>
                </a:solidFill>
              </a:defRPr>
            </a:lvl5pPr>
            <a:lvl6pPr lvl="5" rtl="0">
              <a:spcBef>
                <a:spcPts val="0"/>
              </a:spcBef>
              <a:spcAft>
                <a:spcPts val="0"/>
              </a:spcAft>
              <a:buClr>
                <a:schemeClr val="lt1"/>
              </a:buClr>
              <a:buSzPts val="6000"/>
              <a:buNone/>
              <a:defRPr sz="13333">
                <a:solidFill>
                  <a:schemeClr val="lt1"/>
                </a:solidFill>
              </a:defRPr>
            </a:lvl6pPr>
            <a:lvl7pPr lvl="6" rtl="0">
              <a:spcBef>
                <a:spcPts val="0"/>
              </a:spcBef>
              <a:spcAft>
                <a:spcPts val="0"/>
              </a:spcAft>
              <a:buClr>
                <a:schemeClr val="lt1"/>
              </a:buClr>
              <a:buSzPts val="6000"/>
              <a:buNone/>
              <a:defRPr sz="13333">
                <a:solidFill>
                  <a:schemeClr val="lt1"/>
                </a:solidFill>
              </a:defRPr>
            </a:lvl7pPr>
            <a:lvl8pPr lvl="7" rtl="0">
              <a:spcBef>
                <a:spcPts val="0"/>
              </a:spcBef>
              <a:spcAft>
                <a:spcPts val="0"/>
              </a:spcAft>
              <a:buClr>
                <a:schemeClr val="lt1"/>
              </a:buClr>
              <a:buSzPts val="6000"/>
              <a:buNone/>
              <a:defRPr sz="13333">
                <a:solidFill>
                  <a:schemeClr val="lt1"/>
                </a:solidFill>
              </a:defRPr>
            </a:lvl8pPr>
            <a:lvl9pPr lvl="8" rtl="0">
              <a:spcBef>
                <a:spcPts val="0"/>
              </a:spcBef>
              <a:spcAft>
                <a:spcPts val="0"/>
              </a:spcAft>
              <a:buClr>
                <a:schemeClr val="lt1"/>
              </a:buClr>
              <a:buSzPts val="6000"/>
              <a:buNone/>
              <a:defRPr sz="13333">
                <a:solidFill>
                  <a:schemeClr val="lt1"/>
                </a:solidFill>
              </a:defRPr>
            </a:lvl9pPr>
          </a:lstStyle>
          <a:p>
            <a:r>
              <a:t>xx%</a:t>
            </a:r>
          </a:p>
        </p:txBody>
      </p:sp>
      <p:sp>
        <p:nvSpPr>
          <p:cNvPr id="186" name="Google Shape;186;p14"/>
          <p:cNvSpPr txBox="1">
            <a:spLocks noGrp="1"/>
          </p:cNvSpPr>
          <p:nvPr>
            <p:ph type="subTitle" idx="1"/>
          </p:nvPr>
        </p:nvSpPr>
        <p:spPr>
          <a:xfrm>
            <a:off x="4036334" y="6847785"/>
            <a:ext cx="12247333" cy="833333"/>
          </a:xfrm>
          <a:prstGeom prst="rect">
            <a:avLst/>
          </a:prstGeom>
        </p:spPr>
        <p:txBody>
          <a:bodyPr spcFirstLastPara="1" wrap="square" lIns="91425" tIns="91425" rIns="91425" bIns="91425" anchor="t" anchorCtr="0">
            <a:noAutofit/>
          </a:bodyPr>
          <a:lstStyle>
            <a:lvl1pPr lvl="0" algn="ctr" rtl="0">
              <a:lnSpc>
                <a:spcPct val="100000"/>
              </a:lnSpc>
              <a:spcBef>
                <a:spcPts val="0"/>
              </a:spcBef>
              <a:spcAft>
                <a:spcPts val="0"/>
              </a:spcAft>
              <a:buSzPts val="1400"/>
              <a:buNone/>
              <a:defRPr sz="3556"/>
            </a:lvl1pPr>
            <a:lvl2pPr lvl="1" algn="ctr" rtl="0">
              <a:lnSpc>
                <a:spcPct val="100000"/>
              </a:lnSpc>
              <a:spcBef>
                <a:spcPts val="0"/>
              </a:spcBef>
              <a:spcAft>
                <a:spcPts val="0"/>
              </a:spcAft>
              <a:buSzPts val="1400"/>
              <a:buNone/>
              <a:defRPr/>
            </a:lvl2pPr>
            <a:lvl3pPr lvl="2" algn="ctr" rtl="0">
              <a:lnSpc>
                <a:spcPct val="100000"/>
              </a:lnSpc>
              <a:spcBef>
                <a:spcPts val="3556"/>
              </a:spcBef>
              <a:spcAft>
                <a:spcPts val="0"/>
              </a:spcAft>
              <a:buSzPts val="1400"/>
              <a:buNone/>
              <a:defRPr/>
            </a:lvl3pPr>
            <a:lvl4pPr lvl="3" algn="ctr" rtl="0">
              <a:lnSpc>
                <a:spcPct val="100000"/>
              </a:lnSpc>
              <a:spcBef>
                <a:spcPts val="3556"/>
              </a:spcBef>
              <a:spcAft>
                <a:spcPts val="0"/>
              </a:spcAft>
              <a:buSzPts val="1400"/>
              <a:buNone/>
              <a:defRPr/>
            </a:lvl4pPr>
            <a:lvl5pPr lvl="4" algn="ctr" rtl="0">
              <a:lnSpc>
                <a:spcPct val="100000"/>
              </a:lnSpc>
              <a:spcBef>
                <a:spcPts val="3556"/>
              </a:spcBef>
              <a:spcAft>
                <a:spcPts val="0"/>
              </a:spcAft>
              <a:buSzPts val="1400"/>
              <a:buNone/>
              <a:defRPr/>
            </a:lvl5pPr>
            <a:lvl6pPr lvl="5" algn="ctr" rtl="0">
              <a:lnSpc>
                <a:spcPct val="100000"/>
              </a:lnSpc>
              <a:spcBef>
                <a:spcPts val="3556"/>
              </a:spcBef>
              <a:spcAft>
                <a:spcPts val="0"/>
              </a:spcAft>
              <a:buSzPts val="1400"/>
              <a:buNone/>
              <a:defRPr/>
            </a:lvl6pPr>
            <a:lvl7pPr lvl="6" algn="ctr" rtl="0">
              <a:lnSpc>
                <a:spcPct val="100000"/>
              </a:lnSpc>
              <a:spcBef>
                <a:spcPts val="3556"/>
              </a:spcBef>
              <a:spcAft>
                <a:spcPts val="0"/>
              </a:spcAft>
              <a:buSzPts val="1400"/>
              <a:buNone/>
              <a:defRPr/>
            </a:lvl7pPr>
            <a:lvl8pPr lvl="7" algn="ctr" rtl="0">
              <a:lnSpc>
                <a:spcPct val="100000"/>
              </a:lnSpc>
              <a:spcBef>
                <a:spcPts val="3556"/>
              </a:spcBef>
              <a:spcAft>
                <a:spcPts val="0"/>
              </a:spcAft>
              <a:buSzPts val="1400"/>
              <a:buNone/>
              <a:defRPr/>
            </a:lvl8pPr>
            <a:lvl9pPr lvl="8" algn="ctr" rtl="0">
              <a:lnSpc>
                <a:spcPct val="100000"/>
              </a:lnSpc>
              <a:spcBef>
                <a:spcPts val="3556"/>
              </a:spcBef>
              <a:spcAft>
                <a:spcPts val="3556"/>
              </a:spcAft>
              <a:buSzPts val="1400"/>
              <a:buNone/>
              <a:defRPr/>
            </a:lvl9pPr>
          </a:lstStyle>
          <a:p>
            <a:endParaRPr/>
          </a:p>
        </p:txBody>
      </p:sp>
      <p:grpSp>
        <p:nvGrpSpPr>
          <p:cNvPr id="187" name="Google Shape;187;p14"/>
          <p:cNvGrpSpPr/>
          <p:nvPr/>
        </p:nvGrpSpPr>
        <p:grpSpPr>
          <a:xfrm>
            <a:off x="921445" y="681333"/>
            <a:ext cx="18477111" cy="481333"/>
            <a:chOff x="414650" y="306600"/>
            <a:chExt cx="8314700" cy="216600"/>
          </a:xfrm>
        </p:grpSpPr>
        <p:grpSp>
          <p:nvGrpSpPr>
            <p:cNvPr id="188" name="Google Shape;188;p14"/>
            <p:cNvGrpSpPr/>
            <p:nvPr/>
          </p:nvGrpSpPr>
          <p:grpSpPr>
            <a:xfrm>
              <a:off x="713281" y="389286"/>
              <a:ext cx="7717437" cy="51251"/>
              <a:chOff x="450050" y="465475"/>
              <a:chExt cx="8367600" cy="51241"/>
            </a:xfrm>
          </p:grpSpPr>
          <p:cxnSp>
            <p:nvCxnSpPr>
              <p:cNvPr id="189" name="Google Shape;189;p14"/>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190" name="Google Shape;190;p14"/>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191" name="Google Shape;191;p14"/>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192" name="Google Shape;192;p14"/>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193" name="Google Shape;193;p14"/>
          <p:cNvSpPr/>
          <p:nvPr/>
        </p:nvSpPr>
        <p:spPr>
          <a:xfrm>
            <a:off x="453278" y="7225973"/>
            <a:ext cx="1026667" cy="3005222"/>
          </a:xfrm>
          <a:custGeom>
            <a:avLst/>
            <a:gdLst/>
            <a:ahLst/>
            <a:cxnLst/>
            <a:rect l="l" t="t" r="r" b="b"/>
            <a:pathLst>
              <a:path w="18480" h="54094" extrusionOk="0">
                <a:moveTo>
                  <a:pt x="2177" y="27464"/>
                </a:moveTo>
                <a:lnTo>
                  <a:pt x="2363" y="27973"/>
                </a:lnTo>
                <a:lnTo>
                  <a:pt x="2594" y="28436"/>
                </a:lnTo>
                <a:lnTo>
                  <a:pt x="2872" y="28853"/>
                </a:lnTo>
                <a:lnTo>
                  <a:pt x="3243" y="29224"/>
                </a:lnTo>
                <a:lnTo>
                  <a:pt x="3613" y="29548"/>
                </a:lnTo>
                <a:lnTo>
                  <a:pt x="4122" y="29779"/>
                </a:lnTo>
                <a:lnTo>
                  <a:pt x="4632" y="30011"/>
                </a:lnTo>
                <a:lnTo>
                  <a:pt x="5188" y="30196"/>
                </a:lnTo>
                <a:lnTo>
                  <a:pt x="5327" y="31539"/>
                </a:lnTo>
                <a:lnTo>
                  <a:pt x="4863" y="31493"/>
                </a:lnTo>
                <a:lnTo>
                  <a:pt x="4447" y="31400"/>
                </a:lnTo>
                <a:lnTo>
                  <a:pt x="3984" y="31261"/>
                </a:lnTo>
                <a:lnTo>
                  <a:pt x="3613" y="31076"/>
                </a:lnTo>
                <a:lnTo>
                  <a:pt x="3243" y="30845"/>
                </a:lnTo>
                <a:lnTo>
                  <a:pt x="2918" y="30613"/>
                </a:lnTo>
                <a:lnTo>
                  <a:pt x="2687" y="30335"/>
                </a:lnTo>
                <a:lnTo>
                  <a:pt x="2502" y="30011"/>
                </a:lnTo>
                <a:lnTo>
                  <a:pt x="2409" y="29733"/>
                </a:lnTo>
                <a:lnTo>
                  <a:pt x="2316" y="29455"/>
                </a:lnTo>
                <a:lnTo>
                  <a:pt x="2224" y="28807"/>
                </a:lnTo>
                <a:lnTo>
                  <a:pt x="2224" y="28158"/>
                </a:lnTo>
                <a:lnTo>
                  <a:pt x="2177" y="27464"/>
                </a:lnTo>
                <a:close/>
                <a:moveTo>
                  <a:pt x="7457" y="1"/>
                </a:moveTo>
                <a:lnTo>
                  <a:pt x="7179" y="47"/>
                </a:lnTo>
                <a:lnTo>
                  <a:pt x="6901" y="140"/>
                </a:lnTo>
                <a:lnTo>
                  <a:pt x="6670" y="278"/>
                </a:lnTo>
                <a:lnTo>
                  <a:pt x="6484" y="510"/>
                </a:lnTo>
                <a:lnTo>
                  <a:pt x="6299" y="881"/>
                </a:lnTo>
                <a:lnTo>
                  <a:pt x="6114" y="1251"/>
                </a:lnTo>
                <a:lnTo>
                  <a:pt x="5882" y="2038"/>
                </a:lnTo>
                <a:lnTo>
                  <a:pt x="5697" y="2826"/>
                </a:lnTo>
                <a:lnTo>
                  <a:pt x="5604" y="3613"/>
                </a:lnTo>
                <a:lnTo>
                  <a:pt x="5558" y="4400"/>
                </a:lnTo>
                <a:lnTo>
                  <a:pt x="5558" y="5234"/>
                </a:lnTo>
                <a:lnTo>
                  <a:pt x="5558" y="6901"/>
                </a:lnTo>
                <a:lnTo>
                  <a:pt x="5558" y="10004"/>
                </a:lnTo>
                <a:lnTo>
                  <a:pt x="5604" y="13107"/>
                </a:lnTo>
                <a:lnTo>
                  <a:pt x="5651" y="14913"/>
                </a:lnTo>
                <a:lnTo>
                  <a:pt x="5604" y="16719"/>
                </a:lnTo>
                <a:lnTo>
                  <a:pt x="5558" y="18479"/>
                </a:lnTo>
                <a:lnTo>
                  <a:pt x="5466" y="19405"/>
                </a:lnTo>
                <a:lnTo>
                  <a:pt x="5327" y="20285"/>
                </a:lnTo>
                <a:lnTo>
                  <a:pt x="5095" y="21860"/>
                </a:lnTo>
                <a:lnTo>
                  <a:pt x="4817" y="23388"/>
                </a:lnTo>
                <a:lnTo>
                  <a:pt x="4771" y="24176"/>
                </a:lnTo>
                <a:lnTo>
                  <a:pt x="4725" y="24963"/>
                </a:lnTo>
                <a:lnTo>
                  <a:pt x="4725" y="25750"/>
                </a:lnTo>
                <a:lnTo>
                  <a:pt x="4817" y="26538"/>
                </a:lnTo>
                <a:lnTo>
                  <a:pt x="4910" y="27603"/>
                </a:lnTo>
                <a:lnTo>
                  <a:pt x="4539" y="27047"/>
                </a:lnTo>
                <a:lnTo>
                  <a:pt x="4261" y="26445"/>
                </a:lnTo>
                <a:lnTo>
                  <a:pt x="4030" y="25797"/>
                </a:lnTo>
                <a:lnTo>
                  <a:pt x="3891" y="25195"/>
                </a:lnTo>
                <a:lnTo>
                  <a:pt x="3845" y="24546"/>
                </a:lnTo>
                <a:lnTo>
                  <a:pt x="3798" y="23851"/>
                </a:lnTo>
                <a:lnTo>
                  <a:pt x="3845" y="22416"/>
                </a:lnTo>
                <a:lnTo>
                  <a:pt x="3798" y="21721"/>
                </a:lnTo>
                <a:lnTo>
                  <a:pt x="3752" y="21397"/>
                </a:lnTo>
                <a:lnTo>
                  <a:pt x="3659" y="21073"/>
                </a:lnTo>
                <a:lnTo>
                  <a:pt x="3567" y="20795"/>
                </a:lnTo>
                <a:lnTo>
                  <a:pt x="3428" y="20517"/>
                </a:lnTo>
                <a:lnTo>
                  <a:pt x="3243" y="20285"/>
                </a:lnTo>
                <a:lnTo>
                  <a:pt x="3011" y="20054"/>
                </a:lnTo>
                <a:lnTo>
                  <a:pt x="2965" y="20008"/>
                </a:lnTo>
                <a:lnTo>
                  <a:pt x="2872" y="20054"/>
                </a:lnTo>
                <a:lnTo>
                  <a:pt x="2502" y="20332"/>
                </a:lnTo>
                <a:lnTo>
                  <a:pt x="2224" y="20656"/>
                </a:lnTo>
                <a:lnTo>
                  <a:pt x="1992" y="21026"/>
                </a:lnTo>
                <a:lnTo>
                  <a:pt x="1853" y="21490"/>
                </a:lnTo>
                <a:lnTo>
                  <a:pt x="1761" y="21953"/>
                </a:lnTo>
                <a:lnTo>
                  <a:pt x="1714" y="22416"/>
                </a:lnTo>
                <a:lnTo>
                  <a:pt x="1668" y="22925"/>
                </a:lnTo>
                <a:lnTo>
                  <a:pt x="1668" y="23435"/>
                </a:lnTo>
                <a:lnTo>
                  <a:pt x="1483" y="22694"/>
                </a:lnTo>
                <a:lnTo>
                  <a:pt x="1297" y="21953"/>
                </a:lnTo>
                <a:lnTo>
                  <a:pt x="1020" y="21212"/>
                </a:lnTo>
                <a:lnTo>
                  <a:pt x="742" y="20424"/>
                </a:lnTo>
                <a:lnTo>
                  <a:pt x="695" y="20378"/>
                </a:lnTo>
                <a:lnTo>
                  <a:pt x="603" y="20424"/>
                </a:lnTo>
                <a:lnTo>
                  <a:pt x="371" y="21397"/>
                </a:lnTo>
                <a:lnTo>
                  <a:pt x="232" y="22323"/>
                </a:lnTo>
                <a:lnTo>
                  <a:pt x="93" y="23296"/>
                </a:lnTo>
                <a:lnTo>
                  <a:pt x="1" y="24268"/>
                </a:lnTo>
                <a:lnTo>
                  <a:pt x="1" y="25195"/>
                </a:lnTo>
                <a:lnTo>
                  <a:pt x="1" y="26167"/>
                </a:lnTo>
                <a:lnTo>
                  <a:pt x="47" y="28158"/>
                </a:lnTo>
                <a:lnTo>
                  <a:pt x="140" y="28853"/>
                </a:lnTo>
                <a:lnTo>
                  <a:pt x="186" y="29455"/>
                </a:lnTo>
                <a:lnTo>
                  <a:pt x="325" y="30057"/>
                </a:lnTo>
                <a:lnTo>
                  <a:pt x="510" y="30567"/>
                </a:lnTo>
                <a:lnTo>
                  <a:pt x="788" y="31030"/>
                </a:lnTo>
                <a:lnTo>
                  <a:pt x="1112" y="31493"/>
                </a:lnTo>
                <a:lnTo>
                  <a:pt x="1575" y="31863"/>
                </a:lnTo>
                <a:lnTo>
                  <a:pt x="2177" y="32234"/>
                </a:lnTo>
                <a:lnTo>
                  <a:pt x="2548" y="32419"/>
                </a:lnTo>
                <a:lnTo>
                  <a:pt x="2918" y="32604"/>
                </a:lnTo>
                <a:lnTo>
                  <a:pt x="3752" y="32836"/>
                </a:lnTo>
                <a:lnTo>
                  <a:pt x="4586" y="33021"/>
                </a:lnTo>
                <a:lnTo>
                  <a:pt x="5002" y="33068"/>
                </a:lnTo>
                <a:lnTo>
                  <a:pt x="5419" y="33068"/>
                </a:lnTo>
                <a:lnTo>
                  <a:pt x="5466" y="34503"/>
                </a:lnTo>
                <a:lnTo>
                  <a:pt x="5466" y="35985"/>
                </a:lnTo>
                <a:lnTo>
                  <a:pt x="5466" y="37514"/>
                </a:lnTo>
                <a:lnTo>
                  <a:pt x="5419" y="39042"/>
                </a:lnTo>
                <a:lnTo>
                  <a:pt x="5141" y="45711"/>
                </a:lnTo>
                <a:lnTo>
                  <a:pt x="5002" y="47517"/>
                </a:lnTo>
                <a:lnTo>
                  <a:pt x="4863" y="49370"/>
                </a:lnTo>
                <a:lnTo>
                  <a:pt x="4863" y="50249"/>
                </a:lnTo>
                <a:lnTo>
                  <a:pt x="4863" y="51176"/>
                </a:lnTo>
                <a:lnTo>
                  <a:pt x="4863" y="52056"/>
                </a:lnTo>
                <a:lnTo>
                  <a:pt x="5002" y="52936"/>
                </a:lnTo>
                <a:lnTo>
                  <a:pt x="5095" y="53260"/>
                </a:lnTo>
                <a:lnTo>
                  <a:pt x="5234" y="53538"/>
                </a:lnTo>
                <a:lnTo>
                  <a:pt x="5419" y="53769"/>
                </a:lnTo>
                <a:lnTo>
                  <a:pt x="5697" y="53908"/>
                </a:lnTo>
                <a:lnTo>
                  <a:pt x="5975" y="54001"/>
                </a:lnTo>
                <a:lnTo>
                  <a:pt x="6299" y="54093"/>
                </a:lnTo>
                <a:lnTo>
                  <a:pt x="6948" y="54093"/>
                </a:lnTo>
                <a:lnTo>
                  <a:pt x="7272" y="54047"/>
                </a:lnTo>
                <a:lnTo>
                  <a:pt x="7596" y="53954"/>
                </a:lnTo>
                <a:lnTo>
                  <a:pt x="7874" y="53816"/>
                </a:lnTo>
                <a:lnTo>
                  <a:pt x="8105" y="53677"/>
                </a:lnTo>
                <a:lnTo>
                  <a:pt x="8337" y="53538"/>
                </a:lnTo>
                <a:lnTo>
                  <a:pt x="8476" y="53352"/>
                </a:lnTo>
                <a:lnTo>
                  <a:pt x="8568" y="53121"/>
                </a:lnTo>
                <a:lnTo>
                  <a:pt x="8568" y="52936"/>
                </a:lnTo>
                <a:lnTo>
                  <a:pt x="8754" y="52102"/>
                </a:lnTo>
                <a:lnTo>
                  <a:pt x="8939" y="51315"/>
                </a:lnTo>
                <a:lnTo>
                  <a:pt x="9171" y="49647"/>
                </a:lnTo>
                <a:lnTo>
                  <a:pt x="9310" y="47980"/>
                </a:lnTo>
                <a:lnTo>
                  <a:pt x="9356" y="46267"/>
                </a:lnTo>
                <a:lnTo>
                  <a:pt x="9402" y="42840"/>
                </a:lnTo>
                <a:lnTo>
                  <a:pt x="9448" y="41172"/>
                </a:lnTo>
                <a:lnTo>
                  <a:pt x="9495" y="39551"/>
                </a:lnTo>
                <a:lnTo>
                  <a:pt x="9541" y="38255"/>
                </a:lnTo>
                <a:lnTo>
                  <a:pt x="10282" y="38255"/>
                </a:lnTo>
                <a:lnTo>
                  <a:pt x="10699" y="38162"/>
                </a:lnTo>
                <a:lnTo>
                  <a:pt x="11162" y="38069"/>
                </a:lnTo>
                <a:lnTo>
                  <a:pt x="11579" y="37977"/>
                </a:lnTo>
                <a:lnTo>
                  <a:pt x="11996" y="37838"/>
                </a:lnTo>
                <a:lnTo>
                  <a:pt x="12366" y="37653"/>
                </a:lnTo>
                <a:lnTo>
                  <a:pt x="12737" y="37467"/>
                </a:lnTo>
                <a:lnTo>
                  <a:pt x="13107" y="37236"/>
                </a:lnTo>
                <a:lnTo>
                  <a:pt x="13478" y="36958"/>
                </a:lnTo>
                <a:lnTo>
                  <a:pt x="13802" y="36726"/>
                </a:lnTo>
                <a:lnTo>
                  <a:pt x="14080" y="36402"/>
                </a:lnTo>
                <a:lnTo>
                  <a:pt x="14358" y="36078"/>
                </a:lnTo>
                <a:lnTo>
                  <a:pt x="14635" y="35754"/>
                </a:lnTo>
                <a:lnTo>
                  <a:pt x="14867" y="35383"/>
                </a:lnTo>
                <a:lnTo>
                  <a:pt x="15099" y="34966"/>
                </a:lnTo>
                <a:lnTo>
                  <a:pt x="15284" y="34550"/>
                </a:lnTo>
                <a:lnTo>
                  <a:pt x="15562" y="33901"/>
                </a:lnTo>
                <a:lnTo>
                  <a:pt x="15840" y="33207"/>
                </a:lnTo>
                <a:lnTo>
                  <a:pt x="16303" y="31863"/>
                </a:lnTo>
                <a:lnTo>
                  <a:pt x="17136" y="29085"/>
                </a:lnTo>
                <a:lnTo>
                  <a:pt x="17553" y="27788"/>
                </a:lnTo>
                <a:lnTo>
                  <a:pt x="17970" y="26538"/>
                </a:lnTo>
                <a:lnTo>
                  <a:pt x="18155" y="25889"/>
                </a:lnTo>
                <a:lnTo>
                  <a:pt x="18294" y="25241"/>
                </a:lnTo>
                <a:lnTo>
                  <a:pt x="18433" y="24592"/>
                </a:lnTo>
                <a:lnTo>
                  <a:pt x="18479" y="23898"/>
                </a:lnTo>
                <a:lnTo>
                  <a:pt x="18479" y="23620"/>
                </a:lnTo>
                <a:lnTo>
                  <a:pt x="18433" y="23157"/>
                </a:lnTo>
                <a:lnTo>
                  <a:pt x="18340" y="22601"/>
                </a:lnTo>
                <a:lnTo>
                  <a:pt x="18202" y="21999"/>
                </a:lnTo>
                <a:lnTo>
                  <a:pt x="17970" y="21443"/>
                </a:lnTo>
                <a:lnTo>
                  <a:pt x="17831" y="21212"/>
                </a:lnTo>
                <a:lnTo>
                  <a:pt x="17692" y="21026"/>
                </a:lnTo>
                <a:lnTo>
                  <a:pt x="17507" y="20887"/>
                </a:lnTo>
                <a:lnTo>
                  <a:pt x="17322" y="20795"/>
                </a:lnTo>
                <a:lnTo>
                  <a:pt x="17090" y="20841"/>
                </a:lnTo>
                <a:lnTo>
                  <a:pt x="16858" y="20934"/>
                </a:lnTo>
                <a:lnTo>
                  <a:pt x="16442" y="21212"/>
                </a:lnTo>
                <a:lnTo>
                  <a:pt x="16117" y="21490"/>
                </a:lnTo>
                <a:lnTo>
                  <a:pt x="15886" y="21767"/>
                </a:lnTo>
                <a:lnTo>
                  <a:pt x="15701" y="22092"/>
                </a:lnTo>
                <a:lnTo>
                  <a:pt x="15515" y="22416"/>
                </a:lnTo>
                <a:lnTo>
                  <a:pt x="15423" y="22833"/>
                </a:lnTo>
                <a:lnTo>
                  <a:pt x="15191" y="23759"/>
                </a:lnTo>
                <a:lnTo>
                  <a:pt x="14821" y="25195"/>
                </a:lnTo>
                <a:lnTo>
                  <a:pt x="14404" y="26630"/>
                </a:lnTo>
                <a:lnTo>
                  <a:pt x="13524" y="29502"/>
                </a:lnTo>
                <a:lnTo>
                  <a:pt x="12876" y="31771"/>
                </a:lnTo>
                <a:lnTo>
                  <a:pt x="12505" y="32882"/>
                </a:lnTo>
                <a:lnTo>
                  <a:pt x="12274" y="33438"/>
                </a:lnTo>
                <a:lnTo>
                  <a:pt x="12042" y="33994"/>
                </a:lnTo>
                <a:lnTo>
                  <a:pt x="11857" y="34411"/>
                </a:lnTo>
                <a:lnTo>
                  <a:pt x="11579" y="34781"/>
                </a:lnTo>
                <a:lnTo>
                  <a:pt x="11347" y="35105"/>
                </a:lnTo>
                <a:lnTo>
                  <a:pt x="11069" y="35337"/>
                </a:lnTo>
                <a:lnTo>
                  <a:pt x="10745" y="35568"/>
                </a:lnTo>
                <a:lnTo>
                  <a:pt x="10375" y="35707"/>
                </a:lnTo>
                <a:lnTo>
                  <a:pt x="10004" y="35846"/>
                </a:lnTo>
                <a:lnTo>
                  <a:pt x="9587" y="35939"/>
                </a:lnTo>
                <a:lnTo>
                  <a:pt x="9587" y="33716"/>
                </a:lnTo>
                <a:lnTo>
                  <a:pt x="9495" y="31493"/>
                </a:lnTo>
                <a:lnTo>
                  <a:pt x="9310" y="29270"/>
                </a:lnTo>
                <a:lnTo>
                  <a:pt x="9078" y="27047"/>
                </a:lnTo>
                <a:lnTo>
                  <a:pt x="8985" y="26213"/>
                </a:lnTo>
                <a:lnTo>
                  <a:pt x="8939" y="25426"/>
                </a:lnTo>
                <a:lnTo>
                  <a:pt x="8939" y="24639"/>
                </a:lnTo>
                <a:lnTo>
                  <a:pt x="8985" y="23898"/>
                </a:lnTo>
                <a:lnTo>
                  <a:pt x="9171" y="22369"/>
                </a:lnTo>
                <a:lnTo>
                  <a:pt x="9448" y="20749"/>
                </a:lnTo>
                <a:lnTo>
                  <a:pt x="9587" y="19915"/>
                </a:lnTo>
                <a:lnTo>
                  <a:pt x="9680" y="19128"/>
                </a:lnTo>
                <a:lnTo>
                  <a:pt x="9819" y="17460"/>
                </a:lnTo>
                <a:lnTo>
                  <a:pt x="9865" y="15793"/>
                </a:lnTo>
                <a:lnTo>
                  <a:pt x="9865" y="14126"/>
                </a:lnTo>
                <a:lnTo>
                  <a:pt x="9773" y="10513"/>
                </a:lnTo>
                <a:lnTo>
                  <a:pt x="9634" y="6901"/>
                </a:lnTo>
                <a:lnTo>
                  <a:pt x="9587" y="5234"/>
                </a:lnTo>
                <a:lnTo>
                  <a:pt x="9541" y="4400"/>
                </a:lnTo>
                <a:lnTo>
                  <a:pt x="9448" y="3613"/>
                </a:lnTo>
                <a:lnTo>
                  <a:pt x="9310" y="2779"/>
                </a:lnTo>
                <a:lnTo>
                  <a:pt x="9124" y="1992"/>
                </a:lnTo>
                <a:lnTo>
                  <a:pt x="8846" y="1251"/>
                </a:lnTo>
                <a:lnTo>
                  <a:pt x="8661" y="881"/>
                </a:lnTo>
                <a:lnTo>
                  <a:pt x="8430" y="510"/>
                </a:lnTo>
                <a:lnTo>
                  <a:pt x="8244" y="278"/>
                </a:lnTo>
                <a:lnTo>
                  <a:pt x="8013" y="140"/>
                </a:lnTo>
                <a:lnTo>
                  <a:pt x="7735" y="47"/>
                </a:lnTo>
                <a:lnTo>
                  <a:pt x="7457" y="1"/>
                </a:lnTo>
                <a:close/>
              </a:path>
            </a:pathLst>
          </a:custGeom>
          <a:solidFill>
            <a:schemeClr val="lt2"/>
          </a:solidFill>
          <a:ln>
            <a:noFill/>
          </a:ln>
        </p:spPr>
        <p:txBody>
          <a:bodyPr spcFirstLastPara="1" wrap="square" lIns="203167" tIns="203167" rIns="203167" bIns="203167" anchor="ctr" anchorCtr="0">
            <a:noAutofit/>
          </a:bodyPr>
          <a:lstStyle/>
          <a:p>
            <a:pPr marL="0" lvl="0" indent="0" algn="l" rtl="0">
              <a:spcBef>
                <a:spcPts val="0"/>
              </a:spcBef>
              <a:spcAft>
                <a:spcPts val="0"/>
              </a:spcAft>
              <a:buNone/>
            </a:pPr>
            <a:endParaRPr sz="6000"/>
          </a:p>
        </p:txBody>
      </p:sp>
      <p:grpSp>
        <p:nvGrpSpPr>
          <p:cNvPr id="194" name="Google Shape;194;p14"/>
          <p:cNvGrpSpPr/>
          <p:nvPr/>
        </p:nvGrpSpPr>
        <p:grpSpPr>
          <a:xfrm>
            <a:off x="946" y="9868750"/>
            <a:ext cx="20319753" cy="1560682"/>
            <a:chOff x="-42851" y="4313292"/>
            <a:chExt cx="9229725" cy="871349"/>
          </a:xfrm>
        </p:grpSpPr>
        <p:sp>
          <p:nvSpPr>
            <p:cNvPr id="195" name="Google Shape;195;p14"/>
            <p:cNvSpPr/>
            <p:nvPr/>
          </p:nvSpPr>
          <p:spPr>
            <a:xfrm flipH="1">
              <a:off x="-42851" y="4349091"/>
              <a:ext cx="9229725" cy="799841"/>
            </a:xfrm>
            <a:custGeom>
              <a:avLst/>
              <a:gdLst/>
              <a:ahLst/>
              <a:cxnLst/>
              <a:rect l="l" t="t" r="r" b="b"/>
              <a:pathLst>
                <a:path w="285750" h="81326" extrusionOk="0">
                  <a:moveTo>
                    <a:pt x="84150" y="1"/>
                  </a:moveTo>
                  <a:lnTo>
                    <a:pt x="83270" y="47"/>
                  </a:lnTo>
                  <a:lnTo>
                    <a:pt x="82437" y="186"/>
                  </a:lnTo>
                  <a:lnTo>
                    <a:pt x="80723" y="464"/>
                  </a:lnTo>
                  <a:lnTo>
                    <a:pt x="78917" y="835"/>
                  </a:lnTo>
                  <a:lnTo>
                    <a:pt x="77111" y="1205"/>
                  </a:lnTo>
                  <a:lnTo>
                    <a:pt x="75258" y="1668"/>
                  </a:lnTo>
                  <a:lnTo>
                    <a:pt x="73359" y="2178"/>
                  </a:lnTo>
                  <a:lnTo>
                    <a:pt x="71414" y="2687"/>
                  </a:lnTo>
                  <a:lnTo>
                    <a:pt x="67478" y="3845"/>
                  </a:lnTo>
                  <a:lnTo>
                    <a:pt x="63402" y="5095"/>
                  </a:lnTo>
                  <a:lnTo>
                    <a:pt x="59280" y="6438"/>
                  </a:lnTo>
                  <a:lnTo>
                    <a:pt x="51037" y="9217"/>
                  </a:lnTo>
                  <a:lnTo>
                    <a:pt x="46961" y="10606"/>
                  </a:lnTo>
                  <a:lnTo>
                    <a:pt x="42932" y="11950"/>
                  </a:lnTo>
                  <a:lnTo>
                    <a:pt x="39042" y="13154"/>
                  </a:lnTo>
                  <a:lnTo>
                    <a:pt x="35290" y="14265"/>
                  </a:lnTo>
                  <a:lnTo>
                    <a:pt x="33484" y="14775"/>
                  </a:lnTo>
                  <a:lnTo>
                    <a:pt x="31724" y="15238"/>
                  </a:lnTo>
                  <a:lnTo>
                    <a:pt x="30011" y="15655"/>
                  </a:lnTo>
                  <a:lnTo>
                    <a:pt x="28390" y="16025"/>
                  </a:lnTo>
                  <a:lnTo>
                    <a:pt x="26815" y="16349"/>
                  </a:lnTo>
                  <a:lnTo>
                    <a:pt x="25287" y="16627"/>
                  </a:lnTo>
                  <a:lnTo>
                    <a:pt x="23851" y="16812"/>
                  </a:lnTo>
                  <a:lnTo>
                    <a:pt x="22462" y="16951"/>
                  </a:lnTo>
                  <a:lnTo>
                    <a:pt x="19868" y="17183"/>
                  </a:lnTo>
                  <a:lnTo>
                    <a:pt x="17414" y="17368"/>
                  </a:lnTo>
                  <a:lnTo>
                    <a:pt x="15098" y="17646"/>
                  </a:lnTo>
                  <a:lnTo>
                    <a:pt x="12921" y="17878"/>
                  </a:lnTo>
                  <a:lnTo>
                    <a:pt x="9077" y="18433"/>
                  </a:lnTo>
                  <a:lnTo>
                    <a:pt x="5882" y="18896"/>
                  </a:lnTo>
                  <a:lnTo>
                    <a:pt x="3335" y="19360"/>
                  </a:lnTo>
                  <a:lnTo>
                    <a:pt x="1528" y="19730"/>
                  </a:lnTo>
                  <a:lnTo>
                    <a:pt x="0" y="20101"/>
                  </a:lnTo>
                  <a:lnTo>
                    <a:pt x="0" y="81325"/>
                  </a:lnTo>
                  <a:lnTo>
                    <a:pt x="285750" y="81325"/>
                  </a:lnTo>
                  <a:lnTo>
                    <a:pt x="285750" y="16951"/>
                  </a:lnTo>
                  <a:lnTo>
                    <a:pt x="281906" y="16396"/>
                  </a:lnTo>
                  <a:lnTo>
                    <a:pt x="277460" y="15793"/>
                  </a:lnTo>
                  <a:lnTo>
                    <a:pt x="271578" y="15006"/>
                  </a:lnTo>
                  <a:lnTo>
                    <a:pt x="264492" y="14173"/>
                  </a:lnTo>
                  <a:lnTo>
                    <a:pt x="256388" y="13339"/>
                  </a:lnTo>
                  <a:lnTo>
                    <a:pt x="252034" y="12922"/>
                  </a:lnTo>
                  <a:lnTo>
                    <a:pt x="247496" y="12505"/>
                  </a:lnTo>
                  <a:lnTo>
                    <a:pt x="242818" y="12135"/>
                  </a:lnTo>
                  <a:lnTo>
                    <a:pt x="238002" y="11811"/>
                  </a:lnTo>
                  <a:lnTo>
                    <a:pt x="233139" y="11486"/>
                  </a:lnTo>
                  <a:lnTo>
                    <a:pt x="228137" y="11255"/>
                  </a:lnTo>
                  <a:lnTo>
                    <a:pt x="223135" y="11023"/>
                  </a:lnTo>
                  <a:lnTo>
                    <a:pt x="218133" y="10931"/>
                  </a:lnTo>
                  <a:lnTo>
                    <a:pt x="213132" y="10838"/>
                  </a:lnTo>
                  <a:lnTo>
                    <a:pt x="208130" y="10838"/>
                  </a:lnTo>
                  <a:lnTo>
                    <a:pt x="203221" y="10977"/>
                  </a:lnTo>
                  <a:lnTo>
                    <a:pt x="198404" y="11162"/>
                  </a:lnTo>
                  <a:lnTo>
                    <a:pt x="196042" y="11301"/>
                  </a:lnTo>
                  <a:lnTo>
                    <a:pt x="193680" y="11440"/>
                  </a:lnTo>
                  <a:lnTo>
                    <a:pt x="191365" y="11625"/>
                  </a:lnTo>
                  <a:lnTo>
                    <a:pt x="189141" y="11857"/>
                  </a:lnTo>
                  <a:lnTo>
                    <a:pt x="186918" y="12088"/>
                  </a:lnTo>
                  <a:lnTo>
                    <a:pt x="184695" y="12366"/>
                  </a:lnTo>
                  <a:lnTo>
                    <a:pt x="182565" y="12691"/>
                  </a:lnTo>
                  <a:lnTo>
                    <a:pt x="180527" y="13015"/>
                  </a:lnTo>
                  <a:lnTo>
                    <a:pt x="178490" y="13385"/>
                  </a:lnTo>
                  <a:lnTo>
                    <a:pt x="176498" y="13756"/>
                  </a:lnTo>
                  <a:lnTo>
                    <a:pt x="174599" y="14219"/>
                  </a:lnTo>
                  <a:lnTo>
                    <a:pt x="172747" y="14682"/>
                  </a:lnTo>
                  <a:lnTo>
                    <a:pt x="170987" y="15191"/>
                  </a:lnTo>
                  <a:lnTo>
                    <a:pt x="169273" y="15747"/>
                  </a:lnTo>
                  <a:lnTo>
                    <a:pt x="167652" y="16349"/>
                  </a:lnTo>
                  <a:lnTo>
                    <a:pt x="166124" y="16951"/>
                  </a:lnTo>
                  <a:lnTo>
                    <a:pt x="164596" y="17553"/>
                  </a:lnTo>
                  <a:lnTo>
                    <a:pt x="163114" y="18109"/>
                  </a:lnTo>
                  <a:lnTo>
                    <a:pt x="161585" y="18572"/>
                  </a:lnTo>
                  <a:lnTo>
                    <a:pt x="160057" y="18989"/>
                  </a:lnTo>
                  <a:lnTo>
                    <a:pt x="158529" y="19360"/>
                  </a:lnTo>
                  <a:lnTo>
                    <a:pt x="157047" y="19637"/>
                  </a:lnTo>
                  <a:lnTo>
                    <a:pt x="155518" y="19869"/>
                  </a:lnTo>
                  <a:lnTo>
                    <a:pt x="153990" y="20054"/>
                  </a:lnTo>
                  <a:lnTo>
                    <a:pt x="152508" y="20193"/>
                  </a:lnTo>
                  <a:lnTo>
                    <a:pt x="150980" y="20286"/>
                  </a:lnTo>
                  <a:lnTo>
                    <a:pt x="147969" y="20286"/>
                  </a:lnTo>
                  <a:lnTo>
                    <a:pt x="146487" y="20193"/>
                  </a:lnTo>
                  <a:lnTo>
                    <a:pt x="144959" y="20101"/>
                  </a:lnTo>
                  <a:lnTo>
                    <a:pt x="143477" y="19915"/>
                  </a:lnTo>
                  <a:lnTo>
                    <a:pt x="141995" y="19730"/>
                  </a:lnTo>
                  <a:lnTo>
                    <a:pt x="140513" y="19498"/>
                  </a:lnTo>
                  <a:lnTo>
                    <a:pt x="139031" y="19221"/>
                  </a:lnTo>
                  <a:lnTo>
                    <a:pt x="137549" y="18896"/>
                  </a:lnTo>
                  <a:lnTo>
                    <a:pt x="136067" y="18572"/>
                  </a:lnTo>
                  <a:lnTo>
                    <a:pt x="134585" y="18202"/>
                  </a:lnTo>
                  <a:lnTo>
                    <a:pt x="133149" y="17831"/>
                  </a:lnTo>
                  <a:lnTo>
                    <a:pt x="130232" y="16951"/>
                  </a:lnTo>
                  <a:lnTo>
                    <a:pt x="127360" y="15979"/>
                  </a:lnTo>
                  <a:lnTo>
                    <a:pt x="124535" y="14914"/>
                  </a:lnTo>
                  <a:lnTo>
                    <a:pt x="121710" y="13802"/>
                  </a:lnTo>
                  <a:lnTo>
                    <a:pt x="118931" y="12644"/>
                  </a:lnTo>
                  <a:lnTo>
                    <a:pt x="116245" y="11440"/>
                  </a:lnTo>
                  <a:lnTo>
                    <a:pt x="113559" y="10236"/>
                  </a:lnTo>
                  <a:lnTo>
                    <a:pt x="108326" y="7874"/>
                  </a:lnTo>
                  <a:lnTo>
                    <a:pt x="103324" y="5558"/>
                  </a:lnTo>
                  <a:lnTo>
                    <a:pt x="100916" y="4493"/>
                  </a:lnTo>
                  <a:lnTo>
                    <a:pt x="98554" y="3521"/>
                  </a:lnTo>
                  <a:lnTo>
                    <a:pt x="96284" y="2641"/>
                  </a:lnTo>
                  <a:lnTo>
                    <a:pt x="94061" y="1853"/>
                  </a:lnTo>
                  <a:lnTo>
                    <a:pt x="91931" y="1159"/>
                  </a:lnTo>
                  <a:lnTo>
                    <a:pt x="90912" y="881"/>
                  </a:lnTo>
                  <a:lnTo>
                    <a:pt x="89893" y="649"/>
                  </a:lnTo>
                  <a:lnTo>
                    <a:pt x="88874" y="418"/>
                  </a:lnTo>
                  <a:lnTo>
                    <a:pt x="87902" y="279"/>
                  </a:lnTo>
                  <a:lnTo>
                    <a:pt x="86929" y="140"/>
                  </a:lnTo>
                  <a:lnTo>
                    <a:pt x="86003" y="47"/>
                  </a:lnTo>
                  <a:lnTo>
                    <a:pt x="85077" y="1"/>
                  </a:lnTo>
                  <a:close/>
                </a:path>
              </a:pathLst>
            </a:cu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196" name="Google Shape;196;p14"/>
            <p:cNvSpPr/>
            <p:nvPr/>
          </p:nvSpPr>
          <p:spPr>
            <a:xfrm>
              <a:off x="-42610" y="4313292"/>
              <a:ext cx="9229433" cy="799800"/>
            </a:xfrm>
            <a:custGeom>
              <a:avLst/>
              <a:gdLst/>
              <a:ahLst/>
              <a:cxnLst/>
              <a:rect l="l" t="t" r="r" b="b"/>
              <a:pathLst>
                <a:path w="285057" h="22555" extrusionOk="0">
                  <a:moveTo>
                    <a:pt x="1" y="0"/>
                  </a:moveTo>
                  <a:lnTo>
                    <a:pt x="1" y="22554"/>
                  </a:lnTo>
                  <a:lnTo>
                    <a:pt x="285056" y="22554"/>
                  </a:lnTo>
                  <a:lnTo>
                    <a:pt x="285056" y="16904"/>
                  </a:lnTo>
                  <a:lnTo>
                    <a:pt x="281860" y="16673"/>
                  </a:lnTo>
                  <a:lnTo>
                    <a:pt x="273246" y="16117"/>
                  </a:lnTo>
                  <a:lnTo>
                    <a:pt x="267365" y="15654"/>
                  </a:lnTo>
                  <a:lnTo>
                    <a:pt x="260695" y="15144"/>
                  </a:lnTo>
                  <a:lnTo>
                    <a:pt x="253424" y="14496"/>
                  </a:lnTo>
                  <a:lnTo>
                    <a:pt x="245736" y="13801"/>
                  </a:lnTo>
                  <a:lnTo>
                    <a:pt x="237771" y="12968"/>
                  </a:lnTo>
                  <a:lnTo>
                    <a:pt x="229759" y="12088"/>
                  </a:lnTo>
                  <a:lnTo>
                    <a:pt x="225822" y="11625"/>
                  </a:lnTo>
                  <a:lnTo>
                    <a:pt x="221885" y="11115"/>
                  </a:lnTo>
                  <a:lnTo>
                    <a:pt x="218088" y="10606"/>
                  </a:lnTo>
                  <a:lnTo>
                    <a:pt x="214336" y="10050"/>
                  </a:lnTo>
                  <a:lnTo>
                    <a:pt x="210770" y="9494"/>
                  </a:lnTo>
                  <a:lnTo>
                    <a:pt x="207297" y="8892"/>
                  </a:lnTo>
                  <a:lnTo>
                    <a:pt x="204009" y="8290"/>
                  </a:lnTo>
                  <a:lnTo>
                    <a:pt x="200952" y="7688"/>
                  </a:lnTo>
                  <a:lnTo>
                    <a:pt x="198081" y="7040"/>
                  </a:lnTo>
                  <a:lnTo>
                    <a:pt x="195441" y="6391"/>
                  </a:lnTo>
                  <a:lnTo>
                    <a:pt x="193079" y="5697"/>
                  </a:lnTo>
                  <a:lnTo>
                    <a:pt x="192014" y="5326"/>
                  </a:lnTo>
                  <a:lnTo>
                    <a:pt x="190995" y="5002"/>
                  </a:lnTo>
                  <a:lnTo>
                    <a:pt x="190022" y="4632"/>
                  </a:lnTo>
                  <a:lnTo>
                    <a:pt x="189096" y="4354"/>
                  </a:lnTo>
                  <a:lnTo>
                    <a:pt x="188123" y="4030"/>
                  </a:lnTo>
                  <a:lnTo>
                    <a:pt x="187151" y="3798"/>
                  </a:lnTo>
                  <a:lnTo>
                    <a:pt x="186132" y="3566"/>
                  </a:lnTo>
                  <a:lnTo>
                    <a:pt x="185159" y="3381"/>
                  </a:lnTo>
                  <a:lnTo>
                    <a:pt x="183214" y="3057"/>
                  </a:lnTo>
                  <a:lnTo>
                    <a:pt x="181223" y="2872"/>
                  </a:lnTo>
                  <a:lnTo>
                    <a:pt x="179231" y="2733"/>
                  </a:lnTo>
                  <a:lnTo>
                    <a:pt x="177193" y="2733"/>
                  </a:lnTo>
                  <a:lnTo>
                    <a:pt x="175156" y="2779"/>
                  </a:lnTo>
                  <a:lnTo>
                    <a:pt x="173118" y="2918"/>
                  </a:lnTo>
                  <a:lnTo>
                    <a:pt x="171034" y="3103"/>
                  </a:lnTo>
                  <a:lnTo>
                    <a:pt x="168996" y="3381"/>
                  </a:lnTo>
                  <a:lnTo>
                    <a:pt x="166866" y="3705"/>
                  </a:lnTo>
                  <a:lnTo>
                    <a:pt x="164735" y="4076"/>
                  </a:lnTo>
                  <a:lnTo>
                    <a:pt x="162605" y="4493"/>
                  </a:lnTo>
                  <a:lnTo>
                    <a:pt x="160475" y="4956"/>
                  </a:lnTo>
                  <a:lnTo>
                    <a:pt x="158298" y="5465"/>
                  </a:lnTo>
                  <a:lnTo>
                    <a:pt x="153852" y="6484"/>
                  </a:lnTo>
                  <a:lnTo>
                    <a:pt x="149359" y="7596"/>
                  </a:lnTo>
                  <a:lnTo>
                    <a:pt x="144775" y="8707"/>
                  </a:lnTo>
                  <a:lnTo>
                    <a:pt x="140097" y="9772"/>
                  </a:lnTo>
                  <a:lnTo>
                    <a:pt x="137735" y="10282"/>
                  </a:lnTo>
                  <a:lnTo>
                    <a:pt x="135327" y="10745"/>
                  </a:lnTo>
                  <a:lnTo>
                    <a:pt x="132918" y="11162"/>
                  </a:lnTo>
                  <a:lnTo>
                    <a:pt x="130464" y="11532"/>
                  </a:lnTo>
                  <a:lnTo>
                    <a:pt x="127963" y="11903"/>
                  </a:lnTo>
                  <a:lnTo>
                    <a:pt x="125462" y="12180"/>
                  </a:lnTo>
                  <a:lnTo>
                    <a:pt x="122961" y="12366"/>
                  </a:lnTo>
                  <a:lnTo>
                    <a:pt x="120414" y="12505"/>
                  </a:lnTo>
                  <a:lnTo>
                    <a:pt x="117635" y="12597"/>
                  </a:lnTo>
                  <a:lnTo>
                    <a:pt x="114532" y="12597"/>
                  </a:lnTo>
                  <a:lnTo>
                    <a:pt x="111105" y="12505"/>
                  </a:lnTo>
                  <a:lnTo>
                    <a:pt x="107354" y="12319"/>
                  </a:lnTo>
                  <a:lnTo>
                    <a:pt x="103371" y="12088"/>
                  </a:lnTo>
                  <a:lnTo>
                    <a:pt x="99110" y="11810"/>
                  </a:lnTo>
                  <a:lnTo>
                    <a:pt x="94664" y="11486"/>
                  </a:lnTo>
                  <a:lnTo>
                    <a:pt x="90033" y="11069"/>
                  </a:lnTo>
                  <a:lnTo>
                    <a:pt x="85263" y="10606"/>
                  </a:lnTo>
                  <a:lnTo>
                    <a:pt x="80353" y="10143"/>
                  </a:lnTo>
                  <a:lnTo>
                    <a:pt x="70257" y="9078"/>
                  </a:lnTo>
                  <a:lnTo>
                    <a:pt x="60068" y="7920"/>
                  </a:lnTo>
                  <a:lnTo>
                    <a:pt x="49926" y="6716"/>
                  </a:lnTo>
                  <a:lnTo>
                    <a:pt x="40108" y="5465"/>
                  </a:lnTo>
                  <a:lnTo>
                    <a:pt x="30891" y="4261"/>
                  </a:lnTo>
                  <a:lnTo>
                    <a:pt x="22416" y="3150"/>
                  </a:lnTo>
                  <a:lnTo>
                    <a:pt x="14960" y="2131"/>
                  </a:lnTo>
                  <a:lnTo>
                    <a:pt x="4076" y="602"/>
                  </a:lnTo>
                  <a:lnTo>
                    <a:pt x="1" y="0"/>
                  </a:lnTo>
                  <a:close/>
                </a:path>
              </a:pathLst>
            </a:custGeom>
            <a:solidFill>
              <a:schemeClr val="l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197" name="Google Shape;197;p14"/>
            <p:cNvSpPr/>
            <p:nvPr/>
          </p:nvSpPr>
          <p:spPr>
            <a:xfrm>
              <a:off x="-42599" y="4594077"/>
              <a:ext cx="9229433" cy="518989"/>
            </a:xfrm>
            <a:custGeom>
              <a:avLst/>
              <a:gdLst/>
              <a:ahLst/>
              <a:cxnLst/>
              <a:rect l="l" t="t" r="r" b="b"/>
              <a:pathLst>
                <a:path w="285057" h="13941" extrusionOk="0">
                  <a:moveTo>
                    <a:pt x="238141" y="0"/>
                  </a:moveTo>
                  <a:lnTo>
                    <a:pt x="234529" y="47"/>
                  </a:lnTo>
                  <a:lnTo>
                    <a:pt x="230777" y="186"/>
                  </a:lnTo>
                  <a:lnTo>
                    <a:pt x="226933" y="325"/>
                  </a:lnTo>
                  <a:lnTo>
                    <a:pt x="222997" y="602"/>
                  </a:lnTo>
                  <a:lnTo>
                    <a:pt x="218921" y="927"/>
                  </a:lnTo>
                  <a:lnTo>
                    <a:pt x="214799" y="1343"/>
                  </a:lnTo>
                  <a:lnTo>
                    <a:pt x="210585" y="1853"/>
                  </a:lnTo>
                  <a:lnTo>
                    <a:pt x="206278" y="2455"/>
                  </a:lnTo>
                  <a:lnTo>
                    <a:pt x="204009" y="2733"/>
                  </a:lnTo>
                  <a:lnTo>
                    <a:pt x="201647" y="3057"/>
                  </a:lnTo>
                  <a:lnTo>
                    <a:pt x="199053" y="3289"/>
                  </a:lnTo>
                  <a:lnTo>
                    <a:pt x="196367" y="3566"/>
                  </a:lnTo>
                  <a:lnTo>
                    <a:pt x="193542" y="3798"/>
                  </a:lnTo>
                  <a:lnTo>
                    <a:pt x="190578" y="4030"/>
                  </a:lnTo>
                  <a:lnTo>
                    <a:pt x="184279" y="4400"/>
                  </a:lnTo>
                  <a:lnTo>
                    <a:pt x="177518" y="4724"/>
                  </a:lnTo>
                  <a:lnTo>
                    <a:pt x="170386" y="5002"/>
                  </a:lnTo>
                  <a:lnTo>
                    <a:pt x="162883" y="5187"/>
                  </a:lnTo>
                  <a:lnTo>
                    <a:pt x="155056" y="5326"/>
                  </a:lnTo>
                  <a:lnTo>
                    <a:pt x="146998" y="5465"/>
                  </a:lnTo>
                  <a:lnTo>
                    <a:pt x="138708" y="5512"/>
                  </a:lnTo>
                  <a:lnTo>
                    <a:pt x="130232" y="5512"/>
                  </a:lnTo>
                  <a:lnTo>
                    <a:pt x="121711" y="5465"/>
                  </a:lnTo>
                  <a:lnTo>
                    <a:pt x="113050" y="5419"/>
                  </a:lnTo>
                  <a:lnTo>
                    <a:pt x="104436" y="5280"/>
                  </a:lnTo>
                  <a:lnTo>
                    <a:pt x="95776" y="5187"/>
                  </a:lnTo>
                  <a:lnTo>
                    <a:pt x="87254" y="5002"/>
                  </a:lnTo>
                  <a:lnTo>
                    <a:pt x="70581" y="4632"/>
                  </a:lnTo>
                  <a:lnTo>
                    <a:pt x="54789" y="4215"/>
                  </a:lnTo>
                  <a:lnTo>
                    <a:pt x="40293" y="3752"/>
                  </a:lnTo>
                  <a:lnTo>
                    <a:pt x="27418" y="3242"/>
                  </a:lnTo>
                  <a:lnTo>
                    <a:pt x="16534" y="2825"/>
                  </a:lnTo>
                  <a:lnTo>
                    <a:pt x="8105" y="2409"/>
                  </a:lnTo>
                  <a:lnTo>
                    <a:pt x="2455" y="2131"/>
                  </a:lnTo>
                  <a:lnTo>
                    <a:pt x="834" y="1992"/>
                  </a:lnTo>
                  <a:lnTo>
                    <a:pt x="1" y="1946"/>
                  </a:lnTo>
                  <a:lnTo>
                    <a:pt x="1" y="13940"/>
                  </a:lnTo>
                  <a:lnTo>
                    <a:pt x="285056" y="13940"/>
                  </a:lnTo>
                  <a:lnTo>
                    <a:pt x="285056" y="5512"/>
                  </a:lnTo>
                  <a:lnTo>
                    <a:pt x="283574" y="5095"/>
                  </a:lnTo>
                  <a:lnTo>
                    <a:pt x="281768" y="4632"/>
                  </a:lnTo>
                  <a:lnTo>
                    <a:pt x="279267" y="4076"/>
                  </a:lnTo>
                  <a:lnTo>
                    <a:pt x="276118" y="3428"/>
                  </a:lnTo>
                  <a:lnTo>
                    <a:pt x="272366" y="2733"/>
                  </a:lnTo>
                  <a:lnTo>
                    <a:pt x="270236" y="2362"/>
                  </a:lnTo>
                  <a:lnTo>
                    <a:pt x="268013" y="2038"/>
                  </a:lnTo>
                  <a:lnTo>
                    <a:pt x="265605" y="1714"/>
                  </a:lnTo>
                  <a:lnTo>
                    <a:pt x="263057" y="1390"/>
                  </a:lnTo>
                  <a:lnTo>
                    <a:pt x="260371" y="1112"/>
                  </a:lnTo>
                  <a:lnTo>
                    <a:pt x="257593" y="834"/>
                  </a:lnTo>
                  <a:lnTo>
                    <a:pt x="254629" y="602"/>
                  </a:lnTo>
                  <a:lnTo>
                    <a:pt x="251572" y="371"/>
                  </a:lnTo>
                  <a:lnTo>
                    <a:pt x="248423" y="232"/>
                  </a:lnTo>
                  <a:lnTo>
                    <a:pt x="245088" y="93"/>
                  </a:lnTo>
                  <a:lnTo>
                    <a:pt x="241661" y="47"/>
                  </a:lnTo>
                  <a:lnTo>
                    <a:pt x="238141" y="0"/>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198" name="Google Shape;198;p14"/>
            <p:cNvSpPr/>
            <p:nvPr/>
          </p:nvSpPr>
          <p:spPr>
            <a:xfrm flipH="1">
              <a:off x="-42610" y="4743542"/>
              <a:ext cx="9229433" cy="441099"/>
            </a:xfrm>
            <a:custGeom>
              <a:avLst/>
              <a:gdLst/>
              <a:ahLst/>
              <a:cxnLst/>
              <a:rect l="l" t="t" r="r" b="b"/>
              <a:pathLst>
                <a:path w="285057" h="21397" extrusionOk="0">
                  <a:moveTo>
                    <a:pt x="60439" y="1"/>
                  </a:moveTo>
                  <a:lnTo>
                    <a:pt x="57058" y="47"/>
                  </a:lnTo>
                  <a:lnTo>
                    <a:pt x="55530" y="47"/>
                  </a:lnTo>
                  <a:lnTo>
                    <a:pt x="54048" y="140"/>
                  </a:lnTo>
                  <a:lnTo>
                    <a:pt x="52658" y="232"/>
                  </a:lnTo>
                  <a:lnTo>
                    <a:pt x="51362" y="371"/>
                  </a:lnTo>
                  <a:lnTo>
                    <a:pt x="50157" y="510"/>
                  </a:lnTo>
                  <a:lnTo>
                    <a:pt x="49046" y="695"/>
                  </a:lnTo>
                  <a:lnTo>
                    <a:pt x="48073" y="927"/>
                  </a:lnTo>
                  <a:lnTo>
                    <a:pt x="47147" y="1205"/>
                  </a:lnTo>
                  <a:lnTo>
                    <a:pt x="43674" y="2270"/>
                  </a:lnTo>
                  <a:lnTo>
                    <a:pt x="40015" y="3335"/>
                  </a:lnTo>
                  <a:lnTo>
                    <a:pt x="36171" y="4400"/>
                  </a:lnTo>
                  <a:lnTo>
                    <a:pt x="32234" y="5419"/>
                  </a:lnTo>
                  <a:lnTo>
                    <a:pt x="28298" y="6392"/>
                  </a:lnTo>
                  <a:lnTo>
                    <a:pt x="24361" y="7318"/>
                  </a:lnTo>
                  <a:lnTo>
                    <a:pt x="16859" y="9032"/>
                  </a:lnTo>
                  <a:lnTo>
                    <a:pt x="10190" y="10467"/>
                  </a:lnTo>
                  <a:lnTo>
                    <a:pt x="4864" y="11579"/>
                  </a:lnTo>
                  <a:lnTo>
                    <a:pt x="1" y="12551"/>
                  </a:lnTo>
                  <a:lnTo>
                    <a:pt x="1" y="21397"/>
                  </a:lnTo>
                  <a:lnTo>
                    <a:pt x="285056" y="21397"/>
                  </a:lnTo>
                  <a:lnTo>
                    <a:pt x="285056" y="1205"/>
                  </a:lnTo>
                  <a:lnTo>
                    <a:pt x="280934" y="1853"/>
                  </a:lnTo>
                  <a:lnTo>
                    <a:pt x="275840" y="2687"/>
                  </a:lnTo>
                  <a:lnTo>
                    <a:pt x="263382" y="4910"/>
                  </a:lnTo>
                  <a:lnTo>
                    <a:pt x="248700" y="7503"/>
                  </a:lnTo>
                  <a:lnTo>
                    <a:pt x="240874" y="8846"/>
                  </a:lnTo>
                  <a:lnTo>
                    <a:pt x="232861" y="10143"/>
                  </a:lnTo>
                  <a:lnTo>
                    <a:pt x="224849" y="11440"/>
                  </a:lnTo>
                  <a:lnTo>
                    <a:pt x="216884" y="12551"/>
                  </a:lnTo>
                  <a:lnTo>
                    <a:pt x="212993" y="13107"/>
                  </a:lnTo>
                  <a:lnTo>
                    <a:pt x="209196" y="13570"/>
                  </a:lnTo>
                  <a:lnTo>
                    <a:pt x="205491" y="14033"/>
                  </a:lnTo>
                  <a:lnTo>
                    <a:pt x="201878" y="14404"/>
                  </a:lnTo>
                  <a:lnTo>
                    <a:pt x="198405" y="14728"/>
                  </a:lnTo>
                  <a:lnTo>
                    <a:pt x="195070" y="15006"/>
                  </a:lnTo>
                  <a:lnTo>
                    <a:pt x="191875" y="15191"/>
                  </a:lnTo>
                  <a:lnTo>
                    <a:pt x="188864" y="15330"/>
                  </a:lnTo>
                  <a:lnTo>
                    <a:pt x="186039" y="15423"/>
                  </a:lnTo>
                  <a:lnTo>
                    <a:pt x="183446" y="15376"/>
                  </a:lnTo>
                  <a:lnTo>
                    <a:pt x="181037" y="15284"/>
                  </a:lnTo>
                  <a:lnTo>
                    <a:pt x="179926" y="15191"/>
                  </a:lnTo>
                  <a:lnTo>
                    <a:pt x="178907" y="15052"/>
                  </a:lnTo>
                  <a:lnTo>
                    <a:pt x="174044" y="14404"/>
                  </a:lnTo>
                  <a:lnTo>
                    <a:pt x="167746" y="13478"/>
                  </a:lnTo>
                  <a:lnTo>
                    <a:pt x="151721" y="10977"/>
                  </a:lnTo>
                  <a:lnTo>
                    <a:pt x="142366" y="9495"/>
                  </a:lnTo>
                  <a:lnTo>
                    <a:pt x="132455" y="8013"/>
                  </a:lnTo>
                  <a:lnTo>
                    <a:pt x="122128" y="6484"/>
                  </a:lnTo>
                  <a:lnTo>
                    <a:pt x="111661" y="4956"/>
                  </a:lnTo>
                  <a:lnTo>
                    <a:pt x="101194" y="3567"/>
                  </a:lnTo>
                  <a:lnTo>
                    <a:pt x="96053" y="2965"/>
                  </a:lnTo>
                  <a:lnTo>
                    <a:pt x="91005" y="2363"/>
                  </a:lnTo>
                  <a:lnTo>
                    <a:pt x="86096" y="1807"/>
                  </a:lnTo>
                  <a:lnTo>
                    <a:pt x="81280" y="1344"/>
                  </a:lnTo>
                  <a:lnTo>
                    <a:pt x="76695" y="881"/>
                  </a:lnTo>
                  <a:lnTo>
                    <a:pt x="72249" y="556"/>
                  </a:lnTo>
                  <a:lnTo>
                    <a:pt x="68081" y="279"/>
                  </a:lnTo>
                  <a:lnTo>
                    <a:pt x="64098" y="93"/>
                  </a:lnTo>
                  <a:lnTo>
                    <a:pt x="60439" y="1"/>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Tree>
    <p:extLst>
      <p:ext uri="{BB962C8B-B14F-4D97-AF65-F5344CB8AC3E}">
        <p14:creationId xmlns:p14="http://schemas.microsoft.com/office/powerpoint/2010/main" val="209533147"/>
      </p:ext>
    </p:extLst>
  </p:cSld>
  <p:clrMapOvr>
    <a:masterClrMapping/>
  </p:clrMapOvr>
</p:sldLayout>
</file>

<file path=ppt/slideLayouts/slideLayout97.xml><?xml version="1.0" encoding="utf-8"?>
<p:sldLayout xmlns:a="http://schemas.openxmlformats.org/drawingml/2006/main" xmlns:r="http://schemas.openxmlformats.org/officeDocument/2006/relationships" xmlns:p="http://schemas.openxmlformats.org/presentationml/2006/main" matchingName="Section header 2">
  <p:cSld name="Section header 2">
    <p:spTree>
      <p:nvGrpSpPr>
        <p:cNvPr id="1" name="Shape 199"/>
        <p:cNvGrpSpPr/>
        <p:nvPr/>
      </p:nvGrpSpPr>
      <p:grpSpPr>
        <a:xfrm>
          <a:off x="0" y="0"/>
          <a:ext cx="0" cy="0"/>
          <a:chOff x="0" y="0"/>
          <a:chExt cx="0" cy="0"/>
        </a:xfrm>
      </p:grpSpPr>
      <p:pic>
        <p:nvPicPr>
          <p:cNvPr id="200" name="Google Shape;200;p15"/>
          <p:cNvPicPr preferRelativeResize="0"/>
          <p:nvPr/>
        </p:nvPicPr>
        <p:blipFill rotWithShape="1">
          <a:blip r:embed="rId2">
            <a:alphaModFix amt="58999"/>
          </a:blip>
          <a:srcRect/>
          <a:stretch/>
        </p:blipFill>
        <p:spPr>
          <a:xfrm>
            <a:off x="0" y="0"/>
            <a:ext cx="20320000" cy="11430000"/>
          </a:xfrm>
          <a:prstGeom prst="rect">
            <a:avLst/>
          </a:prstGeom>
          <a:noFill/>
          <a:ln>
            <a:noFill/>
          </a:ln>
        </p:spPr>
      </p:pic>
      <p:grpSp>
        <p:nvGrpSpPr>
          <p:cNvPr id="201" name="Google Shape;201;p15"/>
          <p:cNvGrpSpPr/>
          <p:nvPr/>
        </p:nvGrpSpPr>
        <p:grpSpPr>
          <a:xfrm flipH="1">
            <a:off x="946" y="9279018"/>
            <a:ext cx="20319753" cy="2242200"/>
            <a:chOff x="-42862" y="4175650"/>
            <a:chExt cx="9229725" cy="1008990"/>
          </a:xfrm>
        </p:grpSpPr>
        <p:sp>
          <p:nvSpPr>
            <p:cNvPr id="202" name="Google Shape;202;p15"/>
            <p:cNvSpPr/>
            <p:nvPr/>
          </p:nvSpPr>
          <p:spPr>
            <a:xfrm flipH="1">
              <a:off x="-42862" y="4211397"/>
              <a:ext cx="9229725" cy="937485"/>
            </a:xfrm>
            <a:custGeom>
              <a:avLst/>
              <a:gdLst/>
              <a:ahLst/>
              <a:cxnLst/>
              <a:rect l="l" t="t" r="r" b="b"/>
              <a:pathLst>
                <a:path w="285750" h="81326" extrusionOk="0">
                  <a:moveTo>
                    <a:pt x="84150" y="1"/>
                  </a:moveTo>
                  <a:lnTo>
                    <a:pt x="83270" y="47"/>
                  </a:lnTo>
                  <a:lnTo>
                    <a:pt x="82437" y="186"/>
                  </a:lnTo>
                  <a:lnTo>
                    <a:pt x="80723" y="464"/>
                  </a:lnTo>
                  <a:lnTo>
                    <a:pt x="78917" y="835"/>
                  </a:lnTo>
                  <a:lnTo>
                    <a:pt x="77111" y="1205"/>
                  </a:lnTo>
                  <a:lnTo>
                    <a:pt x="75258" y="1668"/>
                  </a:lnTo>
                  <a:lnTo>
                    <a:pt x="73359" y="2178"/>
                  </a:lnTo>
                  <a:lnTo>
                    <a:pt x="71414" y="2687"/>
                  </a:lnTo>
                  <a:lnTo>
                    <a:pt x="67478" y="3845"/>
                  </a:lnTo>
                  <a:lnTo>
                    <a:pt x="63402" y="5095"/>
                  </a:lnTo>
                  <a:lnTo>
                    <a:pt x="59280" y="6438"/>
                  </a:lnTo>
                  <a:lnTo>
                    <a:pt x="51037" y="9217"/>
                  </a:lnTo>
                  <a:lnTo>
                    <a:pt x="46961" y="10606"/>
                  </a:lnTo>
                  <a:lnTo>
                    <a:pt x="42932" y="11950"/>
                  </a:lnTo>
                  <a:lnTo>
                    <a:pt x="39042" y="13154"/>
                  </a:lnTo>
                  <a:lnTo>
                    <a:pt x="35290" y="14265"/>
                  </a:lnTo>
                  <a:lnTo>
                    <a:pt x="33484" y="14775"/>
                  </a:lnTo>
                  <a:lnTo>
                    <a:pt x="31724" y="15238"/>
                  </a:lnTo>
                  <a:lnTo>
                    <a:pt x="30011" y="15655"/>
                  </a:lnTo>
                  <a:lnTo>
                    <a:pt x="28390" y="16025"/>
                  </a:lnTo>
                  <a:lnTo>
                    <a:pt x="26815" y="16349"/>
                  </a:lnTo>
                  <a:lnTo>
                    <a:pt x="25287" y="16627"/>
                  </a:lnTo>
                  <a:lnTo>
                    <a:pt x="23851" y="16812"/>
                  </a:lnTo>
                  <a:lnTo>
                    <a:pt x="22462" y="16951"/>
                  </a:lnTo>
                  <a:lnTo>
                    <a:pt x="19868" y="17183"/>
                  </a:lnTo>
                  <a:lnTo>
                    <a:pt x="17414" y="17368"/>
                  </a:lnTo>
                  <a:lnTo>
                    <a:pt x="15098" y="17646"/>
                  </a:lnTo>
                  <a:lnTo>
                    <a:pt x="12921" y="17878"/>
                  </a:lnTo>
                  <a:lnTo>
                    <a:pt x="9077" y="18433"/>
                  </a:lnTo>
                  <a:lnTo>
                    <a:pt x="5882" y="18896"/>
                  </a:lnTo>
                  <a:lnTo>
                    <a:pt x="3335" y="19360"/>
                  </a:lnTo>
                  <a:lnTo>
                    <a:pt x="1528" y="19730"/>
                  </a:lnTo>
                  <a:lnTo>
                    <a:pt x="0" y="20101"/>
                  </a:lnTo>
                  <a:lnTo>
                    <a:pt x="0" y="81325"/>
                  </a:lnTo>
                  <a:lnTo>
                    <a:pt x="285750" y="81325"/>
                  </a:lnTo>
                  <a:lnTo>
                    <a:pt x="285750" y="16951"/>
                  </a:lnTo>
                  <a:lnTo>
                    <a:pt x="281906" y="16396"/>
                  </a:lnTo>
                  <a:lnTo>
                    <a:pt x="277460" y="15793"/>
                  </a:lnTo>
                  <a:lnTo>
                    <a:pt x="271578" y="15006"/>
                  </a:lnTo>
                  <a:lnTo>
                    <a:pt x="264492" y="14173"/>
                  </a:lnTo>
                  <a:lnTo>
                    <a:pt x="256388" y="13339"/>
                  </a:lnTo>
                  <a:lnTo>
                    <a:pt x="252034" y="12922"/>
                  </a:lnTo>
                  <a:lnTo>
                    <a:pt x="247496" y="12505"/>
                  </a:lnTo>
                  <a:lnTo>
                    <a:pt x="242818" y="12135"/>
                  </a:lnTo>
                  <a:lnTo>
                    <a:pt x="238002" y="11811"/>
                  </a:lnTo>
                  <a:lnTo>
                    <a:pt x="233139" y="11486"/>
                  </a:lnTo>
                  <a:lnTo>
                    <a:pt x="228137" y="11255"/>
                  </a:lnTo>
                  <a:lnTo>
                    <a:pt x="223135" y="11023"/>
                  </a:lnTo>
                  <a:lnTo>
                    <a:pt x="218133" y="10931"/>
                  </a:lnTo>
                  <a:lnTo>
                    <a:pt x="213132" y="10838"/>
                  </a:lnTo>
                  <a:lnTo>
                    <a:pt x="208130" y="10838"/>
                  </a:lnTo>
                  <a:lnTo>
                    <a:pt x="203221" y="10977"/>
                  </a:lnTo>
                  <a:lnTo>
                    <a:pt x="198404" y="11162"/>
                  </a:lnTo>
                  <a:lnTo>
                    <a:pt x="196042" y="11301"/>
                  </a:lnTo>
                  <a:lnTo>
                    <a:pt x="193680" y="11440"/>
                  </a:lnTo>
                  <a:lnTo>
                    <a:pt x="191365" y="11625"/>
                  </a:lnTo>
                  <a:lnTo>
                    <a:pt x="189141" y="11857"/>
                  </a:lnTo>
                  <a:lnTo>
                    <a:pt x="186918" y="12088"/>
                  </a:lnTo>
                  <a:lnTo>
                    <a:pt x="184695" y="12366"/>
                  </a:lnTo>
                  <a:lnTo>
                    <a:pt x="182565" y="12691"/>
                  </a:lnTo>
                  <a:lnTo>
                    <a:pt x="180527" y="13015"/>
                  </a:lnTo>
                  <a:lnTo>
                    <a:pt x="178490" y="13385"/>
                  </a:lnTo>
                  <a:lnTo>
                    <a:pt x="176498" y="13756"/>
                  </a:lnTo>
                  <a:lnTo>
                    <a:pt x="174599" y="14219"/>
                  </a:lnTo>
                  <a:lnTo>
                    <a:pt x="172747" y="14682"/>
                  </a:lnTo>
                  <a:lnTo>
                    <a:pt x="170987" y="15191"/>
                  </a:lnTo>
                  <a:lnTo>
                    <a:pt x="169273" y="15747"/>
                  </a:lnTo>
                  <a:lnTo>
                    <a:pt x="167652" y="16349"/>
                  </a:lnTo>
                  <a:lnTo>
                    <a:pt x="166124" y="16951"/>
                  </a:lnTo>
                  <a:lnTo>
                    <a:pt x="164596" y="17553"/>
                  </a:lnTo>
                  <a:lnTo>
                    <a:pt x="163114" y="18109"/>
                  </a:lnTo>
                  <a:lnTo>
                    <a:pt x="161585" y="18572"/>
                  </a:lnTo>
                  <a:lnTo>
                    <a:pt x="160057" y="18989"/>
                  </a:lnTo>
                  <a:lnTo>
                    <a:pt x="158529" y="19360"/>
                  </a:lnTo>
                  <a:lnTo>
                    <a:pt x="157047" y="19637"/>
                  </a:lnTo>
                  <a:lnTo>
                    <a:pt x="155518" y="19869"/>
                  </a:lnTo>
                  <a:lnTo>
                    <a:pt x="153990" y="20054"/>
                  </a:lnTo>
                  <a:lnTo>
                    <a:pt x="152508" y="20193"/>
                  </a:lnTo>
                  <a:lnTo>
                    <a:pt x="150980" y="20286"/>
                  </a:lnTo>
                  <a:lnTo>
                    <a:pt x="147969" y="20286"/>
                  </a:lnTo>
                  <a:lnTo>
                    <a:pt x="146487" y="20193"/>
                  </a:lnTo>
                  <a:lnTo>
                    <a:pt x="144959" y="20101"/>
                  </a:lnTo>
                  <a:lnTo>
                    <a:pt x="143477" y="19915"/>
                  </a:lnTo>
                  <a:lnTo>
                    <a:pt x="141995" y="19730"/>
                  </a:lnTo>
                  <a:lnTo>
                    <a:pt x="140513" y="19498"/>
                  </a:lnTo>
                  <a:lnTo>
                    <a:pt x="139031" y="19221"/>
                  </a:lnTo>
                  <a:lnTo>
                    <a:pt x="137549" y="18896"/>
                  </a:lnTo>
                  <a:lnTo>
                    <a:pt x="136067" y="18572"/>
                  </a:lnTo>
                  <a:lnTo>
                    <a:pt x="134585" y="18202"/>
                  </a:lnTo>
                  <a:lnTo>
                    <a:pt x="133149" y="17831"/>
                  </a:lnTo>
                  <a:lnTo>
                    <a:pt x="130232" y="16951"/>
                  </a:lnTo>
                  <a:lnTo>
                    <a:pt x="127360" y="15979"/>
                  </a:lnTo>
                  <a:lnTo>
                    <a:pt x="124535" y="14914"/>
                  </a:lnTo>
                  <a:lnTo>
                    <a:pt x="121710" y="13802"/>
                  </a:lnTo>
                  <a:lnTo>
                    <a:pt x="118931" y="12644"/>
                  </a:lnTo>
                  <a:lnTo>
                    <a:pt x="116245" y="11440"/>
                  </a:lnTo>
                  <a:lnTo>
                    <a:pt x="113559" y="10236"/>
                  </a:lnTo>
                  <a:lnTo>
                    <a:pt x="108326" y="7874"/>
                  </a:lnTo>
                  <a:lnTo>
                    <a:pt x="103324" y="5558"/>
                  </a:lnTo>
                  <a:lnTo>
                    <a:pt x="100916" y="4493"/>
                  </a:lnTo>
                  <a:lnTo>
                    <a:pt x="98554" y="3521"/>
                  </a:lnTo>
                  <a:lnTo>
                    <a:pt x="96284" y="2641"/>
                  </a:lnTo>
                  <a:lnTo>
                    <a:pt x="94061" y="1853"/>
                  </a:lnTo>
                  <a:lnTo>
                    <a:pt x="91931" y="1159"/>
                  </a:lnTo>
                  <a:lnTo>
                    <a:pt x="90912" y="881"/>
                  </a:lnTo>
                  <a:lnTo>
                    <a:pt x="89893" y="649"/>
                  </a:lnTo>
                  <a:lnTo>
                    <a:pt x="88874" y="418"/>
                  </a:lnTo>
                  <a:lnTo>
                    <a:pt x="87902" y="279"/>
                  </a:lnTo>
                  <a:lnTo>
                    <a:pt x="86929" y="140"/>
                  </a:lnTo>
                  <a:lnTo>
                    <a:pt x="86003" y="47"/>
                  </a:lnTo>
                  <a:lnTo>
                    <a:pt x="85077" y="1"/>
                  </a:lnTo>
                  <a:close/>
                </a:path>
              </a:pathLst>
            </a:cu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203" name="Google Shape;203;p15"/>
            <p:cNvSpPr/>
            <p:nvPr/>
          </p:nvSpPr>
          <p:spPr>
            <a:xfrm flipH="1">
              <a:off x="-42608" y="4175650"/>
              <a:ext cx="9229433" cy="937442"/>
            </a:xfrm>
            <a:custGeom>
              <a:avLst/>
              <a:gdLst/>
              <a:ahLst/>
              <a:cxnLst/>
              <a:rect l="l" t="t" r="r" b="b"/>
              <a:pathLst>
                <a:path w="285057" h="22555" extrusionOk="0">
                  <a:moveTo>
                    <a:pt x="1" y="0"/>
                  </a:moveTo>
                  <a:lnTo>
                    <a:pt x="1" y="22554"/>
                  </a:lnTo>
                  <a:lnTo>
                    <a:pt x="285056" y="22554"/>
                  </a:lnTo>
                  <a:lnTo>
                    <a:pt x="285056" y="16904"/>
                  </a:lnTo>
                  <a:lnTo>
                    <a:pt x="281860" y="16673"/>
                  </a:lnTo>
                  <a:lnTo>
                    <a:pt x="273246" y="16117"/>
                  </a:lnTo>
                  <a:lnTo>
                    <a:pt x="267365" y="15654"/>
                  </a:lnTo>
                  <a:lnTo>
                    <a:pt x="260695" y="15144"/>
                  </a:lnTo>
                  <a:lnTo>
                    <a:pt x="253424" y="14496"/>
                  </a:lnTo>
                  <a:lnTo>
                    <a:pt x="245736" y="13801"/>
                  </a:lnTo>
                  <a:lnTo>
                    <a:pt x="237771" y="12968"/>
                  </a:lnTo>
                  <a:lnTo>
                    <a:pt x="229759" y="12088"/>
                  </a:lnTo>
                  <a:lnTo>
                    <a:pt x="225822" y="11625"/>
                  </a:lnTo>
                  <a:lnTo>
                    <a:pt x="221885" y="11115"/>
                  </a:lnTo>
                  <a:lnTo>
                    <a:pt x="218088" y="10606"/>
                  </a:lnTo>
                  <a:lnTo>
                    <a:pt x="214336" y="10050"/>
                  </a:lnTo>
                  <a:lnTo>
                    <a:pt x="210770" y="9494"/>
                  </a:lnTo>
                  <a:lnTo>
                    <a:pt x="207297" y="8892"/>
                  </a:lnTo>
                  <a:lnTo>
                    <a:pt x="204009" y="8290"/>
                  </a:lnTo>
                  <a:lnTo>
                    <a:pt x="200952" y="7688"/>
                  </a:lnTo>
                  <a:lnTo>
                    <a:pt x="198081" y="7040"/>
                  </a:lnTo>
                  <a:lnTo>
                    <a:pt x="195441" y="6391"/>
                  </a:lnTo>
                  <a:lnTo>
                    <a:pt x="193079" y="5697"/>
                  </a:lnTo>
                  <a:lnTo>
                    <a:pt x="192014" y="5326"/>
                  </a:lnTo>
                  <a:lnTo>
                    <a:pt x="190995" y="5002"/>
                  </a:lnTo>
                  <a:lnTo>
                    <a:pt x="190022" y="4632"/>
                  </a:lnTo>
                  <a:lnTo>
                    <a:pt x="189096" y="4354"/>
                  </a:lnTo>
                  <a:lnTo>
                    <a:pt x="188123" y="4030"/>
                  </a:lnTo>
                  <a:lnTo>
                    <a:pt x="187151" y="3798"/>
                  </a:lnTo>
                  <a:lnTo>
                    <a:pt x="186132" y="3566"/>
                  </a:lnTo>
                  <a:lnTo>
                    <a:pt x="185159" y="3381"/>
                  </a:lnTo>
                  <a:lnTo>
                    <a:pt x="183214" y="3057"/>
                  </a:lnTo>
                  <a:lnTo>
                    <a:pt x="181223" y="2872"/>
                  </a:lnTo>
                  <a:lnTo>
                    <a:pt x="179231" y="2733"/>
                  </a:lnTo>
                  <a:lnTo>
                    <a:pt x="177193" y="2733"/>
                  </a:lnTo>
                  <a:lnTo>
                    <a:pt x="175156" y="2779"/>
                  </a:lnTo>
                  <a:lnTo>
                    <a:pt x="173118" y="2918"/>
                  </a:lnTo>
                  <a:lnTo>
                    <a:pt x="171034" y="3103"/>
                  </a:lnTo>
                  <a:lnTo>
                    <a:pt x="168996" y="3381"/>
                  </a:lnTo>
                  <a:lnTo>
                    <a:pt x="166866" y="3705"/>
                  </a:lnTo>
                  <a:lnTo>
                    <a:pt x="164735" y="4076"/>
                  </a:lnTo>
                  <a:lnTo>
                    <a:pt x="162605" y="4493"/>
                  </a:lnTo>
                  <a:lnTo>
                    <a:pt x="160475" y="4956"/>
                  </a:lnTo>
                  <a:lnTo>
                    <a:pt x="158298" y="5465"/>
                  </a:lnTo>
                  <a:lnTo>
                    <a:pt x="153852" y="6484"/>
                  </a:lnTo>
                  <a:lnTo>
                    <a:pt x="149359" y="7596"/>
                  </a:lnTo>
                  <a:lnTo>
                    <a:pt x="144775" y="8707"/>
                  </a:lnTo>
                  <a:lnTo>
                    <a:pt x="140097" y="9772"/>
                  </a:lnTo>
                  <a:lnTo>
                    <a:pt x="137735" y="10282"/>
                  </a:lnTo>
                  <a:lnTo>
                    <a:pt x="135327" y="10745"/>
                  </a:lnTo>
                  <a:lnTo>
                    <a:pt x="132918" y="11162"/>
                  </a:lnTo>
                  <a:lnTo>
                    <a:pt x="130464" y="11532"/>
                  </a:lnTo>
                  <a:lnTo>
                    <a:pt x="127963" y="11903"/>
                  </a:lnTo>
                  <a:lnTo>
                    <a:pt x="125462" y="12180"/>
                  </a:lnTo>
                  <a:lnTo>
                    <a:pt x="122961" y="12366"/>
                  </a:lnTo>
                  <a:lnTo>
                    <a:pt x="120414" y="12505"/>
                  </a:lnTo>
                  <a:lnTo>
                    <a:pt x="117635" y="12597"/>
                  </a:lnTo>
                  <a:lnTo>
                    <a:pt x="114532" y="12597"/>
                  </a:lnTo>
                  <a:lnTo>
                    <a:pt x="111105" y="12505"/>
                  </a:lnTo>
                  <a:lnTo>
                    <a:pt x="107354" y="12319"/>
                  </a:lnTo>
                  <a:lnTo>
                    <a:pt x="103371" y="12088"/>
                  </a:lnTo>
                  <a:lnTo>
                    <a:pt x="99110" y="11810"/>
                  </a:lnTo>
                  <a:lnTo>
                    <a:pt x="94664" y="11486"/>
                  </a:lnTo>
                  <a:lnTo>
                    <a:pt x="90033" y="11069"/>
                  </a:lnTo>
                  <a:lnTo>
                    <a:pt x="85263" y="10606"/>
                  </a:lnTo>
                  <a:lnTo>
                    <a:pt x="80353" y="10143"/>
                  </a:lnTo>
                  <a:lnTo>
                    <a:pt x="70257" y="9078"/>
                  </a:lnTo>
                  <a:lnTo>
                    <a:pt x="60068" y="7920"/>
                  </a:lnTo>
                  <a:lnTo>
                    <a:pt x="49926" y="6716"/>
                  </a:lnTo>
                  <a:lnTo>
                    <a:pt x="40108" y="5465"/>
                  </a:lnTo>
                  <a:lnTo>
                    <a:pt x="30891" y="4261"/>
                  </a:lnTo>
                  <a:lnTo>
                    <a:pt x="22416" y="3150"/>
                  </a:lnTo>
                  <a:lnTo>
                    <a:pt x="14960" y="2131"/>
                  </a:lnTo>
                  <a:lnTo>
                    <a:pt x="4076" y="602"/>
                  </a:lnTo>
                  <a:lnTo>
                    <a:pt x="1" y="0"/>
                  </a:lnTo>
                  <a:close/>
                </a:path>
              </a:pathLst>
            </a:custGeom>
            <a:solidFill>
              <a:schemeClr val="l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204" name="Google Shape;204;p15"/>
            <p:cNvSpPr/>
            <p:nvPr/>
          </p:nvSpPr>
          <p:spPr>
            <a:xfrm flipH="1">
              <a:off x="-42608" y="4610670"/>
              <a:ext cx="9229433" cy="502399"/>
            </a:xfrm>
            <a:custGeom>
              <a:avLst/>
              <a:gdLst/>
              <a:ahLst/>
              <a:cxnLst/>
              <a:rect l="l" t="t" r="r" b="b"/>
              <a:pathLst>
                <a:path w="285057" h="13941" extrusionOk="0">
                  <a:moveTo>
                    <a:pt x="238141" y="0"/>
                  </a:moveTo>
                  <a:lnTo>
                    <a:pt x="234529" y="47"/>
                  </a:lnTo>
                  <a:lnTo>
                    <a:pt x="230777" y="186"/>
                  </a:lnTo>
                  <a:lnTo>
                    <a:pt x="226933" y="325"/>
                  </a:lnTo>
                  <a:lnTo>
                    <a:pt x="222997" y="602"/>
                  </a:lnTo>
                  <a:lnTo>
                    <a:pt x="218921" y="927"/>
                  </a:lnTo>
                  <a:lnTo>
                    <a:pt x="214799" y="1343"/>
                  </a:lnTo>
                  <a:lnTo>
                    <a:pt x="210585" y="1853"/>
                  </a:lnTo>
                  <a:lnTo>
                    <a:pt x="206278" y="2455"/>
                  </a:lnTo>
                  <a:lnTo>
                    <a:pt x="204009" y="2733"/>
                  </a:lnTo>
                  <a:lnTo>
                    <a:pt x="201647" y="3057"/>
                  </a:lnTo>
                  <a:lnTo>
                    <a:pt x="199053" y="3289"/>
                  </a:lnTo>
                  <a:lnTo>
                    <a:pt x="196367" y="3566"/>
                  </a:lnTo>
                  <a:lnTo>
                    <a:pt x="193542" y="3798"/>
                  </a:lnTo>
                  <a:lnTo>
                    <a:pt x="190578" y="4030"/>
                  </a:lnTo>
                  <a:lnTo>
                    <a:pt x="184279" y="4400"/>
                  </a:lnTo>
                  <a:lnTo>
                    <a:pt x="177518" y="4724"/>
                  </a:lnTo>
                  <a:lnTo>
                    <a:pt x="170386" y="5002"/>
                  </a:lnTo>
                  <a:lnTo>
                    <a:pt x="162883" y="5187"/>
                  </a:lnTo>
                  <a:lnTo>
                    <a:pt x="155056" y="5326"/>
                  </a:lnTo>
                  <a:lnTo>
                    <a:pt x="146998" y="5465"/>
                  </a:lnTo>
                  <a:lnTo>
                    <a:pt x="138708" y="5512"/>
                  </a:lnTo>
                  <a:lnTo>
                    <a:pt x="130232" y="5512"/>
                  </a:lnTo>
                  <a:lnTo>
                    <a:pt x="121711" y="5465"/>
                  </a:lnTo>
                  <a:lnTo>
                    <a:pt x="113050" y="5419"/>
                  </a:lnTo>
                  <a:lnTo>
                    <a:pt x="104436" y="5280"/>
                  </a:lnTo>
                  <a:lnTo>
                    <a:pt x="95776" y="5187"/>
                  </a:lnTo>
                  <a:lnTo>
                    <a:pt x="87254" y="5002"/>
                  </a:lnTo>
                  <a:lnTo>
                    <a:pt x="70581" y="4632"/>
                  </a:lnTo>
                  <a:lnTo>
                    <a:pt x="54789" y="4215"/>
                  </a:lnTo>
                  <a:lnTo>
                    <a:pt x="40293" y="3752"/>
                  </a:lnTo>
                  <a:lnTo>
                    <a:pt x="27418" y="3242"/>
                  </a:lnTo>
                  <a:lnTo>
                    <a:pt x="16534" y="2825"/>
                  </a:lnTo>
                  <a:lnTo>
                    <a:pt x="8105" y="2409"/>
                  </a:lnTo>
                  <a:lnTo>
                    <a:pt x="2455" y="2131"/>
                  </a:lnTo>
                  <a:lnTo>
                    <a:pt x="834" y="1992"/>
                  </a:lnTo>
                  <a:lnTo>
                    <a:pt x="1" y="1946"/>
                  </a:lnTo>
                  <a:lnTo>
                    <a:pt x="1" y="13940"/>
                  </a:lnTo>
                  <a:lnTo>
                    <a:pt x="285056" y="13940"/>
                  </a:lnTo>
                  <a:lnTo>
                    <a:pt x="285056" y="5512"/>
                  </a:lnTo>
                  <a:lnTo>
                    <a:pt x="283574" y="5095"/>
                  </a:lnTo>
                  <a:lnTo>
                    <a:pt x="281768" y="4632"/>
                  </a:lnTo>
                  <a:lnTo>
                    <a:pt x="279267" y="4076"/>
                  </a:lnTo>
                  <a:lnTo>
                    <a:pt x="276118" y="3428"/>
                  </a:lnTo>
                  <a:lnTo>
                    <a:pt x="272366" y="2733"/>
                  </a:lnTo>
                  <a:lnTo>
                    <a:pt x="270236" y="2362"/>
                  </a:lnTo>
                  <a:lnTo>
                    <a:pt x="268013" y="2038"/>
                  </a:lnTo>
                  <a:lnTo>
                    <a:pt x="265605" y="1714"/>
                  </a:lnTo>
                  <a:lnTo>
                    <a:pt x="263057" y="1390"/>
                  </a:lnTo>
                  <a:lnTo>
                    <a:pt x="260371" y="1112"/>
                  </a:lnTo>
                  <a:lnTo>
                    <a:pt x="257593" y="834"/>
                  </a:lnTo>
                  <a:lnTo>
                    <a:pt x="254629" y="602"/>
                  </a:lnTo>
                  <a:lnTo>
                    <a:pt x="251572" y="371"/>
                  </a:lnTo>
                  <a:lnTo>
                    <a:pt x="248423" y="232"/>
                  </a:lnTo>
                  <a:lnTo>
                    <a:pt x="245088" y="93"/>
                  </a:lnTo>
                  <a:lnTo>
                    <a:pt x="241661" y="47"/>
                  </a:lnTo>
                  <a:lnTo>
                    <a:pt x="238141" y="0"/>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205" name="Google Shape;205;p15"/>
            <p:cNvSpPr/>
            <p:nvPr/>
          </p:nvSpPr>
          <p:spPr>
            <a:xfrm flipH="1">
              <a:off x="-42608" y="4653459"/>
              <a:ext cx="9229433" cy="531181"/>
            </a:xfrm>
            <a:custGeom>
              <a:avLst/>
              <a:gdLst/>
              <a:ahLst/>
              <a:cxnLst/>
              <a:rect l="l" t="t" r="r" b="b"/>
              <a:pathLst>
                <a:path w="285057" h="21397" extrusionOk="0">
                  <a:moveTo>
                    <a:pt x="60439" y="1"/>
                  </a:moveTo>
                  <a:lnTo>
                    <a:pt x="57058" y="47"/>
                  </a:lnTo>
                  <a:lnTo>
                    <a:pt x="55530" y="47"/>
                  </a:lnTo>
                  <a:lnTo>
                    <a:pt x="54048" y="140"/>
                  </a:lnTo>
                  <a:lnTo>
                    <a:pt x="52658" y="232"/>
                  </a:lnTo>
                  <a:lnTo>
                    <a:pt x="51362" y="371"/>
                  </a:lnTo>
                  <a:lnTo>
                    <a:pt x="50157" y="510"/>
                  </a:lnTo>
                  <a:lnTo>
                    <a:pt x="49046" y="695"/>
                  </a:lnTo>
                  <a:lnTo>
                    <a:pt x="48073" y="927"/>
                  </a:lnTo>
                  <a:lnTo>
                    <a:pt x="47147" y="1205"/>
                  </a:lnTo>
                  <a:lnTo>
                    <a:pt x="43674" y="2270"/>
                  </a:lnTo>
                  <a:lnTo>
                    <a:pt x="40015" y="3335"/>
                  </a:lnTo>
                  <a:lnTo>
                    <a:pt x="36171" y="4400"/>
                  </a:lnTo>
                  <a:lnTo>
                    <a:pt x="32234" y="5419"/>
                  </a:lnTo>
                  <a:lnTo>
                    <a:pt x="28298" y="6392"/>
                  </a:lnTo>
                  <a:lnTo>
                    <a:pt x="24361" y="7318"/>
                  </a:lnTo>
                  <a:lnTo>
                    <a:pt x="16859" y="9032"/>
                  </a:lnTo>
                  <a:lnTo>
                    <a:pt x="10190" y="10467"/>
                  </a:lnTo>
                  <a:lnTo>
                    <a:pt x="4864" y="11579"/>
                  </a:lnTo>
                  <a:lnTo>
                    <a:pt x="1" y="12551"/>
                  </a:lnTo>
                  <a:lnTo>
                    <a:pt x="1" y="21397"/>
                  </a:lnTo>
                  <a:lnTo>
                    <a:pt x="285056" y="21397"/>
                  </a:lnTo>
                  <a:lnTo>
                    <a:pt x="285056" y="1205"/>
                  </a:lnTo>
                  <a:lnTo>
                    <a:pt x="280934" y="1853"/>
                  </a:lnTo>
                  <a:lnTo>
                    <a:pt x="275840" y="2687"/>
                  </a:lnTo>
                  <a:lnTo>
                    <a:pt x="263382" y="4910"/>
                  </a:lnTo>
                  <a:lnTo>
                    <a:pt x="248700" y="7503"/>
                  </a:lnTo>
                  <a:lnTo>
                    <a:pt x="240874" y="8846"/>
                  </a:lnTo>
                  <a:lnTo>
                    <a:pt x="232861" y="10143"/>
                  </a:lnTo>
                  <a:lnTo>
                    <a:pt x="224849" y="11440"/>
                  </a:lnTo>
                  <a:lnTo>
                    <a:pt x="216884" y="12551"/>
                  </a:lnTo>
                  <a:lnTo>
                    <a:pt x="212993" y="13107"/>
                  </a:lnTo>
                  <a:lnTo>
                    <a:pt x="209196" y="13570"/>
                  </a:lnTo>
                  <a:lnTo>
                    <a:pt x="205491" y="14033"/>
                  </a:lnTo>
                  <a:lnTo>
                    <a:pt x="201878" y="14404"/>
                  </a:lnTo>
                  <a:lnTo>
                    <a:pt x="198405" y="14728"/>
                  </a:lnTo>
                  <a:lnTo>
                    <a:pt x="195070" y="15006"/>
                  </a:lnTo>
                  <a:lnTo>
                    <a:pt x="191875" y="15191"/>
                  </a:lnTo>
                  <a:lnTo>
                    <a:pt x="188864" y="15330"/>
                  </a:lnTo>
                  <a:lnTo>
                    <a:pt x="186039" y="15423"/>
                  </a:lnTo>
                  <a:lnTo>
                    <a:pt x="183446" y="15376"/>
                  </a:lnTo>
                  <a:lnTo>
                    <a:pt x="181037" y="15284"/>
                  </a:lnTo>
                  <a:lnTo>
                    <a:pt x="179926" y="15191"/>
                  </a:lnTo>
                  <a:lnTo>
                    <a:pt x="178907" y="15052"/>
                  </a:lnTo>
                  <a:lnTo>
                    <a:pt x="174044" y="14404"/>
                  </a:lnTo>
                  <a:lnTo>
                    <a:pt x="167746" y="13478"/>
                  </a:lnTo>
                  <a:lnTo>
                    <a:pt x="151721" y="10977"/>
                  </a:lnTo>
                  <a:lnTo>
                    <a:pt x="142366" y="9495"/>
                  </a:lnTo>
                  <a:lnTo>
                    <a:pt x="132455" y="8013"/>
                  </a:lnTo>
                  <a:lnTo>
                    <a:pt x="122128" y="6484"/>
                  </a:lnTo>
                  <a:lnTo>
                    <a:pt x="111661" y="4956"/>
                  </a:lnTo>
                  <a:lnTo>
                    <a:pt x="101194" y="3567"/>
                  </a:lnTo>
                  <a:lnTo>
                    <a:pt x="96053" y="2965"/>
                  </a:lnTo>
                  <a:lnTo>
                    <a:pt x="91005" y="2363"/>
                  </a:lnTo>
                  <a:lnTo>
                    <a:pt x="86096" y="1807"/>
                  </a:lnTo>
                  <a:lnTo>
                    <a:pt x="81280" y="1344"/>
                  </a:lnTo>
                  <a:lnTo>
                    <a:pt x="76695" y="881"/>
                  </a:lnTo>
                  <a:lnTo>
                    <a:pt x="72249" y="556"/>
                  </a:lnTo>
                  <a:lnTo>
                    <a:pt x="68081" y="279"/>
                  </a:lnTo>
                  <a:lnTo>
                    <a:pt x="64098" y="93"/>
                  </a:lnTo>
                  <a:lnTo>
                    <a:pt x="60439" y="1"/>
                  </a:lnTo>
                  <a:close/>
                </a:path>
              </a:pathLst>
            </a:custGeom>
            <a:solidFill>
              <a:schemeClr val="dk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206" name="Google Shape;206;p15"/>
          <p:cNvSpPr txBox="1">
            <a:spLocks noGrp="1"/>
          </p:cNvSpPr>
          <p:nvPr>
            <p:ph type="title"/>
          </p:nvPr>
        </p:nvSpPr>
        <p:spPr>
          <a:xfrm>
            <a:off x="5385667" y="2506889"/>
            <a:ext cx="12480667" cy="1877333"/>
          </a:xfrm>
          <a:prstGeom prst="rect">
            <a:avLst/>
          </a:prstGeom>
        </p:spPr>
        <p:txBody>
          <a:bodyPr spcFirstLastPara="1" wrap="square" lIns="91425" tIns="91425" rIns="91425" bIns="91425" anchor="b" anchorCtr="0">
            <a:noAutofit/>
          </a:bodyPr>
          <a:lstStyle>
            <a:lvl1pPr lvl="0" algn="l" rtl="0">
              <a:spcBef>
                <a:spcPts val="0"/>
              </a:spcBef>
              <a:spcAft>
                <a:spcPts val="0"/>
              </a:spcAft>
              <a:buSzPts val="3600"/>
              <a:buNone/>
              <a:defRPr sz="10000"/>
            </a:lvl1pPr>
            <a:lvl2pPr lvl="1" algn="ctr" rtl="0">
              <a:spcBef>
                <a:spcPts val="0"/>
              </a:spcBef>
              <a:spcAft>
                <a:spcPts val="0"/>
              </a:spcAft>
              <a:buSzPts val="3600"/>
              <a:buNone/>
              <a:defRPr sz="8000"/>
            </a:lvl2pPr>
            <a:lvl3pPr lvl="2" algn="ctr" rtl="0">
              <a:spcBef>
                <a:spcPts val="0"/>
              </a:spcBef>
              <a:spcAft>
                <a:spcPts val="0"/>
              </a:spcAft>
              <a:buSzPts val="3600"/>
              <a:buNone/>
              <a:defRPr sz="8000"/>
            </a:lvl3pPr>
            <a:lvl4pPr lvl="3" algn="ctr" rtl="0">
              <a:spcBef>
                <a:spcPts val="0"/>
              </a:spcBef>
              <a:spcAft>
                <a:spcPts val="0"/>
              </a:spcAft>
              <a:buSzPts val="3600"/>
              <a:buNone/>
              <a:defRPr sz="8000"/>
            </a:lvl4pPr>
            <a:lvl5pPr lvl="4" algn="ctr" rtl="0">
              <a:spcBef>
                <a:spcPts val="0"/>
              </a:spcBef>
              <a:spcAft>
                <a:spcPts val="0"/>
              </a:spcAft>
              <a:buSzPts val="3600"/>
              <a:buNone/>
              <a:defRPr sz="8000"/>
            </a:lvl5pPr>
            <a:lvl6pPr lvl="5" algn="ctr" rtl="0">
              <a:spcBef>
                <a:spcPts val="0"/>
              </a:spcBef>
              <a:spcAft>
                <a:spcPts val="0"/>
              </a:spcAft>
              <a:buSzPts val="3600"/>
              <a:buNone/>
              <a:defRPr sz="8000"/>
            </a:lvl6pPr>
            <a:lvl7pPr lvl="6" algn="ctr" rtl="0">
              <a:spcBef>
                <a:spcPts val="0"/>
              </a:spcBef>
              <a:spcAft>
                <a:spcPts val="0"/>
              </a:spcAft>
              <a:buSzPts val="3600"/>
              <a:buNone/>
              <a:defRPr sz="8000"/>
            </a:lvl7pPr>
            <a:lvl8pPr lvl="7" algn="ctr" rtl="0">
              <a:spcBef>
                <a:spcPts val="0"/>
              </a:spcBef>
              <a:spcAft>
                <a:spcPts val="0"/>
              </a:spcAft>
              <a:buSzPts val="3600"/>
              <a:buNone/>
              <a:defRPr sz="8000"/>
            </a:lvl8pPr>
            <a:lvl9pPr lvl="8" algn="ctr" rtl="0">
              <a:spcBef>
                <a:spcPts val="0"/>
              </a:spcBef>
              <a:spcAft>
                <a:spcPts val="0"/>
              </a:spcAft>
              <a:buSzPts val="3600"/>
              <a:buNone/>
              <a:defRPr sz="8000"/>
            </a:lvl9pPr>
          </a:lstStyle>
          <a:p>
            <a:endParaRPr/>
          </a:p>
        </p:txBody>
      </p:sp>
      <p:sp>
        <p:nvSpPr>
          <p:cNvPr id="207" name="Google Shape;207;p15"/>
          <p:cNvSpPr txBox="1">
            <a:spLocks noGrp="1"/>
          </p:cNvSpPr>
          <p:nvPr>
            <p:ph type="title" idx="2" hasCustomPrompt="1"/>
          </p:nvPr>
        </p:nvSpPr>
        <p:spPr>
          <a:xfrm>
            <a:off x="2453667" y="2506884"/>
            <a:ext cx="2932000" cy="2066667"/>
          </a:xfrm>
          <a:prstGeom prst="rect">
            <a:avLst/>
          </a:prstGeom>
          <a:noFill/>
        </p:spPr>
        <p:txBody>
          <a:bodyPr spcFirstLastPara="1" wrap="square" lIns="91425" tIns="91425" rIns="91425" bIns="91425" anchor="b" anchorCtr="0">
            <a:noAutofit/>
          </a:bodyPr>
          <a:lstStyle>
            <a:lvl1pPr lvl="0" rtl="0">
              <a:spcBef>
                <a:spcPts val="0"/>
              </a:spcBef>
              <a:spcAft>
                <a:spcPts val="0"/>
              </a:spcAft>
              <a:buClr>
                <a:schemeClr val="lt1"/>
              </a:buClr>
              <a:buSzPts val="6000"/>
              <a:buNone/>
              <a:defRPr sz="13333">
                <a:solidFill>
                  <a:schemeClr val="dk2"/>
                </a:solidFill>
              </a:defRPr>
            </a:lvl1pPr>
            <a:lvl2pPr lvl="1" algn="ctr" rtl="0">
              <a:spcBef>
                <a:spcPts val="0"/>
              </a:spcBef>
              <a:spcAft>
                <a:spcPts val="0"/>
              </a:spcAft>
              <a:buClr>
                <a:schemeClr val="lt1"/>
              </a:buClr>
              <a:buSzPts val="6000"/>
              <a:buNone/>
              <a:defRPr sz="13333">
                <a:solidFill>
                  <a:schemeClr val="lt1"/>
                </a:solidFill>
              </a:defRPr>
            </a:lvl2pPr>
            <a:lvl3pPr lvl="2" algn="ctr" rtl="0">
              <a:spcBef>
                <a:spcPts val="0"/>
              </a:spcBef>
              <a:spcAft>
                <a:spcPts val="0"/>
              </a:spcAft>
              <a:buClr>
                <a:schemeClr val="lt1"/>
              </a:buClr>
              <a:buSzPts val="6000"/>
              <a:buNone/>
              <a:defRPr sz="13333">
                <a:solidFill>
                  <a:schemeClr val="lt1"/>
                </a:solidFill>
              </a:defRPr>
            </a:lvl3pPr>
            <a:lvl4pPr lvl="3" algn="ctr" rtl="0">
              <a:spcBef>
                <a:spcPts val="0"/>
              </a:spcBef>
              <a:spcAft>
                <a:spcPts val="0"/>
              </a:spcAft>
              <a:buClr>
                <a:schemeClr val="lt1"/>
              </a:buClr>
              <a:buSzPts val="6000"/>
              <a:buNone/>
              <a:defRPr sz="13333">
                <a:solidFill>
                  <a:schemeClr val="lt1"/>
                </a:solidFill>
              </a:defRPr>
            </a:lvl4pPr>
            <a:lvl5pPr lvl="4" algn="ctr" rtl="0">
              <a:spcBef>
                <a:spcPts val="0"/>
              </a:spcBef>
              <a:spcAft>
                <a:spcPts val="0"/>
              </a:spcAft>
              <a:buClr>
                <a:schemeClr val="lt1"/>
              </a:buClr>
              <a:buSzPts val="6000"/>
              <a:buNone/>
              <a:defRPr sz="13333">
                <a:solidFill>
                  <a:schemeClr val="lt1"/>
                </a:solidFill>
              </a:defRPr>
            </a:lvl5pPr>
            <a:lvl6pPr lvl="5" algn="ctr" rtl="0">
              <a:spcBef>
                <a:spcPts val="0"/>
              </a:spcBef>
              <a:spcAft>
                <a:spcPts val="0"/>
              </a:spcAft>
              <a:buClr>
                <a:schemeClr val="lt1"/>
              </a:buClr>
              <a:buSzPts val="6000"/>
              <a:buNone/>
              <a:defRPr sz="13333">
                <a:solidFill>
                  <a:schemeClr val="lt1"/>
                </a:solidFill>
              </a:defRPr>
            </a:lvl6pPr>
            <a:lvl7pPr lvl="6" algn="ctr" rtl="0">
              <a:spcBef>
                <a:spcPts val="0"/>
              </a:spcBef>
              <a:spcAft>
                <a:spcPts val="0"/>
              </a:spcAft>
              <a:buClr>
                <a:schemeClr val="lt1"/>
              </a:buClr>
              <a:buSzPts val="6000"/>
              <a:buNone/>
              <a:defRPr sz="13333">
                <a:solidFill>
                  <a:schemeClr val="lt1"/>
                </a:solidFill>
              </a:defRPr>
            </a:lvl7pPr>
            <a:lvl8pPr lvl="7" algn="ctr" rtl="0">
              <a:spcBef>
                <a:spcPts val="0"/>
              </a:spcBef>
              <a:spcAft>
                <a:spcPts val="0"/>
              </a:spcAft>
              <a:buClr>
                <a:schemeClr val="lt1"/>
              </a:buClr>
              <a:buSzPts val="6000"/>
              <a:buNone/>
              <a:defRPr sz="13333">
                <a:solidFill>
                  <a:schemeClr val="lt1"/>
                </a:solidFill>
              </a:defRPr>
            </a:lvl8pPr>
            <a:lvl9pPr lvl="8" algn="ctr" rtl="0">
              <a:spcBef>
                <a:spcPts val="0"/>
              </a:spcBef>
              <a:spcAft>
                <a:spcPts val="0"/>
              </a:spcAft>
              <a:buClr>
                <a:schemeClr val="lt1"/>
              </a:buClr>
              <a:buSzPts val="6000"/>
              <a:buNone/>
              <a:defRPr sz="13333">
                <a:solidFill>
                  <a:schemeClr val="lt1"/>
                </a:solidFill>
              </a:defRPr>
            </a:lvl9pPr>
          </a:lstStyle>
          <a:p>
            <a:r>
              <a:t>xx%</a:t>
            </a:r>
          </a:p>
        </p:txBody>
      </p:sp>
      <p:sp>
        <p:nvSpPr>
          <p:cNvPr id="208" name="Google Shape;208;p15"/>
          <p:cNvSpPr txBox="1">
            <a:spLocks noGrp="1"/>
          </p:cNvSpPr>
          <p:nvPr>
            <p:ph type="subTitle" idx="1"/>
          </p:nvPr>
        </p:nvSpPr>
        <p:spPr>
          <a:xfrm>
            <a:off x="5385667" y="4364445"/>
            <a:ext cx="12480667" cy="833333"/>
          </a:xfrm>
          <a:prstGeom prst="rect">
            <a:avLst/>
          </a:prstGeom>
        </p:spPr>
        <p:txBody>
          <a:bodyPr spcFirstLastPara="1" wrap="square" lIns="91425" tIns="91425" rIns="91425" bIns="91425" anchor="t" anchorCtr="0">
            <a:noAutofit/>
          </a:bodyPr>
          <a:lstStyle>
            <a:lvl1pPr lvl="0" rtl="0">
              <a:lnSpc>
                <a:spcPct val="100000"/>
              </a:lnSpc>
              <a:spcBef>
                <a:spcPts val="0"/>
              </a:spcBef>
              <a:spcAft>
                <a:spcPts val="0"/>
              </a:spcAft>
              <a:buSzPts val="1400"/>
              <a:buNone/>
              <a:defRPr sz="3556"/>
            </a:lvl1pPr>
            <a:lvl2pPr lvl="1" algn="ctr" rtl="0">
              <a:lnSpc>
                <a:spcPct val="100000"/>
              </a:lnSpc>
              <a:spcBef>
                <a:spcPts val="0"/>
              </a:spcBef>
              <a:spcAft>
                <a:spcPts val="0"/>
              </a:spcAft>
              <a:buSzPts val="1400"/>
              <a:buNone/>
              <a:defRPr/>
            </a:lvl2pPr>
            <a:lvl3pPr lvl="2" algn="ctr" rtl="0">
              <a:lnSpc>
                <a:spcPct val="100000"/>
              </a:lnSpc>
              <a:spcBef>
                <a:spcPts val="3556"/>
              </a:spcBef>
              <a:spcAft>
                <a:spcPts val="0"/>
              </a:spcAft>
              <a:buSzPts val="1400"/>
              <a:buNone/>
              <a:defRPr/>
            </a:lvl3pPr>
            <a:lvl4pPr lvl="3" algn="ctr" rtl="0">
              <a:lnSpc>
                <a:spcPct val="100000"/>
              </a:lnSpc>
              <a:spcBef>
                <a:spcPts val="3556"/>
              </a:spcBef>
              <a:spcAft>
                <a:spcPts val="0"/>
              </a:spcAft>
              <a:buSzPts val="1400"/>
              <a:buNone/>
              <a:defRPr/>
            </a:lvl4pPr>
            <a:lvl5pPr lvl="4" algn="ctr" rtl="0">
              <a:lnSpc>
                <a:spcPct val="100000"/>
              </a:lnSpc>
              <a:spcBef>
                <a:spcPts val="3556"/>
              </a:spcBef>
              <a:spcAft>
                <a:spcPts val="0"/>
              </a:spcAft>
              <a:buSzPts val="1400"/>
              <a:buNone/>
              <a:defRPr/>
            </a:lvl5pPr>
            <a:lvl6pPr lvl="5" algn="ctr" rtl="0">
              <a:lnSpc>
                <a:spcPct val="100000"/>
              </a:lnSpc>
              <a:spcBef>
                <a:spcPts val="3556"/>
              </a:spcBef>
              <a:spcAft>
                <a:spcPts val="0"/>
              </a:spcAft>
              <a:buSzPts val="1400"/>
              <a:buNone/>
              <a:defRPr/>
            </a:lvl6pPr>
            <a:lvl7pPr lvl="6" algn="ctr" rtl="0">
              <a:lnSpc>
                <a:spcPct val="100000"/>
              </a:lnSpc>
              <a:spcBef>
                <a:spcPts val="3556"/>
              </a:spcBef>
              <a:spcAft>
                <a:spcPts val="0"/>
              </a:spcAft>
              <a:buSzPts val="1400"/>
              <a:buNone/>
              <a:defRPr/>
            </a:lvl7pPr>
            <a:lvl8pPr lvl="7" algn="ctr" rtl="0">
              <a:lnSpc>
                <a:spcPct val="100000"/>
              </a:lnSpc>
              <a:spcBef>
                <a:spcPts val="3556"/>
              </a:spcBef>
              <a:spcAft>
                <a:spcPts val="0"/>
              </a:spcAft>
              <a:buSzPts val="1400"/>
              <a:buNone/>
              <a:defRPr/>
            </a:lvl8pPr>
            <a:lvl9pPr lvl="8" algn="ctr" rtl="0">
              <a:lnSpc>
                <a:spcPct val="100000"/>
              </a:lnSpc>
              <a:spcBef>
                <a:spcPts val="3556"/>
              </a:spcBef>
              <a:spcAft>
                <a:spcPts val="3556"/>
              </a:spcAft>
              <a:buSzPts val="1400"/>
              <a:buNone/>
              <a:defRPr/>
            </a:lvl9pPr>
          </a:lstStyle>
          <a:p>
            <a:endParaRPr/>
          </a:p>
        </p:txBody>
      </p:sp>
      <p:grpSp>
        <p:nvGrpSpPr>
          <p:cNvPr id="209" name="Google Shape;209;p15"/>
          <p:cNvGrpSpPr/>
          <p:nvPr/>
        </p:nvGrpSpPr>
        <p:grpSpPr>
          <a:xfrm>
            <a:off x="921445" y="681333"/>
            <a:ext cx="18477111" cy="481333"/>
            <a:chOff x="414650" y="306600"/>
            <a:chExt cx="8314700" cy="216600"/>
          </a:xfrm>
        </p:grpSpPr>
        <p:grpSp>
          <p:nvGrpSpPr>
            <p:cNvPr id="210" name="Google Shape;210;p15"/>
            <p:cNvGrpSpPr/>
            <p:nvPr/>
          </p:nvGrpSpPr>
          <p:grpSpPr>
            <a:xfrm>
              <a:off x="713281" y="389286"/>
              <a:ext cx="7717437" cy="51251"/>
              <a:chOff x="450050" y="465475"/>
              <a:chExt cx="8367600" cy="51241"/>
            </a:xfrm>
          </p:grpSpPr>
          <p:cxnSp>
            <p:nvCxnSpPr>
              <p:cNvPr id="211" name="Google Shape;211;p15"/>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212" name="Google Shape;212;p15"/>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213" name="Google Shape;213;p15"/>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214" name="Google Shape;214;p15"/>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215" name="Google Shape;215;p15"/>
          <p:cNvSpPr/>
          <p:nvPr/>
        </p:nvSpPr>
        <p:spPr>
          <a:xfrm>
            <a:off x="618222" y="6436195"/>
            <a:ext cx="1118711" cy="4304611"/>
          </a:xfrm>
          <a:custGeom>
            <a:avLst/>
            <a:gdLst/>
            <a:ahLst/>
            <a:cxnLst/>
            <a:rect l="l" t="t" r="r" b="b"/>
            <a:pathLst>
              <a:path w="24361" h="93737" extrusionOk="0">
                <a:moveTo>
                  <a:pt x="11069" y="0"/>
                </a:moveTo>
                <a:lnTo>
                  <a:pt x="10606" y="47"/>
                </a:lnTo>
                <a:lnTo>
                  <a:pt x="10189" y="139"/>
                </a:lnTo>
                <a:lnTo>
                  <a:pt x="9957" y="232"/>
                </a:lnTo>
                <a:lnTo>
                  <a:pt x="9818" y="371"/>
                </a:lnTo>
                <a:lnTo>
                  <a:pt x="9679" y="510"/>
                </a:lnTo>
                <a:lnTo>
                  <a:pt x="9541" y="649"/>
                </a:lnTo>
                <a:lnTo>
                  <a:pt x="9263" y="1297"/>
                </a:lnTo>
                <a:lnTo>
                  <a:pt x="9031" y="1899"/>
                </a:lnTo>
                <a:lnTo>
                  <a:pt x="8800" y="2548"/>
                </a:lnTo>
                <a:lnTo>
                  <a:pt x="8661" y="3196"/>
                </a:lnTo>
                <a:lnTo>
                  <a:pt x="8522" y="3844"/>
                </a:lnTo>
                <a:lnTo>
                  <a:pt x="8429" y="4539"/>
                </a:lnTo>
                <a:lnTo>
                  <a:pt x="8383" y="5187"/>
                </a:lnTo>
                <a:lnTo>
                  <a:pt x="8336" y="5836"/>
                </a:lnTo>
                <a:lnTo>
                  <a:pt x="8336" y="7179"/>
                </a:lnTo>
                <a:lnTo>
                  <a:pt x="8429" y="8522"/>
                </a:lnTo>
                <a:lnTo>
                  <a:pt x="8661" y="11208"/>
                </a:lnTo>
                <a:lnTo>
                  <a:pt x="8938" y="14172"/>
                </a:lnTo>
                <a:lnTo>
                  <a:pt x="9124" y="17090"/>
                </a:lnTo>
                <a:lnTo>
                  <a:pt x="9216" y="20054"/>
                </a:lnTo>
                <a:lnTo>
                  <a:pt x="9216" y="21489"/>
                </a:lnTo>
                <a:lnTo>
                  <a:pt x="9216" y="22971"/>
                </a:lnTo>
                <a:lnTo>
                  <a:pt x="9124" y="25194"/>
                </a:lnTo>
                <a:lnTo>
                  <a:pt x="8985" y="27417"/>
                </a:lnTo>
                <a:lnTo>
                  <a:pt x="8707" y="31863"/>
                </a:lnTo>
                <a:lnTo>
                  <a:pt x="8383" y="36263"/>
                </a:lnTo>
                <a:lnTo>
                  <a:pt x="8058" y="40709"/>
                </a:lnTo>
                <a:lnTo>
                  <a:pt x="7873" y="40061"/>
                </a:lnTo>
                <a:lnTo>
                  <a:pt x="7595" y="39412"/>
                </a:lnTo>
                <a:lnTo>
                  <a:pt x="7225" y="38857"/>
                </a:lnTo>
                <a:lnTo>
                  <a:pt x="6808" y="38347"/>
                </a:lnTo>
                <a:lnTo>
                  <a:pt x="6669" y="38254"/>
                </a:lnTo>
                <a:lnTo>
                  <a:pt x="6438" y="38208"/>
                </a:lnTo>
                <a:lnTo>
                  <a:pt x="6252" y="38208"/>
                </a:lnTo>
                <a:lnTo>
                  <a:pt x="6160" y="38254"/>
                </a:lnTo>
                <a:lnTo>
                  <a:pt x="6067" y="38347"/>
                </a:lnTo>
                <a:lnTo>
                  <a:pt x="5835" y="38671"/>
                </a:lnTo>
                <a:lnTo>
                  <a:pt x="5650" y="39042"/>
                </a:lnTo>
                <a:lnTo>
                  <a:pt x="5465" y="39412"/>
                </a:lnTo>
                <a:lnTo>
                  <a:pt x="5326" y="39783"/>
                </a:lnTo>
                <a:lnTo>
                  <a:pt x="5233" y="40153"/>
                </a:lnTo>
                <a:lnTo>
                  <a:pt x="5141" y="40570"/>
                </a:lnTo>
                <a:lnTo>
                  <a:pt x="5048" y="41357"/>
                </a:lnTo>
                <a:lnTo>
                  <a:pt x="5048" y="42191"/>
                </a:lnTo>
                <a:lnTo>
                  <a:pt x="5048" y="43025"/>
                </a:lnTo>
                <a:lnTo>
                  <a:pt x="5094" y="44646"/>
                </a:lnTo>
                <a:lnTo>
                  <a:pt x="5141" y="46730"/>
                </a:lnTo>
                <a:lnTo>
                  <a:pt x="5187" y="48814"/>
                </a:lnTo>
                <a:lnTo>
                  <a:pt x="5419" y="52935"/>
                </a:lnTo>
                <a:lnTo>
                  <a:pt x="5511" y="54927"/>
                </a:lnTo>
                <a:lnTo>
                  <a:pt x="5558" y="56965"/>
                </a:lnTo>
                <a:lnTo>
                  <a:pt x="5558" y="56965"/>
                </a:lnTo>
                <a:lnTo>
                  <a:pt x="5326" y="56177"/>
                </a:lnTo>
                <a:lnTo>
                  <a:pt x="5141" y="55436"/>
                </a:lnTo>
                <a:lnTo>
                  <a:pt x="4956" y="54649"/>
                </a:lnTo>
                <a:lnTo>
                  <a:pt x="4817" y="53862"/>
                </a:lnTo>
                <a:lnTo>
                  <a:pt x="4770" y="53074"/>
                </a:lnTo>
                <a:lnTo>
                  <a:pt x="4724" y="52287"/>
                </a:lnTo>
                <a:lnTo>
                  <a:pt x="4678" y="50759"/>
                </a:lnTo>
                <a:lnTo>
                  <a:pt x="4817" y="47656"/>
                </a:lnTo>
                <a:lnTo>
                  <a:pt x="4817" y="45896"/>
                </a:lnTo>
                <a:lnTo>
                  <a:pt x="4770" y="44090"/>
                </a:lnTo>
                <a:lnTo>
                  <a:pt x="4678" y="42330"/>
                </a:lnTo>
                <a:lnTo>
                  <a:pt x="4585" y="40524"/>
                </a:lnTo>
                <a:lnTo>
                  <a:pt x="4261" y="36958"/>
                </a:lnTo>
                <a:lnTo>
                  <a:pt x="4029" y="33392"/>
                </a:lnTo>
                <a:lnTo>
                  <a:pt x="3937" y="31400"/>
                </a:lnTo>
                <a:lnTo>
                  <a:pt x="3844" y="30428"/>
                </a:lnTo>
                <a:lnTo>
                  <a:pt x="3751" y="29918"/>
                </a:lnTo>
                <a:lnTo>
                  <a:pt x="3659" y="29455"/>
                </a:lnTo>
                <a:lnTo>
                  <a:pt x="3520" y="29038"/>
                </a:lnTo>
                <a:lnTo>
                  <a:pt x="3335" y="28621"/>
                </a:lnTo>
                <a:lnTo>
                  <a:pt x="3103" y="28251"/>
                </a:lnTo>
                <a:lnTo>
                  <a:pt x="2779" y="27927"/>
                </a:lnTo>
                <a:lnTo>
                  <a:pt x="2455" y="27649"/>
                </a:lnTo>
                <a:lnTo>
                  <a:pt x="2038" y="27464"/>
                </a:lnTo>
                <a:lnTo>
                  <a:pt x="1528" y="27278"/>
                </a:lnTo>
                <a:lnTo>
                  <a:pt x="973" y="27232"/>
                </a:lnTo>
                <a:lnTo>
                  <a:pt x="648" y="27232"/>
                </a:lnTo>
                <a:lnTo>
                  <a:pt x="463" y="27325"/>
                </a:lnTo>
                <a:lnTo>
                  <a:pt x="278" y="27417"/>
                </a:lnTo>
                <a:lnTo>
                  <a:pt x="139" y="27510"/>
                </a:lnTo>
                <a:lnTo>
                  <a:pt x="46" y="27695"/>
                </a:lnTo>
                <a:lnTo>
                  <a:pt x="0" y="27834"/>
                </a:lnTo>
                <a:lnTo>
                  <a:pt x="0" y="28019"/>
                </a:lnTo>
                <a:lnTo>
                  <a:pt x="232" y="28668"/>
                </a:lnTo>
                <a:lnTo>
                  <a:pt x="324" y="29316"/>
                </a:lnTo>
                <a:lnTo>
                  <a:pt x="417" y="30011"/>
                </a:lnTo>
                <a:lnTo>
                  <a:pt x="463" y="30706"/>
                </a:lnTo>
                <a:lnTo>
                  <a:pt x="463" y="32049"/>
                </a:lnTo>
                <a:lnTo>
                  <a:pt x="463" y="33392"/>
                </a:lnTo>
                <a:lnTo>
                  <a:pt x="556" y="35244"/>
                </a:lnTo>
                <a:lnTo>
                  <a:pt x="648" y="37097"/>
                </a:lnTo>
                <a:lnTo>
                  <a:pt x="648" y="38023"/>
                </a:lnTo>
                <a:lnTo>
                  <a:pt x="648" y="38949"/>
                </a:lnTo>
                <a:lnTo>
                  <a:pt x="648" y="39875"/>
                </a:lnTo>
                <a:lnTo>
                  <a:pt x="556" y="40802"/>
                </a:lnTo>
                <a:lnTo>
                  <a:pt x="371" y="42469"/>
                </a:lnTo>
                <a:lnTo>
                  <a:pt x="232" y="44229"/>
                </a:lnTo>
                <a:lnTo>
                  <a:pt x="139" y="45989"/>
                </a:lnTo>
                <a:lnTo>
                  <a:pt x="93" y="47795"/>
                </a:lnTo>
                <a:lnTo>
                  <a:pt x="93" y="49555"/>
                </a:lnTo>
                <a:lnTo>
                  <a:pt x="185" y="51315"/>
                </a:lnTo>
                <a:lnTo>
                  <a:pt x="324" y="53074"/>
                </a:lnTo>
                <a:lnTo>
                  <a:pt x="556" y="54742"/>
                </a:lnTo>
                <a:lnTo>
                  <a:pt x="695" y="55575"/>
                </a:lnTo>
                <a:lnTo>
                  <a:pt x="880" y="56409"/>
                </a:lnTo>
                <a:lnTo>
                  <a:pt x="1297" y="57984"/>
                </a:lnTo>
                <a:lnTo>
                  <a:pt x="1714" y="59604"/>
                </a:lnTo>
                <a:lnTo>
                  <a:pt x="1899" y="60438"/>
                </a:lnTo>
                <a:lnTo>
                  <a:pt x="2038" y="61272"/>
                </a:lnTo>
                <a:lnTo>
                  <a:pt x="2223" y="62661"/>
                </a:lnTo>
                <a:lnTo>
                  <a:pt x="2408" y="64097"/>
                </a:lnTo>
                <a:lnTo>
                  <a:pt x="2547" y="64791"/>
                </a:lnTo>
                <a:lnTo>
                  <a:pt x="2686" y="65486"/>
                </a:lnTo>
                <a:lnTo>
                  <a:pt x="2918" y="66181"/>
                </a:lnTo>
                <a:lnTo>
                  <a:pt x="3196" y="66829"/>
                </a:lnTo>
                <a:lnTo>
                  <a:pt x="3566" y="67478"/>
                </a:lnTo>
                <a:lnTo>
                  <a:pt x="3983" y="68126"/>
                </a:lnTo>
                <a:lnTo>
                  <a:pt x="4446" y="68682"/>
                </a:lnTo>
                <a:lnTo>
                  <a:pt x="4956" y="69237"/>
                </a:lnTo>
                <a:lnTo>
                  <a:pt x="5511" y="69701"/>
                </a:lnTo>
                <a:lnTo>
                  <a:pt x="6113" y="70164"/>
                </a:lnTo>
                <a:lnTo>
                  <a:pt x="6715" y="70534"/>
                </a:lnTo>
                <a:lnTo>
                  <a:pt x="7364" y="70812"/>
                </a:lnTo>
                <a:lnTo>
                  <a:pt x="7179" y="72572"/>
                </a:lnTo>
                <a:lnTo>
                  <a:pt x="7086" y="73452"/>
                </a:lnTo>
                <a:lnTo>
                  <a:pt x="7040" y="74332"/>
                </a:lnTo>
                <a:lnTo>
                  <a:pt x="7086" y="75767"/>
                </a:lnTo>
                <a:lnTo>
                  <a:pt x="7179" y="77203"/>
                </a:lnTo>
                <a:lnTo>
                  <a:pt x="7317" y="78639"/>
                </a:lnTo>
                <a:lnTo>
                  <a:pt x="7410" y="80075"/>
                </a:lnTo>
                <a:lnTo>
                  <a:pt x="7456" y="81603"/>
                </a:lnTo>
                <a:lnTo>
                  <a:pt x="7456" y="83131"/>
                </a:lnTo>
                <a:lnTo>
                  <a:pt x="7503" y="86188"/>
                </a:lnTo>
                <a:lnTo>
                  <a:pt x="7549" y="87716"/>
                </a:lnTo>
                <a:lnTo>
                  <a:pt x="7642" y="89244"/>
                </a:lnTo>
                <a:lnTo>
                  <a:pt x="7827" y="90773"/>
                </a:lnTo>
                <a:lnTo>
                  <a:pt x="7966" y="91514"/>
                </a:lnTo>
                <a:lnTo>
                  <a:pt x="8151" y="92208"/>
                </a:lnTo>
                <a:lnTo>
                  <a:pt x="8197" y="92440"/>
                </a:lnTo>
                <a:lnTo>
                  <a:pt x="8290" y="92625"/>
                </a:lnTo>
                <a:lnTo>
                  <a:pt x="8522" y="92996"/>
                </a:lnTo>
                <a:lnTo>
                  <a:pt x="8846" y="93274"/>
                </a:lnTo>
                <a:lnTo>
                  <a:pt x="9263" y="93505"/>
                </a:lnTo>
                <a:lnTo>
                  <a:pt x="9679" y="93644"/>
                </a:lnTo>
                <a:lnTo>
                  <a:pt x="10143" y="93737"/>
                </a:lnTo>
                <a:lnTo>
                  <a:pt x="10652" y="93737"/>
                </a:lnTo>
                <a:lnTo>
                  <a:pt x="11161" y="93690"/>
                </a:lnTo>
                <a:lnTo>
                  <a:pt x="11671" y="93598"/>
                </a:lnTo>
                <a:lnTo>
                  <a:pt x="12180" y="93459"/>
                </a:lnTo>
                <a:lnTo>
                  <a:pt x="12643" y="93274"/>
                </a:lnTo>
                <a:lnTo>
                  <a:pt x="13060" y="93042"/>
                </a:lnTo>
                <a:lnTo>
                  <a:pt x="13431" y="92764"/>
                </a:lnTo>
                <a:lnTo>
                  <a:pt x="13709" y="92440"/>
                </a:lnTo>
                <a:lnTo>
                  <a:pt x="13940" y="92116"/>
                </a:lnTo>
                <a:lnTo>
                  <a:pt x="14079" y="91699"/>
                </a:lnTo>
                <a:lnTo>
                  <a:pt x="14218" y="91004"/>
                </a:lnTo>
                <a:lnTo>
                  <a:pt x="14311" y="90310"/>
                </a:lnTo>
                <a:lnTo>
                  <a:pt x="14403" y="88874"/>
                </a:lnTo>
                <a:lnTo>
                  <a:pt x="14450" y="87392"/>
                </a:lnTo>
                <a:lnTo>
                  <a:pt x="14403" y="85910"/>
                </a:lnTo>
                <a:lnTo>
                  <a:pt x="14264" y="82992"/>
                </a:lnTo>
                <a:lnTo>
                  <a:pt x="14218" y="81510"/>
                </a:lnTo>
                <a:lnTo>
                  <a:pt x="14218" y="80075"/>
                </a:lnTo>
                <a:lnTo>
                  <a:pt x="14218" y="78546"/>
                </a:lnTo>
                <a:lnTo>
                  <a:pt x="14311" y="76972"/>
                </a:lnTo>
                <a:lnTo>
                  <a:pt x="14311" y="75443"/>
                </a:lnTo>
                <a:lnTo>
                  <a:pt x="14311" y="74656"/>
                </a:lnTo>
                <a:lnTo>
                  <a:pt x="14264" y="73915"/>
                </a:lnTo>
                <a:lnTo>
                  <a:pt x="14125" y="72711"/>
                </a:lnTo>
                <a:lnTo>
                  <a:pt x="13940" y="71507"/>
                </a:lnTo>
                <a:lnTo>
                  <a:pt x="14403" y="71321"/>
                </a:lnTo>
                <a:lnTo>
                  <a:pt x="14820" y="71136"/>
                </a:lnTo>
                <a:lnTo>
                  <a:pt x="15237" y="70905"/>
                </a:lnTo>
                <a:lnTo>
                  <a:pt x="15654" y="70627"/>
                </a:lnTo>
                <a:lnTo>
                  <a:pt x="16395" y="70025"/>
                </a:lnTo>
                <a:lnTo>
                  <a:pt x="17089" y="69376"/>
                </a:lnTo>
                <a:lnTo>
                  <a:pt x="17738" y="68635"/>
                </a:lnTo>
                <a:lnTo>
                  <a:pt x="18294" y="67848"/>
                </a:lnTo>
                <a:lnTo>
                  <a:pt x="18849" y="66968"/>
                </a:lnTo>
                <a:lnTo>
                  <a:pt x="19313" y="66088"/>
                </a:lnTo>
                <a:lnTo>
                  <a:pt x="19729" y="65162"/>
                </a:lnTo>
                <a:lnTo>
                  <a:pt x="20100" y="64189"/>
                </a:lnTo>
                <a:lnTo>
                  <a:pt x="20424" y="63263"/>
                </a:lnTo>
                <a:lnTo>
                  <a:pt x="20702" y="62291"/>
                </a:lnTo>
                <a:lnTo>
                  <a:pt x="20933" y="61318"/>
                </a:lnTo>
                <a:lnTo>
                  <a:pt x="21119" y="60345"/>
                </a:lnTo>
                <a:lnTo>
                  <a:pt x="21258" y="59419"/>
                </a:lnTo>
                <a:lnTo>
                  <a:pt x="21350" y="58493"/>
                </a:lnTo>
                <a:lnTo>
                  <a:pt x="21628" y="55622"/>
                </a:lnTo>
                <a:lnTo>
                  <a:pt x="21906" y="52797"/>
                </a:lnTo>
                <a:lnTo>
                  <a:pt x="22091" y="51407"/>
                </a:lnTo>
                <a:lnTo>
                  <a:pt x="22277" y="49971"/>
                </a:lnTo>
                <a:lnTo>
                  <a:pt x="22508" y="48582"/>
                </a:lnTo>
                <a:lnTo>
                  <a:pt x="22786" y="47146"/>
                </a:lnTo>
                <a:lnTo>
                  <a:pt x="23064" y="45942"/>
                </a:lnTo>
                <a:lnTo>
                  <a:pt x="23434" y="44738"/>
                </a:lnTo>
                <a:lnTo>
                  <a:pt x="23759" y="43488"/>
                </a:lnTo>
                <a:lnTo>
                  <a:pt x="24083" y="42237"/>
                </a:lnTo>
                <a:lnTo>
                  <a:pt x="24175" y="41635"/>
                </a:lnTo>
                <a:lnTo>
                  <a:pt x="24268" y="41033"/>
                </a:lnTo>
                <a:lnTo>
                  <a:pt x="24361" y="40385"/>
                </a:lnTo>
                <a:lnTo>
                  <a:pt x="24361" y="39783"/>
                </a:lnTo>
                <a:lnTo>
                  <a:pt x="24361" y="39181"/>
                </a:lnTo>
                <a:lnTo>
                  <a:pt x="24268" y="38532"/>
                </a:lnTo>
                <a:lnTo>
                  <a:pt x="24129" y="37930"/>
                </a:lnTo>
                <a:lnTo>
                  <a:pt x="23944" y="37375"/>
                </a:lnTo>
                <a:lnTo>
                  <a:pt x="23897" y="37236"/>
                </a:lnTo>
                <a:lnTo>
                  <a:pt x="23805" y="37189"/>
                </a:lnTo>
                <a:lnTo>
                  <a:pt x="23666" y="37143"/>
                </a:lnTo>
                <a:lnTo>
                  <a:pt x="23573" y="37097"/>
                </a:lnTo>
                <a:lnTo>
                  <a:pt x="23295" y="37097"/>
                </a:lnTo>
                <a:lnTo>
                  <a:pt x="23064" y="37189"/>
                </a:lnTo>
                <a:lnTo>
                  <a:pt x="22647" y="37513"/>
                </a:lnTo>
                <a:lnTo>
                  <a:pt x="22277" y="37838"/>
                </a:lnTo>
                <a:lnTo>
                  <a:pt x="21906" y="38162"/>
                </a:lnTo>
                <a:lnTo>
                  <a:pt x="21582" y="38532"/>
                </a:lnTo>
                <a:lnTo>
                  <a:pt x="20933" y="39273"/>
                </a:lnTo>
                <a:lnTo>
                  <a:pt x="20378" y="40107"/>
                </a:lnTo>
                <a:lnTo>
                  <a:pt x="20378" y="39459"/>
                </a:lnTo>
                <a:lnTo>
                  <a:pt x="20331" y="38764"/>
                </a:lnTo>
                <a:lnTo>
                  <a:pt x="20239" y="38162"/>
                </a:lnTo>
                <a:lnTo>
                  <a:pt x="20100" y="37560"/>
                </a:lnTo>
                <a:lnTo>
                  <a:pt x="19915" y="36958"/>
                </a:lnTo>
                <a:lnTo>
                  <a:pt x="19637" y="36402"/>
                </a:lnTo>
                <a:lnTo>
                  <a:pt x="19266" y="35893"/>
                </a:lnTo>
                <a:lnTo>
                  <a:pt x="18849" y="35383"/>
                </a:lnTo>
                <a:lnTo>
                  <a:pt x="18757" y="35290"/>
                </a:lnTo>
                <a:lnTo>
                  <a:pt x="18618" y="35244"/>
                </a:lnTo>
                <a:lnTo>
                  <a:pt x="18340" y="35152"/>
                </a:lnTo>
                <a:lnTo>
                  <a:pt x="18016" y="35198"/>
                </a:lnTo>
                <a:lnTo>
                  <a:pt x="17877" y="35244"/>
                </a:lnTo>
                <a:lnTo>
                  <a:pt x="17738" y="35290"/>
                </a:lnTo>
                <a:lnTo>
                  <a:pt x="17414" y="35568"/>
                </a:lnTo>
                <a:lnTo>
                  <a:pt x="17136" y="35893"/>
                </a:lnTo>
                <a:lnTo>
                  <a:pt x="16904" y="36170"/>
                </a:lnTo>
                <a:lnTo>
                  <a:pt x="16673" y="36495"/>
                </a:lnTo>
                <a:lnTo>
                  <a:pt x="16256" y="37097"/>
                </a:lnTo>
                <a:lnTo>
                  <a:pt x="15978" y="37791"/>
                </a:lnTo>
                <a:lnTo>
                  <a:pt x="15746" y="38532"/>
                </a:lnTo>
                <a:lnTo>
                  <a:pt x="15607" y="39273"/>
                </a:lnTo>
                <a:lnTo>
                  <a:pt x="15469" y="40061"/>
                </a:lnTo>
                <a:lnTo>
                  <a:pt x="15376" y="40894"/>
                </a:lnTo>
                <a:lnTo>
                  <a:pt x="15144" y="42978"/>
                </a:lnTo>
                <a:lnTo>
                  <a:pt x="15005" y="45062"/>
                </a:lnTo>
                <a:lnTo>
                  <a:pt x="14774" y="49277"/>
                </a:lnTo>
                <a:lnTo>
                  <a:pt x="14728" y="51268"/>
                </a:lnTo>
                <a:lnTo>
                  <a:pt x="14589" y="53260"/>
                </a:lnTo>
                <a:lnTo>
                  <a:pt x="14542" y="54279"/>
                </a:lnTo>
                <a:lnTo>
                  <a:pt x="14403" y="55251"/>
                </a:lnTo>
                <a:lnTo>
                  <a:pt x="14218" y="56224"/>
                </a:lnTo>
                <a:lnTo>
                  <a:pt x="13987" y="57196"/>
                </a:lnTo>
                <a:lnTo>
                  <a:pt x="13801" y="57752"/>
                </a:lnTo>
                <a:lnTo>
                  <a:pt x="13570" y="58261"/>
                </a:lnTo>
                <a:lnTo>
                  <a:pt x="13338" y="58678"/>
                </a:lnTo>
                <a:lnTo>
                  <a:pt x="13060" y="59095"/>
                </a:lnTo>
                <a:lnTo>
                  <a:pt x="12968" y="55853"/>
                </a:lnTo>
                <a:lnTo>
                  <a:pt x="12921" y="52611"/>
                </a:lnTo>
                <a:lnTo>
                  <a:pt x="12875" y="46128"/>
                </a:lnTo>
                <a:lnTo>
                  <a:pt x="12829" y="40477"/>
                </a:lnTo>
                <a:lnTo>
                  <a:pt x="12782" y="34827"/>
                </a:lnTo>
                <a:lnTo>
                  <a:pt x="12551" y="23527"/>
                </a:lnTo>
                <a:lnTo>
                  <a:pt x="12458" y="17877"/>
                </a:lnTo>
                <a:lnTo>
                  <a:pt x="12412" y="12227"/>
                </a:lnTo>
                <a:lnTo>
                  <a:pt x="12412" y="9402"/>
                </a:lnTo>
                <a:lnTo>
                  <a:pt x="12458" y="6530"/>
                </a:lnTo>
                <a:lnTo>
                  <a:pt x="12458" y="5141"/>
                </a:lnTo>
                <a:lnTo>
                  <a:pt x="12458" y="3705"/>
                </a:lnTo>
                <a:lnTo>
                  <a:pt x="12412" y="2316"/>
                </a:lnTo>
                <a:lnTo>
                  <a:pt x="12319" y="927"/>
                </a:lnTo>
                <a:lnTo>
                  <a:pt x="12273" y="695"/>
                </a:lnTo>
                <a:lnTo>
                  <a:pt x="12180" y="510"/>
                </a:lnTo>
                <a:lnTo>
                  <a:pt x="12041" y="371"/>
                </a:lnTo>
                <a:lnTo>
                  <a:pt x="11902" y="232"/>
                </a:lnTo>
                <a:lnTo>
                  <a:pt x="11717" y="139"/>
                </a:lnTo>
                <a:lnTo>
                  <a:pt x="11486" y="47"/>
                </a:lnTo>
                <a:lnTo>
                  <a:pt x="11069" y="0"/>
                </a:lnTo>
                <a:close/>
              </a:path>
            </a:pathLst>
          </a:custGeom>
          <a:solidFill>
            <a:schemeClr val="dk2"/>
          </a:solidFill>
          <a:ln>
            <a:noFill/>
          </a:ln>
        </p:spPr>
        <p:txBody>
          <a:bodyPr spcFirstLastPara="1" wrap="square" lIns="203167" tIns="203167" rIns="203167" bIns="203167" anchor="ctr" anchorCtr="0">
            <a:noAutofit/>
          </a:bodyPr>
          <a:lstStyle/>
          <a:p>
            <a:pPr marL="0" lvl="0" indent="0" algn="l" rtl="0">
              <a:spcBef>
                <a:spcPts val="0"/>
              </a:spcBef>
              <a:spcAft>
                <a:spcPts val="0"/>
              </a:spcAft>
              <a:buNone/>
            </a:pPr>
            <a:endParaRPr sz="6000"/>
          </a:p>
        </p:txBody>
      </p:sp>
    </p:spTree>
    <p:extLst>
      <p:ext uri="{BB962C8B-B14F-4D97-AF65-F5344CB8AC3E}">
        <p14:creationId xmlns:p14="http://schemas.microsoft.com/office/powerpoint/2010/main" val="1936465212"/>
      </p:ext>
    </p:extLst>
  </p:cSld>
  <p:clrMapOvr>
    <a:masterClrMapping/>
  </p:clrMapOvr>
</p:sldLayout>
</file>

<file path=ppt/slideLayouts/slideLayout98.xml><?xml version="1.0" encoding="utf-8"?>
<p:sldLayout xmlns:a="http://schemas.openxmlformats.org/drawingml/2006/main" xmlns:r="http://schemas.openxmlformats.org/officeDocument/2006/relationships" xmlns:p="http://schemas.openxmlformats.org/presentationml/2006/main" matchingName="Quote">
  <p:cSld name="Quote">
    <p:spTree>
      <p:nvGrpSpPr>
        <p:cNvPr id="1" name="Shape 216"/>
        <p:cNvGrpSpPr/>
        <p:nvPr/>
      </p:nvGrpSpPr>
      <p:grpSpPr>
        <a:xfrm>
          <a:off x="0" y="0"/>
          <a:ext cx="0" cy="0"/>
          <a:chOff x="0" y="0"/>
          <a:chExt cx="0" cy="0"/>
        </a:xfrm>
      </p:grpSpPr>
      <p:pic>
        <p:nvPicPr>
          <p:cNvPr id="217" name="Google Shape;217;p16"/>
          <p:cNvPicPr preferRelativeResize="0"/>
          <p:nvPr/>
        </p:nvPicPr>
        <p:blipFill rotWithShape="1">
          <a:blip r:embed="rId2">
            <a:alphaModFix amt="58999"/>
          </a:blip>
          <a:srcRect/>
          <a:stretch/>
        </p:blipFill>
        <p:spPr>
          <a:xfrm>
            <a:off x="0" y="0"/>
            <a:ext cx="20320000" cy="11430000"/>
          </a:xfrm>
          <a:prstGeom prst="rect">
            <a:avLst/>
          </a:prstGeom>
          <a:noFill/>
          <a:ln>
            <a:noFill/>
          </a:ln>
        </p:spPr>
      </p:pic>
      <p:grpSp>
        <p:nvGrpSpPr>
          <p:cNvPr id="218" name="Google Shape;218;p16"/>
          <p:cNvGrpSpPr/>
          <p:nvPr/>
        </p:nvGrpSpPr>
        <p:grpSpPr>
          <a:xfrm>
            <a:off x="921445" y="681333"/>
            <a:ext cx="18477111" cy="481333"/>
            <a:chOff x="414650" y="306600"/>
            <a:chExt cx="8314700" cy="216600"/>
          </a:xfrm>
        </p:grpSpPr>
        <p:grpSp>
          <p:nvGrpSpPr>
            <p:cNvPr id="219" name="Google Shape;219;p16"/>
            <p:cNvGrpSpPr/>
            <p:nvPr/>
          </p:nvGrpSpPr>
          <p:grpSpPr>
            <a:xfrm>
              <a:off x="713281" y="389286"/>
              <a:ext cx="7717437" cy="51251"/>
              <a:chOff x="450050" y="465475"/>
              <a:chExt cx="8367600" cy="51241"/>
            </a:xfrm>
          </p:grpSpPr>
          <p:cxnSp>
            <p:nvCxnSpPr>
              <p:cNvPr id="220" name="Google Shape;220;p16"/>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221" name="Google Shape;221;p16"/>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222" name="Google Shape;222;p16"/>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223" name="Google Shape;223;p16"/>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224" name="Google Shape;224;p16"/>
          <p:cNvSpPr txBox="1">
            <a:spLocks noGrp="1"/>
          </p:cNvSpPr>
          <p:nvPr>
            <p:ph type="title"/>
          </p:nvPr>
        </p:nvSpPr>
        <p:spPr>
          <a:xfrm>
            <a:off x="9045722" y="5979951"/>
            <a:ext cx="9689333" cy="1470667"/>
          </a:xfrm>
          <a:prstGeom prst="rect">
            <a:avLst/>
          </a:prstGeom>
        </p:spPr>
        <p:txBody>
          <a:bodyPr spcFirstLastPara="1" wrap="square" lIns="91425" tIns="91425" rIns="91425" bIns="91425" anchor="t" anchorCtr="0">
            <a:noAutofit/>
          </a:bodyPr>
          <a:lstStyle>
            <a:lvl1pPr lvl="0" algn="r" rtl="0">
              <a:spcBef>
                <a:spcPts val="0"/>
              </a:spcBef>
              <a:spcAft>
                <a:spcPts val="0"/>
              </a:spcAft>
              <a:buSzPts val="3000"/>
              <a:buNone/>
              <a:defRPr/>
            </a:lvl1pPr>
            <a:lvl2pPr lvl="1" algn="ctr" rtl="0">
              <a:spcBef>
                <a:spcPts val="0"/>
              </a:spcBef>
              <a:spcAft>
                <a:spcPts val="0"/>
              </a:spcAft>
              <a:buSzPts val="3000"/>
              <a:buNone/>
              <a:defRPr sz="6667"/>
            </a:lvl2pPr>
            <a:lvl3pPr lvl="2" algn="ctr" rtl="0">
              <a:spcBef>
                <a:spcPts val="0"/>
              </a:spcBef>
              <a:spcAft>
                <a:spcPts val="0"/>
              </a:spcAft>
              <a:buSzPts val="3000"/>
              <a:buNone/>
              <a:defRPr sz="6667"/>
            </a:lvl3pPr>
            <a:lvl4pPr lvl="3" algn="ctr" rtl="0">
              <a:spcBef>
                <a:spcPts val="0"/>
              </a:spcBef>
              <a:spcAft>
                <a:spcPts val="0"/>
              </a:spcAft>
              <a:buSzPts val="3000"/>
              <a:buNone/>
              <a:defRPr sz="6667"/>
            </a:lvl4pPr>
            <a:lvl5pPr lvl="4" algn="ctr" rtl="0">
              <a:spcBef>
                <a:spcPts val="0"/>
              </a:spcBef>
              <a:spcAft>
                <a:spcPts val="0"/>
              </a:spcAft>
              <a:buSzPts val="3000"/>
              <a:buNone/>
              <a:defRPr sz="6667"/>
            </a:lvl5pPr>
            <a:lvl6pPr lvl="5" algn="ctr" rtl="0">
              <a:spcBef>
                <a:spcPts val="0"/>
              </a:spcBef>
              <a:spcAft>
                <a:spcPts val="0"/>
              </a:spcAft>
              <a:buSzPts val="3000"/>
              <a:buNone/>
              <a:defRPr sz="6667"/>
            </a:lvl6pPr>
            <a:lvl7pPr lvl="6" algn="ctr" rtl="0">
              <a:spcBef>
                <a:spcPts val="0"/>
              </a:spcBef>
              <a:spcAft>
                <a:spcPts val="0"/>
              </a:spcAft>
              <a:buSzPts val="3000"/>
              <a:buNone/>
              <a:defRPr sz="6667"/>
            </a:lvl7pPr>
            <a:lvl8pPr lvl="7" algn="ctr" rtl="0">
              <a:spcBef>
                <a:spcPts val="0"/>
              </a:spcBef>
              <a:spcAft>
                <a:spcPts val="0"/>
              </a:spcAft>
              <a:buSzPts val="3000"/>
              <a:buNone/>
              <a:defRPr sz="6667"/>
            </a:lvl8pPr>
            <a:lvl9pPr lvl="8" algn="ctr" rtl="0">
              <a:spcBef>
                <a:spcPts val="0"/>
              </a:spcBef>
              <a:spcAft>
                <a:spcPts val="0"/>
              </a:spcAft>
              <a:buSzPts val="3000"/>
              <a:buNone/>
              <a:defRPr sz="6667"/>
            </a:lvl9pPr>
          </a:lstStyle>
          <a:p>
            <a:endParaRPr/>
          </a:p>
        </p:txBody>
      </p:sp>
      <p:sp>
        <p:nvSpPr>
          <p:cNvPr id="225" name="Google Shape;225;p16"/>
          <p:cNvSpPr txBox="1">
            <a:spLocks noGrp="1"/>
          </p:cNvSpPr>
          <p:nvPr>
            <p:ph type="subTitle" idx="1"/>
          </p:nvPr>
        </p:nvSpPr>
        <p:spPr>
          <a:xfrm>
            <a:off x="3865722" y="2448862"/>
            <a:ext cx="14869333" cy="3285333"/>
          </a:xfrm>
          <a:prstGeom prst="rect">
            <a:avLst/>
          </a:prstGeom>
        </p:spPr>
        <p:txBody>
          <a:bodyPr spcFirstLastPara="1" wrap="square" lIns="91425" tIns="91425" rIns="91425" bIns="91425" anchor="b" anchorCtr="0">
            <a:noAutofit/>
          </a:bodyPr>
          <a:lstStyle>
            <a:lvl1pPr lvl="0" algn="r" rtl="0">
              <a:lnSpc>
                <a:spcPct val="100000"/>
              </a:lnSpc>
              <a:spcBef>
                <a:spcPts val="0"/>
              </a:spcBef>
              <a:spcAft>
                <a:spcPts val="0"/>
              </a:spcAft>
              <a:buSzPts val="3000"/>
              <a:buNone/>
              <a:defRPr sz="6667"/>
            </a:lvl1pPr>
            <a:lvl2pPr lvl="1" algn="ctr" rtl="0">
              <a:lnSpc>
                <a:spcPct val="100000"/>
              </a:lnSpc>
              <a:spcBef>
                <a:spcPts val="0"/>
              </a:spcBef>
              <a:spcAft>
                <a:spcPts val="0"/>
              </a:spcAft>
              <a:buSzPts val="3000"/>
              <a:buNone/>
              <a:defRPr sz="6667"/>
            </a:lvl2pPr>
            <a:lvl3pPr lvl="2" algn="ctr" rtl="0">
              <a:lnSpc>
                <a:spcPct val="100000"/>
              </a:lnSpc>
              <a:spcBef>
                <a:spcPts val="3556"/>
              </a:spcBef>
              <a:spcAft>
                <a:spcPts val="0"/>
              </a:spcAft>
              <a:buSzPts val="3000"/>
              <a:buNone/>
              <a:defRPr sz="6667"/>
            </a:lvl3pPr>
            <a:lvl4pPr lvl="3" algn="ctr" rtl="0">
              <a:lnSpc>
                <a:spcPct val="100000"/>
              </a:lnSpc>
              <a:spcBef>
                <a:spcPts val="3556"/>
              </a:spcBef>
              <a:spcAft>
                <a:spcPts val="0"/>
              </a:spcAft>
              <a:buSzPts val="3000"/>
              <a:buNone/>
              <a:defRPr sz="6667"/>
            </a:lvl4pPr>
            <a:lvl5pPr lvl="4" algn="ctr" rtl="0">
              <a:lnSpc>
                <a:spcPct val="100000"/>
              </a:lnSpc>
              <a:spcBef>
                <a:spcPts val="3556"/>
              </a:spcBef>
              <a:spcAft>
                <a:spcPts val="0"/>
              </a:spcAft>
              <a:buSzPts val="3000"/>
              <a:buNone/>
              <a:defRPr sz="6667"/>
            </a:lvl5pPr>
            <a:lvl6pPr lvl="5" algn="ctr" rtl="0">
              <a:lnSpc>
                <a:spcPct val="100000"/>
              </a:lnSpc>
              <a:spcBef>
                <a:spcPts val="3556"/>
              </a:spcBef>
              <a:spcAft>
                <a:spcPts val="0"/>
              </a:spcAft>
              <a:buSzPts val="3000"/>
              <a:buNone/>
              <a:defRPr sz="6667"/>
            </a:lvl6pPr>
            <a:lvl7pPr lvl="6" algn="ctr" rtl="0">
              <a:lnSpc>
                <a:spcPct val="100000"/>
              </a:lnSpc>
              <a:spcBef>
                <a:spcPts val="3556"/>
              </a:spcBef>
              <a:spcAft>
                <a:spcPts val="0"/>
              </a:spcAft>
              <a:buSzPts val="3000"/>
              <a:buNone/>
              <a:defRPr sz="6667"/>
            </a:lvl7pPr>
            <a:lvl8pPr lvl="7" algn="ctr" rtl="0">
              <a:lnSpc>
                <a:spcPct val="100000"/>
              </a:lnSpc>
              <a:spcBef>
                <a:spcPts val="3556"/>
              </a:spcBef>
              <a:spcAft>
                <a:spcPts val="0"/>
              </a:spcAft>
              <a:buSzPts val="3000"/>
              <a:buNone/>
              <a:defRPr sz="6667"/>
            </a:lvl8pPr>
            <a:lvl9pPr lvl="8" algn="ctr" rtl="0">
              <a:lnSpc>
                <a:spcPct val="100000"/>
              </a:lnSpc>
              <a:spcBef>
                <a:spcPts val="3556"/>
              </a:spcBef>
              <a:spcAft>
                <a:spcPts val="3556"/>
              </a:spcAft>
              <a:buSzPts val="3000"/>
              <a:buNone/>
              <a:defRPr sz="6667"/>
            </a:lvl9pPr>
          </a:lstStyle>
          <a:p>
            <a:endParaRPr/>
          </a:p>
        </p:txBody>
      </p:sp>
      <p:sp>
        <p:nvSpPr>
          <p:cNvPr id="226" name="Google Shape;226;p16"/>
          <p:cNvSpPr/>
          <p:nvPr/>
        </p:nvSpPr>
        <p:spPr>
          <a:xfrm flipH="1">
            <a:off x="352342" y="6607402"/>
            <a:ext cx="766742" cy="3741920"/>
          </a:xfrm>
          <a:custGeom>
            <a:avLst/>
            <a:gdLst/>
            <a:ahLst/>
            <a:cxnLst/>
            <a:rect l="l" t="t" r="r" b="b"/>
            <a:pathLst>
              <a:path w="16256" h="79334" extrusionOk="0">
                <a:moveTo>
                  <a:pt x="7457" y="1"/>
                </a:moveTo>
                <a:lnTo>
                  <a:pt x="7179" y="93"/>
                </a:lnTo>
                <a:lnTo>
                  <a:pt x="6901" y="186"/>
                </a:lnTo>
                <a:lnTo>
                  <a:pt x="6762" y="371"/>
                </a:lnTo>
                <a:lnTo>
                  <a:pt x="6669" y="510"/>
                </a:lnTo>
                <a:lnTo>
                  <a:pt x="6669" y="649"/>
                </a:lnTo>
                <a:lnTo>
                  <a:pt x="6391" y="2455"/>
                </a:lnTo>
                <a:lnTo>
                  <a:pt x="6160" y="4261"/>
                </a:lnTo>
                <a:lnTo>
                  <a:pt x="5975" y="6114"/>
                </a:lnTo>
                <a:lnTo>
                  <a:pt x="5882" y="7966"/>
                </a:lnTo>
                <a:lnTo>
                  <a:pt x="5836" y="10560"/>
                </a:lnTo>
                <a:lnTo>
                  <a:pt x="5882" y="13153"/>
                </a:lnTo>
                <a:lnTo>
                  <a:pt x="5975" y="15747"/>
                </a:lnTo>
                <a:lnTo>
                  <a:pt x="6113" y="18340"/>
                </a:lnTo>
                <a:lnTo>
                  <a:pt x="6484" y="23620"/>
                </a:lnTo>
                <a:lnTo>
                  <a:pt x="6762" y="28946"/>
                </a:lnTo>
                <a:lnTo>
                  <a:pt x="6901" y="31586"/>
                </a:lnTo>
                <a:lnTo>
                  <a:pt x="6993" y="34226"/>
                </a:lnTo>
                <a:lnTo>
                  <a:pt x="7040" y="36912"/>
                </a:lnTo>
                <a:lnTo>
                  <a:pt x="7086" y="39551"/>
                </a:lnTo>
                <a:lnTo>
                  <a:pt x="7040" y="41635"/>
                </a:lnTo>
                <a:lnTo>
                  <a:pt x="6993" y="43673"/>
                </a:lnTo>
                <a:lnTo>
                  <a:pt x="6854" y="45757"/>
                </a:lnTo>
                <a:lnTo>
                  <a:pt x="6716" y="47795"/>
                </a:lnTo>
                <a:lnTo>
                  <a:pt x="6391" y="51917"/>
                </a:lnTo>
                <a:lnTo>
                  <a:pt x="6067" y="56039"/>
                </a:lnTo>
                <a:lnTo>
                  <a:pt x="5743" y="55807"/>
                </a:lnTo>
                <a:lnTo>
                  <a:pt x="5465" y="55529"/>
                </a:lnTo>
                <a:lnTo>
                  <a:pt x="5187" y="55251"/>
                </a:lnTo>
                <a:lnTo>
                  <a:pt x="4956" y="54927"/>
                </a:lnTo>
                <a:lnTo>
                  <a:pt x="4539" y="54232"/>
                </a:lnTo>
                <a:lnTo>
                  <a:pt x="4307" y="53723"/>
                </a:lnTo>
                <a:lnTo>
                  <a:pt x="4215" y="53353"/>
                </a:lnTo>
                <a:lnTo>
                  <a:pt x="4122" y="52982"/>
                </a:lnTo>
                <a:lnTo>
                  <a:pt x="4076" y="52241"/>
                </a:lnTo>
                <a:lnTo>
                  <a:pt x="4029" y="51454"/>
                </a:lnTo>
                <a:lnTo>
                  <a:pt x="4029" y="50713"/>
                </a:lnTo>
                <a:lnTo>
                  <a:pt x="3983" y="48073"/>
                </a:lnTo>
                <a:lnTo>
                  <a:pt x="4029" y="45479"/>
                </a:lnTo>
                <a:lnTo>
                  <a:pt x="4076" y="43117"/>
                </a:lnTo>
                <a:lnTo>
                  <a:pt x="4122" y="41960"/>
                </a:lnTo>
                <a:lnTo>
                  <a:pt x="4076" y="40802"/>
                </a:lnTo>
                <a:lnTo>
                  <a:pt x="4076" y="39644"/>
                </a:lnTo>
                <a:lnTo>
                  <a:pt x="3937" y="38486"/>
                </a:lnTo>
                <a:lnTo>
                  <a:pt x="3798" y="37328"/>
                </a:lnTo>
                <a:lnTo>
                  <a:pt x="3566" y="36171"/>
                </a:lnTo>
                <a:lnTo>
                  <a:pt x="3474" y="35939"/>
                </a:lnTo>
                <a:lnTo>
                  <a:pt x="3288" y="35754"/>
                </a:lnTo>
                <a:lnTo>
                  <a:pt x="3103" y="35569"/>
                </a:lnTo>
                <a:lnTo>
                  <a:pt x="2825" y="35476"/>
                </a:lnTo>
                <a:lnTo>
                  <a:pt x="2547" y="35383"/>
                </a:lnTo>
                <a:lnTo>
                  <a:pt x="2223" y="35337"/>
                </a:lnTo>
                <a:lnTo>
                  <a:pt x="1899" y="35291"/>
                </a:lnTo>
                <a:lnTo>
                  <a:pt x="1575" y="35291"/>
                </a:lnTo>
                <a:lnTo>
                  <a:pt x="1251" y="35337"/>
                </a:lnTo>
                <a:lnTo>
                  <a:pt x="926" y="35430"/>
                </a:lnTo>
                <a:lnTo>
                  <a:pt x="649" y="35522"/>
                </a:lnTo>
                <a:lnTo>
                  <a:pt x="371" y="35661"/>
                </a:lnTo>
                <a:lnTo>
                  <a:pt x="185" y="35800"/>
                </a:lnTo>
                <a:lnTo>
                  <a:pt x="46" y="36032"/>
                </a:lnTo>
                <a:lnTo>
                  <a:pt x="0" y="36217"/>
                </a:lnTo>
                <a:lnTo>
                  <a:pt x="0" y="36495"/>
                </a:lnTo>
                <a:lnTo>
                  <a:pt x="139" y="37467"/>
                </a:lnTo>
                <a:lnTo>
                  <a:pt x="278" y="38440"/>
                </a:lnTo>
                <a:lnTo>
                  <a:pt x="510" y="40385"/>
                </a:lnTo>
                <a:lnTo>
                  <a:pt x="649" y="42330"/>
                </a:lnTo>
                <a:lnTo>
                  <a:pt x="741" y="44275"/>
                </a:lnTo>
                <a:lnTo>
                  <a:pt x="880" y="48212"/>
                </a:lnTo>
                <a:lnTo>
                  <a:pt x="1019" y="50157"/>
                </a:lnTo>
                <a:lnTo>
                  <a:pt x="1204" y="52148"/>
                </a:lnTo>
                <a:lnTo>
                  <a:pt x="1390" y="53353"/>
                </a:lnTo>
                <a:lnTo>
                  <a:pt x="1528" y="53908"/>
                </a:lnTo>
                <a:lnTo>
                  <a:pt x="1667" y="54510"/>
                </a:lnTo>
                <a:lnTo>
                  <a:pt x="1853" y="55020"/>
                </a:lnTo>
                <a:lnTo>
                  <a:pt x="2038" y="55529"/>
                </a:lnTo>
                <a:lnTo>
                  <a:pt x="2269" y="56039"/>
                </a:lnTo>
                <a:lnTo>
                  <a:pt x="2547" y="56502"/>
                </a:lnTo>
                <a:lnTo>
                  <a:pt x="2872" y="56919"/>
                </a:lnTo>
                <a:lnTo>
                  <a:pt x="3196" y="57289"/>
                </a:lnTo>
                <a:lnTo>
                  <a:pt x="3566" y="57660"/>
                </a:lnTo>
                <a:lnTo>
                  <a:pt x="3937" y="57937"/>
                </a:lnTo>
                <a:lnTo>
                  <a:pt x="4400" y="58215"/>
                </a:lnTo>
                <a:lnTo>
                  <a:pt x="4863" y="58447"/>
                </a:lnTo>
                <a:lnTo>
                  <a:pt x="5372" y="58632"/>
                </a:lnTo>
                <a:lnTo>
                  <a:pt x="5882" y="58771"/>
                </a:lnTo>
                <a:lnTo>
                  <a:pt x="5836" y="59790"/>
                </a:lnTo>
                <a:lnTo>
                  <a:pt x="5743" y="62244"/>
                </a:lnTo>
                <a:lnTo>
                  <a:pt x="5604" y="64653"/>
                </a:lnTo>
                <a:lnTo>
                  <a:pt x="5558" y="67061"/>
                </a:lnTo>
                <a:lnTo>
                  <a:pt x="5558" y="68265"/>
                </a:lnTo>
                <a:lnTo>
                  <a:pt x="5604" y="69469"/>
                </a:lnTo>
                <a:lnTo>
                  <a:pt x="5650" y="71692"/>
                </a:lnTo>
                <a:lnTo>
                  <a:pt x="5650" y="72804"/>
                </a:lnTo>
                <a:lnTo>
                  <a:pt x="5650" y="73915"/>
                </a:lnTo>
                <a:lnTo>
                  <a:pt x="5558" y="74471"/>
                </a:lnTo>
                <a:lnTo>
                  <a:pt x="5511" y="74980"/>
                </a:lnTo>
                <a:lnTo>
                  <a:pt x="5372" y="76046"/>
                </a:lnTo>
                <a:lnTo>
                  <a:pt x="5326" y="76555"/>
                </a:lnTo>
                <a:lnTo>
                  <a:pt x="5326" y="77064"/>
                </a:lnTo>
                <a:lnTo>
                  <a:pt x="5465" y="77574"/>
                </a:lnTo>
                <a:lnTo>
                  <a:pt x="5650" y="78130"/>
                </a:lnTo>
                <a:lnTo>
                  <a:pt x="5789" y="78361"/>
                </a:lnTo>
                <a:lnTo>
                  <a:pt x="5975" y="78593"/>
                </a:lnTo>
                <a:lnTo>
                  <a:pt x="6160" y="78778"/>
                </a:lnTo>
                <a:lnTo>
                  <a:pt x="6438" y="78963"/>
                </a:lnTo>
                <a:lnTo>
                  <a:pt x="6669" y="79102"/>
                </a:lnTo>
                <a:lnTo>
                  <a:pt x="6947" y="79195"/>
                </a:lnTo>
                <a:lnTo>
                  <a:pt x="7271" y="79287"/>
                </a:lnTo>
                <a:lnTo>
                  <a:pt x="7549" y="79334"/>
                </a:lnTo>
                <a:lnTo>
                  <a:pt x="8198" y="79334"/>
                </a:lnTo>
                <a:lnTo>
                  <a:pt x="8800" y="79287"/>
                </a:lnTo>
                <a:lnTo>
                  <a:pt x="9402" y="79102"/>
                </a:lnTo>
                <a:lnTo>
                  <a:pt x="9633" y="78963"/>
                </a:lnTo>
                <a:lnTo>
                  <a:pt x="9865" y="78824"/>
                </a:lnTo>
                <a:lnTo>
                  <a:pt x="10328" y="78500"/>
                </a:lnTo>
                <a:lnTo>
                  <a:pt x="10698" y="78130"/>
                </a:lnTo>
                <a:lnTo>
                  <a:pt x="11069" y="77713"/>
                </a:lnTo>
                <a:lnTo>
                  <a:pt x="11347" y="77296"/>
                </a:lnTo>
                <a:lnTo>
                  <a:pt x="11578" y="76833"/>
                </a:lnTo>
                <a:lnTo>
                  <a:pt x="11764" y="76370"/>
                </a:lnTo>
                <a:lnTo>
                  <a:pt x="11949" y="75860"/>
                </a:lnTo>
                <a:lnTo>
                  <a:pt x="12041" y="75305"/>
                </a:lnTo>
                <a:lnTo>
                  <a:pt x="12134" y="74749"/>
                </a:lnTo>
                <a:lnTo>
                  <a:pt x="12180" y="74193"/>
                </a:lnTo>
                <a:lnTo>
                  <a:pt x="12180" y="73637"/>
                </a:lnTo>
                <a:lnTo>
                  <a:pt x="12180" y="73035"/>
                </a:lnTo>
                <a:lnTo>
                  <a:pt x="12041" y="71831"/>
                </a:lnTo>
                <a:lnTo>
                  <a:pt x="11856" y="70581"/>
                </a:lnTo>
                <a:lnTo>
                  <a:pt x="11625" y="69330"/>
                </a:lnTo>
                <a:lnTo>
                  <a:pt x="11347" y="68034"/>
                </a:lnTo>
                <a:lnTo>
                  <a:pt x="10745" y="65579"/>
                </a:lnTo>
                <a:lnTo>
                  <a:pt x="10467" y="64421"/>
                </a:lnTo>
                <a:lnTo>
                  <a:pt x="10235" y="63310"/>
                </a:lnTo>
                <a:lnTo>
                  <a:pt x="10050" y="62244"/>
                </a:lnTo>
                <a:lnTo>
                  <a:pt x="10004" y="61318"/>
                </a:lnTo>
                <a:lnTo>
                  <a:pt x="9957" y="58678"/>
                </a:lnTo>
                <a:lnTo>
                  <a:pt x="10004" y="55992"/>
                </a:lnTo>
                <a:lnTo>
                  <a:pt x="10143" y="53353"/>
                </a:lnTo>
                <a:lnTo>
                  <a:pt x="10282" y="50713"/>
                </a:lnTo>
                <a:lnTo>
                  <a:pt x="10559" y="45387"/>
                </a:lnTo>
                <a:lnTo>
                  <a:pt x="10652" y="42701"/>
                </a:lnTo>
                <a:lnTo>
                  <a:pt x="10698" y="40061"/>
                </a:lnTo>
                <a:lnTo>
                  <a:pt x="10698" y="37375"/>
                </a:lnTo>
                <a:lnTo>
                  <a:pt x="10652" y="34642"/>
                </a:lnTo>
                <a:lnTo>
                  <a:pt x="11115" y="34689"/>
                </a:lnTo>
                <a:lnTo>
                  <a:pt x="11578" y="34689"/>
                </a:lnTo>
                <a:lnTo>
                  <a:pt x="11995" y="34642"/>
                </a:lnTo>
                <a:lnTo>
                  <a:pt x="12412" y="34596"/>
                </a:lnTo>
                <a:lnTo>
                  <a:pt x="12829" y="34503"/>
                </a:lnTo>
                <a:lnTo>
                  <a:pt x="13199" y="34364"/>
                </a:lnTo>
                <a:lnTo>
                  <a:pt x="13570" y="34179"/>
                </a:lnTo>
                <a:lnTo>
                  <a:pt x="13894" y="33994"/>
                </a:lnTo>
                <a:lnTo>
                  <a:pt x="14218" y="33762"/>
                </a:lnTo>
                <a:lnTo>
                  <a:pt x="14496" y="33485"/>
                </a:lnTo>
                <a:lnTo>
                  <a:pt x="14774" y="33207"/>
                </a:lnTo>
                <a:lnTo>
                  <a:pt x="15006" y="32882"/>
                </a:lnTo>
                <a:lnTo>
                  <a:pt x="15237" y="32512"/>
                </a:lnTo>
                <a:lnTo>
                  <a:pt x="15422" y="32095"/>
                </a:lnTo>
                <a:lnTo>
                  <a:pt x="15561" y="31678"/>
                </a:lnTo>
                <a:lnTo>
                  <a:pt x="15654" y="31169"/>
                </a:lnTo>
                <a:lnTo>
                  <a:pt x="15885" y="30150"/>
                </a:lnTo>
                <a:lnTo>
                  <a:pt x="16071" y="29039"/>
                </a:lnTo>
                <a:lnTo>
                  <a:pt x="16163" y="27881"/>
                </a:lnTo>
                <a:lnTo>
                  <a:pt x="16256" y="26677"/>
                </a:lnTo>
                <a:lnTo>
                  <a:pt x="16210" y="26075"/>
                </a:lnTo>
                <a:lnTo>
                  <a:pt x="16163" y="25519"/>
                </a:lnTo>
                <a:lnTo>
                  <a:pt x="16117" y="24917"/>
                </a:lnTo>
                <a:lnTo>
                  <a:pt x="16024" y="24361"/>
                </a:lnTo>
                <a:lnTo>
                  <a:pt x="15839" y="23852"/>
                </a:lnTo>
                <a:lnTo>
                  <a:pt x="15654" y="23342"/>
                </a:lnTo>
                <a:lnTo>
                  <a:pt x="15422" y="22879"/>
                </a:lnTo>
                <a:lnTo>
                  <a:pt x="15144" y="22462"/>
                </a:lnTo>
                <a:lnTo>
                  <a:pt x="15052" y="22416"/>
                </a:lnTo>
                <a:lnTo>
                  <a:pt x="15006" y="22416"/>
                </a:lnTo>
                <a:lnTo>
                  <a:pt x="14867" y="22462"/>
                </a:lnTo>
                <a:lnTo>
                  <a:pt x="14403" y="22972"/>
                </a:lnTo>
                <a:lnTo>
                  <a:pt x="14033" y="23527"/>
                </a:lnTo>
                <a:lnTo>
                  <a:pt x="13709" y="24083"/>
                </a:lnTo>
                <a:lnTo>
                  <a:pt x="13477" y="24685"/>
                </a:lnTo>
                <a:lnTo>
                  <a:pt x="13292" y="25334"/>
                </a:lnTo>
                <a:lnTo>
                  <a:pt x="13107" y="25982"/>
                </a:lnTo>
                <a:lnTo>
                  <a:pt x="12921" y="27325"/>
                </a:lnTo>
                <a:lnTo>
                  <a:pt x="12829" y="27973"/>
                </a:lnTo>
                <a:lnTo>
                  <a:pt x="12782" y="28714"/>
                </a:lnTo>
                <a:lnTo>
                  <a:pt x="12736" y="29455"/>
                </a:lnTo>
                <a:lnTo>
                  <a:pt x="12597" y="30150"/>
                </a:lnTo>
                <a:lnTo>
                  <a:pt x="12505" y="30474"/>
                </a:lnTo>
                <a:lnTo>
                  <a:pt x="12366" y="30798"/>
                </a:lnTo>
                <a:lnTo>
                  <a:pt x="12227" y="31076"/>
                </a:lnTo>
                <a:lnTo>
                  <a:pt x="12041" y="31308"/>
                </a:lnTo>
                <a:lnTo>
                  <a:pt x="11810" y="31493"/>
                </a:lnTo>
                <a:lnTo>
                  <a:pt x="11532" y="31632"/>
                </a:lnTo>
                <a:lnTo>
                  <a:pt x="11208" y="31725"/>
                </a:lnTo>
                <a:lnTo>
                  <a:pt x="10837" y="31771"/>
                </a:lnTo>
                <a:lnTo>
                  <a:pt x="10606" y="31771"/>
                </a:lnTo>
                <a:lnTo>
                  <a:pt x="10374" y="25287"/>
                </a:lnTo>
                <a:lnTo>
                  <a:pt x="10189" y="18850"/>
                </a:lnTo>
                <a:lnTo>
                  <a:pt x="10096" y="16117"/>
                </a:lnTo>
                <a:lnTo>
                  <a:pt x="10004" y="13431"/>
                </a:lnTo>
                <a:lnTo>
                  <a:pt x="9865" y="10699"/>
                </a:lnTo>
                <a:lnTo>
                  <a:pt x="9680" y="7966"/>
                </a:lnTo>
                <a:lnTo>
                  <a:pt x="9633" y="6994"/>
                </a:lnTo>
                <a:lnTo>
                  <a:pt x="9633" y="5975"/>
                </a:lnTo>
                <a:lnTo>
                  <a:pt x="9633" y="4956"/>
                </a:lnTo>
                <a:lnTo>
                  <a:pt x="9633" y="3937"/>
                </a:lnTo>
                <a:lnTo>
                  <a:pt x="9494" y="2965"/>
                </a:lnTo>
                <a:lnTo>
                  <a:pt x="9448" y="2455"/>
                </a:lnTo>
                <a:lnTo>
                  <a:pt x="9309" y="1992"/>
                </a:lnTo>
                <a:lnTo>
                  <a:pt x="9170" y="1575"/>
                </a:lnTo>
                <a:lnTo>
                  <a:pt x="8985" y="1112"/>
                </a:lnTo>
                <a:lnTo>
                  <a:pt x="8753" y="695"/>
                </a:lnTo>
                <a:lnTo>
                  <a:pt x="8475" y="325"/>
                </a:lnTo>
                <a:lnTo>
                  <a:pt x="8244" y="140"/>
                </a:lnTo>
                <a:lnTo>
                  <a:pt x="8012" y="47"/>
                </a:lnTo>
                <a:lnTo>
                  <a:pt x="7734" y="1"/>
                </a:lnTo>
                <a:close/>
              </a:path>
            </a:pathLst>
          </a:custGeom>
          <a:solidFill>
            <a:schemeClr val="accent1"/>
          </a:solidFill>
          <a:ln>
            <a:noFill/>
          </a:ln>
        </p:spPr>
        <p:txBody>
          <a:bodyPr spcFirstLastPara="1" wrap="square" lIns="203167" tIns="203167" rIns="203167" bIns="203167" anchor="ctr" anchorCtr="0">
            <a:noAutofit/>
          </a:bodyPr>
          <a:lstStyle/>
          <a:p>
            <a:pPr marL="0" lvl="0" indent="0" algn="l" rtl="0">
              <a:spcBef>
                <a:spcPts val="0"/>
              </a:spcBef>
              <a:spcAft>
                <a:spcPts val="0"/>
              </a:spcAft>
              <a:buNone/>
            </a:pPr>
            <a:endParaRPr sz="6000"/>
          </a:p>
        </p:txBody>
      </p:sp>
      <p:grpSp>
        <p:nvGrpSpPr>
          <p:cNvPr id="227" name="Google Shape;227;p16"/>
          <p:cNvGrpSpPr/>
          <p:nvPr/>
        </p:nvGrpSpPr>
        <p:grpSpPr>
          <a:xfrm flipH="1">
            <a:off x="0" y="9736238"/>
            <a:ext cx="20320000" cy="1705898"/>
            <a:chOff x="0" y="4167674"/>
            <a:chExt cx="9144000" cy="981530"/>
          </a:xfrm>
        </p:grpSpPr>
        <p:grpSp>
          <p:nvGrpSpPr>
            <p:cNvPr id="228" name="Google Shape;228;p16"/>
            <p:cNvGrpSpPr/>
            <p:nvPr/>
          </p:nvGrpSpPr>
          <p:grpSpPr>
            <a:xfrm>
              <a:off x="0" y="4167674"/>
              <a:ext cx="9144000" cy="956028"/>
              <a:chOff x="0" y="4472474"/>
              <a:chExt cx="9144000" cy="956028"/>
            </a:xfrm>
          </p:grpSpPr>
          <p:sp>
            <p:nvSpPr>
              <p:cNvPr id="229" name="Google Shape;229;p16"/>
              <p:cNvSpPr/>
              <p:nvPr/>
            </p:nvSpPr>
            <p:spPr>
              <a:xfrm>
                <a:off x="0" y="4472474"/>
                <a:ext cx="9144000" cy="955987"/>
              </a:xfrm>
              <a:custGeom>
                <a:avLst/>
                <a:gdLst/>
                <a:ahLst/>
                <a:cxnLst/>
                <a:rect l="l" t="t" r="r" b="b"/>
                <a:pathLst>
                  <a:path w="285750" h="81326" extrusionOk="0">
                    <a:moveTo>
                      <a:pt x="84150" y="1"/>
                    </a:moveTo>
                    <a:lnTo>
                      <a:pt x="83270" y="47"/>
                    </a:lnTo>
                    <a:lnTo>
                      <a:pt x="82437" y="186"/>
                    </a:lnTo>
                    <a:lnTo>
                      <a:pt x="80723" y="464"/>
                    </a:lnTo>
                    <a:lnTo>
                      <a:pt x="78917" y="835"/>
                    </a:lnTo>
                    <a:lnTo>
                      <a:pt x="77111" y="1205"/>
                    </a:lnTo>
                    <a:lnTo>
                      <a:pt x="75258" y="1668"/>
                    </a:lnTo>
                    <a:lnTo>
                      <a:pt x="73359" y="2178"/>
                    </a:lnTo>
                    <a:lnTo>
                      <a:pt x="71414" y="2687"/>
                    </a:lnTo>
                    <a:lnTo>
                      <a:pt x="67478" y="3845"/>
                    </a:lnTo>
                    <a:lnTo>
                      <a:pt x="63402" y="5095"/>
                    </a:lnTo>
                    <a:lnTo>
                      <a:pt x="59280" y="6438"/>
                    </a:lnTo>
                    <a:lnTo>
                      <a:pt x="51037" y="9217"/>
                    </a:lnTo>
                    <a:lnTo>
                      <a:pt x="46961" y="10606"/>
                    </a:lnTo>
                    <a:lnTo>
                      <a:pt x="42932" y="11950"/>
                    </a:lnTo>
                    <a:lnTo>
                      <a:pt x="39042" y="13154"/>
                    </a:lnTo>
                    <a:lnTo>
                      <a:pt x="35290" y="14265"/>
                    </a:lnTo>
                    <a:lnTo>
                      <a:pt x="33484" y="14775"/>
                    </a:lnTo>
                    <a:lnTo>
                      <a:pt x="31724" y="15238"/>
                    </a:lnTo>
                    <a:lnTo>
                      <a:pt x="30011" y="15655"/>
                    </a:lnTo>
                    <a:lnTo>
                      <a:pt x="28390" y="16025"/>
                    </a:lnTo>
                    <a:lnTo>
                      <a:pt x="26815" y="16349"/>
                    </a:lnTo>
                    <a:lnTo>
                      <a:pt x="25287" y="16627"/>
                    </a:lnTo>
                    <a:lnTo>
                      <a:pt x="23851" y="16812"/>
                    </a:lnTo>
                    <a:lnTo>
                      <a:pt x="22462" y="16951"/>
                    </a:lnTo>
                    <a:lnTo>
                      <a:pt x="19868" y="17183"/>
                    </a:lnTo>
                    <a:lnTo>
                      <a:pt x="17414" y="17368"/>
                    </a:lnTo>
                    <a:lnTo>
                      <a:pt x="15098" y="17646"/>
                    </a:lnTo>
                    <a:lnTo>
                      <a:pt x="12921" y="17878"/>
                    </a:lnTo>
                    <a:lnTo>
                      <a:pt x="9077" y="18433"/>
                    </a:lnTo>
                    <a:lnTo>
                      <a:pt x="5882" y="18896"/>
                    </a:lnTo>
                    <a:lnTo>
                      <a:pt x="3335" y="19360"/>
                    </a:lnTo>
                    <a:lnTo>
                      <a:pt x="1528" y="19730"/>
                    </a:lnTo>
                    <a:lnTo>
                      <a:pt x="0" y="20101"/>
                    </a:lnTo>
                    <a:lnTo>
                      <a:pt x="0" y="81325"/>
                    </a:lnTo>
                    <a:lnTo>
                      <a:pt x="285750" y="81325"/>
                    </a:lnTo>
                    <a:lnTo>
                      <a:pt x="285750" y="16951"/>
                    </a:lnTo>
                    <a:lnTo>
                      <a:pt x="281906" y="16396"/>
                    </a:lnTo>
                    <a:lnTo>
                      <a:pt x="277460" y="15793"/>
                    </a:lnTo>
                    <a:lnTo>
                      <a:pt x="271578" y="15006"/>
                    </a:lnTo>
                    <a:lnTo>
                      <a:pt x="264492" y="14173"/>
                    </a:lnTo>
                    <a:lnTo>
                      <a:pt x="256388" y="13339"/>
                    </a:lnTo>
                    <a:lnTo>
                      <a:pt x="252034" y="12922"/>
                    </a:lnTo>
                    <a:lnTo>
                      <a:pt x="247496" y="12505"/>
                    </a:lnTo>
                    <a:lnTo>
                      <a:pt x="242818" y="12135"/>
                    </a:lnTo>
                    <a:lnTo>
                      <a:pt x="238002" y="11811"/>
                    </a:lnTo>
                    <a:lnTo>
                      <a:pt x="233139" y="11486"/>
                    </a:lnTo>
                    <a:lnTo>
                      <a:pt x="228137" y="11255"/>
                    </a:lnTo>
                    <a:lnTo>
                      <a:pt x="223135" y="11023"/>
                    </a:lnTo>
                    <a:lnTo>
                      <a:pt x="218133" y="10931"/>
                    </a:lnTo>
                    <a:lnTo>
                      <a:pt x="213132" y="10838"/>
                    </a:lnTo>
                    <a:lnTo>
                      <a:pt x="208130" y="10838"/>
                    </a:lnTo>
                    <a:lnTo>
                      <a:pt x="203221" y="10977"/>
                    </a:lnTo>
                    <a:lnTo>
                      <a:pt x="198404" y="11162"/>
                    </a:lnTo>
                    <a:lnTo>
                      <a:pt x="196042" y="11301"/>
                    </a:lnTo>
                    <a:lnTo>
                      <a:pt x="193680" y="11440"/>
                    </a:lnTo>
                    <a:lnTo>
                      <a:pt x="191365" y="11625"/>
                    </a:lnTo>
                    <a:lnTo>
                      <a:pt x="189141" y="11857"/>
                    </a:lnTo>
                    <a:lnTo>
                      <a:pt x="186918" y="12088"/>
                    </a:lnTo>
                    <a:lnTo>
                      <a:pt x="184695" y="12366"/>
                    </a:lnTo>
                    <a:lnTo>
                      <a:pt x="182565" y="12691"/>
                    </a:lnTo>
                    <a:lnTo>
                      <a:pt x="180527" y="13015"/>
                    </a:lnTo>
                    <a:lnTo>
                      <a:pt x="178490" y="13385"/>
                    </a:lnTo>
                    <a:lnTo>
                      <a:pt x="176498" y="13756"/>
                    </a:lnTo>
                    <a:lnTo>
                      <a:pt x="174599" y="14219"/>
                    </a:lnTo>
                    <a:lnTo>
                      <a:pt x="172747" y="14682"/>
                    </a:lnTo>
                    <a:lnTo>
                      <a:pt x="170987" y="15191"/>
                    </a:lnTo>
                    <a:lnTo>
                      <a:pt x="169273" y="15747"/>
                    </a:lnTo>
                    <a:lnTo>
                      <a:pt x="167652" y="16349"/>
                    </a:lnTo>
                    <a:lnTo>
                      <a:pt x="166124" y="16951"/>
                    </a:lnTo>
                    <a:lnTo>
                      <a:pt x="164596" y="17553"/>
                    </a:lnTo>
                    <a:lnTo>
                      <a:pt x="163114" y="18109"/>
                    </a:lnTo>
                    <a:lnTo>
                      <a:pt x="161585" y="18572"/>
                    </a:lnTo>
                    <a:lnTo>
                      <a:pt x="160057" y="18989"/>
                    </a:lnTo>
                    <a:lnTo>
                      <a:pt x="158529" y="19360"/>
                    </a:lnTo>
                    <a:lnTo>
                      <a:pt x="157047" y="19637"/>
                    </a:lnTo>
                    <a:lnTo>
                      <a:pt x="155518" y="19869"/>
                    </a:lnTo>
                    <a:lnTo>
                      <a:pt x="153990" y="20054"/>
                    </a:lnTo>
                    <a:lnTo>
                      <a:pt x="152508" y="20193"/>
                    </a:lnTo>
                    <a:lnTo>
                      <a:pt x="150980" y="20286"/>
                    </a:lnTo>
                    <a:lnTo>
                      <a:pt x="147969" y="20286"/>
                    </a:lnTo>
                    <a:lnTo>
                      <a:pt x="146487" y="20193"/>
                    </a:lnTo>
                    <a:lnTo>
                      <a:pt x="144959" y="20101"/>
                    </a:lnTo>
                    <a:lnTo>
                      <a:pt x="143477" y="19915"/>
                    </a:lnTo>
                    <a:lnTo>
                      <a:pt x="141995" y="19730"/>
                    </a:lnTo>
                    <a:lnTo>
                      <a:pt x="140513" y="19498"/>
                    </a:lnTo>
                    <a:lnTo>
                      <a:pt x="139031" y="19221"/>
                    </a:lnTo>
                    <a:lnTo>
                      <a:pt x="137549" y="18896"/>
                    </a:lnTo>
                    <a:lnTo>
                      <a:pt x="136067" y="18572"/>
                    </a:lnTo>
                    <a:lnTo>
                      <a:pt x="134585" y="18202"/>
                    </a:lnTo>
                    <a:lnTo>
                      <a:pt x="133149" y="17831"/>
                    </a:lnTo>
                    <a:lnTo>
                      <a:pt x="130232" y="16951"/>
                    </a:lnTo>
                    <a:lnTo>
                      <a:pt x="127360" y="15979"/>
                    </a:lnTo>
                    <a:lnTo>
                      <a:pt x="124535" y="14914"/>
                    </a:lnTo>
                    <a:lnTo>
                      <a:pt x="121710" y="13802"/>
                    </a:lnTo>
                    <a:lnTo>
                      <a:pt x="118931" y="12644"/>
                    </a:lnTo>
                    <a:lnTo>
                      <a:pt x="116245" y="11440"/>
                    </a:lnTo>
                    <a:lnTo>
                      <a:pt x="113559" y="10236"/>
                    </a:lnTo>
                    <a:lnTo>
                      <a:pt x="108326" y="7874"/>
                    </a:lnTo>
                    <a:lnTo>
                      <a:pt x="103324" y="5558"/>
                    </a:lnTo>
                    <a:lnTo>
                      <a:pt x="100916" y="4493"/>
                    </a:lnTo>
                    <a:lnTo>
                      <a:pt x="98554" y="3521"/>
                    </a:lnTo>
                    <a:lnTo>
                      <a:pt x="96284" y="2641"/>
                    </a:lnTo>
                    <a:lnTo>
                      <a:pt x="94061" y="1853"/>
                    </a:lnTo>
                    <a:lnTo>
                      <a:pt x="91931" y="1159"/>
                    </a:lnTo>
                    <a:lnTo>
                      <a:pt x="90912" y="881"/>
                    </a:lnTo>
                    <a:lnTo>
                      <a:pt x="89893" y="649"/>
                    </a:lnTo>
                    <a:lnTo>
                      <a:pt x="88874" y="418"/>
                    </a:lnTo>
                    <a:lnTo>
                      <a:pt x="87902" y="279"/>
                    </a:lnTo>
                    <a:lnTo>
                      <a:pt x="86929" y="140"/>
                    </a:lnTo>
                    <a:lnTo>
                      <a:pt x="86003" y="47"/>
                    </a:lnTo>
                    <a:lnTo>
                      <a:pt x="85077" y="1"/>
                    </a:lnTo>
                    <a:close/>
                  </a:path>
                </a:pathLst>
              </a:cu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230" name="Google Shape;230;p16"/>
              <p:cNvSpPr/>
              <p:nvPr/>
            </p:nvSpPr>
            <p:spPr>
              <a:xfrm>
                <a:off x="0" y="4757331"/>
                <a:ext cx="9143916" cy="671170"/>
              </a:xfrm>
              <a:custGeom>
                <a:avLst/>
                <a:gdLst/>
                <a:ahLst/>
                <a:cxnLst/>
                <a:rect l="l" t="t" r="r" b="b"/>
                <a:pathLst>
                  <a:path w="285057" h="21397" extrusionOk="0">
                    <a:moveTo>
                      <a:pt x="60439" y="1"/>
                    </a:moveTo>
                    <a:lnTo>
                      <a:pt x="57058" y="47"/>
                    </a:lnTo>
                    <a:lnTo>
                      <a:pt x="55530" y="47"/>
                    </a:lnTo>
                    <a:lnTo>
                      <a:pt x="54048" y="140"/>
                    </a:lnTo>
                    <a:lnTo>
                      <a:pt x="52658" y="232"/>
                    </a:lnTo>
                    <a:lnTo>
                      <a:pt x="51362" y="371"/>
                    </a:lnTo>
                    <a:lnTo>
                      <a:pt x="50157" y="510"/>
                    </a:lnTo>
                    <a:lnTo>
                      <a:pt x="49046" y="695"/>
                    </a:lnTo>
                    <a:lnTo>
                      <a:pt x="48073" y="927"/>
                    </a:lnTo>
                    <a:lnTo>
                      <a:pt x="47147" y="1205"/>
                    </a:lnTo>
                    <a:lnTo>
                      <a:pt x="43674" y="2270"/>
                    </a:lnTo>
                    <a:lnTo>
                      <a:pt x="40015" y="3335"/>
                    </a:lnTo>
                    <a:lnTo>
                      <a:pt x="36171" y="4400"/>
                    </a:lnTo>
                    <a:lnTo>
                      <a:pt x="32234" y="5419"/>
                    </a:lnTo>
                    <a:lnTo>
                      <a:pt x="28298" y="6392"/>
                    </a:lnTo>
                    <a:lnTo>
                      <a:pt x="24361" y="7318"/>
                    </a:lnTo>
                    <a:lnTo>
                      <a:pt x="16859" y="9032"/>
                    </a:lnTo>
                    <a:lnTo>
                      <a:pt x="10190" y="10467"/>
                    </a:lnTo>
                    <a:lnTo>
                      <a:pt x="4864" y="11579"/>
                    </a:lnTo>
                    <a:lnTo>
                      <a:pt x="1" y="12551"/>
                    </a:lnTo>
                    <a:lnTo>
                      <a:pt x="1" y="21397"/>
                    </a:lnTo>
                    <a:lnTo>
                      <a:pt x="285056" y="21397"/>
                    </a:lnTo>
                    <a:lnTo>
                      <a:pt x="285056" y="1205"/>
                    </a:lnTo>
                    <a:lnTo>
                      <a:pt x="280934" y="1853"/>
                    </a:lnTo>
                    <a:lnTo>
                      <a:pt x="275840" y="2687"/>
                    </a:lnTo>
                    <a:lnTo>
                      <a:pt x="263382" y="4910"/>
                    </a:lnTo>
                    <a:lnTo>
                      <a:pt x="248700" y="7503"/>
                    </a:lnTo>
                    <a:lnTo>
                      <a:pt x="240874" y="8846"/>
                    </a:lnTo>
                    <a:lnTo>
                      <a:pt x="232861" y="10143"/>
                    </a:lnTo>
                    <a:lnTo>
                      <a:pt x="224849" y="11440"/>
                    </a:lnTo>
                    <a:lnTo>
                      <a:pt x="216884" y="12551"/>
                    </a:lnTo>
                    <a:lnTo>
                      <a:pt x="212993" y="13107"/>
                    </a:lnTo>
                    <a:lnTo>
                      <a:pt x="209196" y="13570"/>
                    </a:lnTo>
                    <a:lnTo>
                      <a:pt x="205491" y="14033"/>
                    </a:lnTo>
                    <a:lnTo>
                      <a:pt x="201878" y="14404"/>
                    </a:lnTo>
                    <a:lnTo>
                      <a:pt x="198405" y="14728"/>
                    </a:lnTo>
                    <a:lnTo>
                      <a:pt x="195070" y="15006"/>
                    </a:lnTo>
                    <a:lnTo>
                      <a:pt x="191875" y="15191"/>
                    </a:lnTo>
                    <a:lnTo>
                      <a:pt x="188864" y="15330"/>
                    </a:lnTo>
                    <a:lnTo>
                      <a:pt x="186039" y="15423"/>
                    </a:lnTo>
                    <a:lnTo>
                      <a:pt x="183446" y="15376"/>
                    </a:lnTo>
                    <a:lnTo>
                      <a:pt x="181037" y="15284"/>
                    </a:lnTo>
                    <a:lnTo>
                      <a:pt x="179926" y="15191"/>
                    </a:lnTo>
                    <a:lnTo>
                      <a:pt x="178907" y="15052"/>
                    </a:lnTo>
                    <a:lnTo>
                      <a:pt x="174044" y="14404"/>
                    </a:lnTo>
                    <a:lnTo>
                      <a:pt x="167746" y="13478"/>
                    </a:lnTo>
                    <a:lnTo>
                      <a:pt x="151721" y="10977"/>
                    </a:lnTo>
                    <a:lnTo>
                      <a:pt x="142366" y="9495"/>
                    </a:lnTo>
                    <a:lnTo>
                      <a:pt x="132455" y="8013"/>
                    </a:lnTo>
                    <a:lnTo>
                      <a:pt x="122128" y="6484"/>
                    </a:lnTo>
                    <a:lnTo>
                      <a:pt x="111661" y="4956"/>
                    </a:lnTo>
                    <a:lnTo>
                      <a:pt x="101194" y="3567"/>
                    </a:lnTo>
                    <a:lnTo>
                      <a:pt x="96053" y="2965"/>
                    </a:lnTo>
                    <a:lnTo>
                      <a:pt x="91005" y="2363"/>
                    </a:lnTo>
                    <a:lnTo>
                      <a:pt x="86096" y="1807"/>
                    </a:lnTo>
                    <a:lnTo>
                      <a:pt x="81280" y="1344"/>
                    </a:lnTo>
                    <a:lnTo>
                      <a:pt x="76695" y="881"/>
                    </a:lnTo>
                    <a:lnTo>
                      <a:pt x="72249" y="556"/>
                    </a:lnTo>
                    <a:lnTo>
                      <a:pt x="68081" y="279"/>
                    </a:lnTo>
                    <a:lnTo>
                      <a:pt x="64098" y="93"/>
                    </a:lnTo>
                    <a:lnTo>
                      <a:pt x="60439" y="1"/>
                    </a:lnTo>
                    <a:close/>
                  </a:path>
                </a:pathLst>
              </a:custGeom>
              <a:solidFill>
                <a:schemeClr val="l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231" name="Google Shape;231;p16"/>
            <p:cNvSpPr/>
            <p:nvPr/>
          </p:nvSpPr>
          <p:spPr>
            <a:xfrm flipH="1">
              <a:off x="9" y="4618023"/>
              <a:ext cx="9143916" cy="531181"/>
            </a:xfrm>
            <a:custGeom>
              <a:avLst/>
              <a:gdLst/>
              <a:ahLst/>
              <a:cxnLst/>
              <a:rect l="l" t="t" r="r" b="b"/>
              <a:pathLst>
                <a:path w="285057" h="21397" extrusionOk="0">
                  <a:moveTo>
                    <a:pt x="60439" y="1"/>
                  </a:moveTo>
                  <a:lnTo>
                    <a:pt x="57058" y="47"/>
                  </a:lnTo>
                  <a:lnTo>
                    <a:pt x="55530" y="47"/>
                  </a:lnTo>
                  <a:lnTo>
                    <a:pt x="54048" y="140"/>
                  </a:lnTo>
                  <a:lnTo>
                    <a:pt x="52658" y="232"/>
                  </a:lnTo>
                  <a:lnTo>
                    <a:pt x="51362" y="371"/>
                  </a:lnTo>
                  <a:lnTo>
                    <a:pt x="50157" y="510"/>
                  </a:lnTo>
                  <a:lnTo>
                    <a:pt x="49046" y="695"/>
                  </a:lnTo>
                  <a:lnTo>
                    <a:pt x="48073" y="927"/>
                  </a:lnTo>
                  <a:lnTo>
                    <a:pt x="47147" y="1205"/>
                  </a:lnTo>
                  <a:lnTo>
                    <a:pt x="43674" y="2270"/>
                  </a:lnTo>
                  <a:lnTo>
                    <a:pt x="40015" y="3335"/>
                  </a:lnTo>
                  <a:lnTo>
                    <a:pt x="36171" y="4400"/>
                  </a:lnTo>
                  <a:lnTo>
                    <a:pt x="32234" y="5419"/>
                  </a:lnTo>
                  <a:lnTo>
                    <a:pt x="28298" y="6392"/>
                  </a:lnTo>
                  <a:lnTo>
                    <a:pt x="24361" y="7318"/>
                  </a:lnTo>
                  <a:lnTo>
                    <a:pt x="16859" y="9032"/>
                  </a:lnTo>
                  <a:lnTo>
                    <a:pt x="10190" y="10467"/>
                  </a:lnTo>
                  <a:lnTo>
                    <a:pt x="4864" y="11579"/>
                  </a:lnTo>
                  <a:lnTo>
                    <a:pt x="1" y="12551"/>
                  </a:lnTo>
                  <a:lnTo>
                    <a:pt x="1" y="21397"/>
                  </a:lnTo>
                  <a:lnTo>
                    <a:pt x="285056" y="21397"/>
                  </a:lnTo>
                  <a:lnTo>
                    <a:pt x="285056" y="1205"/>
                  </a:lnTo>
                  <a:lnTo>
                    <a:pt x="280934" y="1853"/>
                  </a:lnTo>
                  <a:lnTo>
                    <a:pt x="275840" y="2687"/>
                  </a:lnTo>
                  <a:lnTo>
                    <a:pt x="263382" y="4910"/>
                  </a:lnTo>
                  <a:lnTo>
                    <a:pt x="248700" y="7503"/>
                  </a:lnTo>
                  <a:lnTo>
                    <a:pt x="240874" y="8846"/>
                  </a:lnTo>
                  <a:lnTo>
                    <a:pt x="232861" y="10143"/>
                  </a:lnTo>
                  <a:lnTo>
                    <a:pt x="224849" y="11440"/>
                  </a:lnTo>
                  <a:lnTo>
                    <a:pt x="216884" y="12551"/>
                  </a:lnTo>
                  <a:lnTo>
                    <a:pt x="212993" y="13107"/>
                  </a:lnTo>
                  <a:lnTo>
                    <a:pt x="209196" y="13570"/>
                  </a:lnTo>
                  <a:lnTo>
                    <a:pt x="205491" y="14033"/>
                  </a:lnTo>
                  <a:lnTo>
                    <a:pt x="201878" y="14404"/>
                  </a:lnTo>
                  <a:lnTo>
                    <a:pt x="198405" y="14728"/>
                  </a:lnTo>
                  <a:lnTo>
                    <a:pt x="195070" y="15006"/>
                  </a:lnTo>
                  <a:lnTo>
                    <a:pt x="191875" y="15191"/>
                  </a:lnTo>
                  <a:lnTo>
                    <a:pt x="188864" y="15330"/>
                  </a:lnTo>
                  <a:lnTo>
                    <a:pt x="186039" y="15423"/>
                  </a:lnTo>
                  <a:lnTo>
                    <a:pt x="183446" y="15376"/>
                  </a:lnTo>
                  <a:lnTo>
                    <a:pt x="181037" y="15284"/>
                  </a:lnTo>
                  <a:lnTo>
                    <a:pt x="179926" y="15191"/>
                  </a:lnTo>
                  <a:lnTo>
                    <a:pt x="178907" y="15052"/>
                  </a:lnTo>
                  <a:lnTo>
                    <a:pt x="174044" y="14404"/>
                  </a:lnTo>
                  <a:lnTo>
                    <a:pt x="167746" y="13478"/>
                  </a:lnTo>
                  <a:lnTo>
                    <a:pt x="151721" y="10977"/>
                  </a:lnTo>
                  <a:lnTo>
                    <a:pt x="142366" y="9495"/>
                  </a:lnTo>
                  <a:lnTo>
                    <a:pt x="132455" y="8013"/>
                  </a:lnTo>
                  <a:lnTo>
                    <a:pt x="122128" y="6484"/>
                  </a:lnTo>
                  <a:lnTo>
                    <a:pt x="111661" y="4956"/>
                  </a:lnTo>
                  <a:lnTo>
                    <a:pt x="101194" y="3567"/>
                  </a:lnTo>
                  <a:lnTo>
                    <a:pt x="96053" y="2965"/>
                  </a:lnTo>
                  <a:lnTo>
                    <a:pt x="91005" y="2363"/>
                  </a:lnTo>
                  <a:lnTo>
                    <a:pt x="86096" y="1807"/>
                  </a:lnTo>
                  <a:lnTo>
                    <a:pt x="81280" y="1344"/>
                  </a:lnTo>
                  <a:lnTo>
                    <a:pt x="76695" y="881"/>
                  </a:lnTo>
                  <a:lnTo>
                    <a:pt x="72249" y="556"/>
                  </a:lnTo>
                  <a:lnTo>
                    <a:pt x="68081" y="279"/>
                  </a:lnTo>
                  <a:lnTo>
                    <a:pt x="64098" y="93"/>
                  </a:lnTo>
                  <a:lnTo>
                    <a:pt x="60439" y="1"/>
                  </a:lnTo>
                  <a:close/>
                </a:path>
              </a:pathLst>
            </a:cu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Tree>
    <p:extLst>
      <p:ext uri="{BB962C8B-B14F-4D97-AF65-F5344CB8AC3E}">
        <p14:creationId xmlns:p14="http://schemas.microsoft.com/office/powerpoint/2010/main" val="3210132875"/>
      </p:ext>
    </p:extLst>
  </p:cSld>
  <p:clrMapOvr>
    <a:masterClrMapping/>
  </p:clrMapOvr>
</p:sldLayout>
</file>

<file path=ppt/slideLayouts/slideLayout99.xml><?xml version="1.0" encoding="utf-8"?>
<p:sldLayout xmlns:a="http://schemas.openxmlformats.org/drawingml/2006/main" xmlns:r="http://schemas.openxmlformats.org/officeDocument/2006/relationships" xmlns:p="http://schemas.openxmlformats.org/presentationml/2006/main" matchingName="Title only 1">
  <p:cSld name="Title only 1">
    <p:spTree>
      <p:nvGrpSpPr>
        <p:cNvPr id="1" name="Shape 232"/>
        <p:cNvGrpSpPr/>
        <p:nvPr/>
      </p:nvGrpSpPr>
      <p:grpSpPr>
        <a:xfrm>
          <a:off x="0" y="0"/>
          <a:ext cx="0" cy="0"/>
          <a:chOff x="0" y="0"/>
          <a:chExt cx="0" cy="0"/>
        </a:xfrm>
      </p:grpSpPr>
      <p:pic>
        <p:nvPicPr>
          <p:cNvPr id="233" name="Google Shape;233;p17"/>
          <p:cNvPicPr preferRelativeResize="0"/>
          <p:nvPr/>
        </p:nvPicPr>
        <p:blipFill rotWithShape="1">
          <a:blip r:embed="rId2">
            <a:alphaModFix amt="58999"/>
          </a:blip>
          <a:srcRect/>
          <a:stretch/>
        </p:blipFill>
        <p:spPr>
          <a:xfrm>
            <a:off x="0" y="0"/>
            <a:ext cx="20320000" cy="11430000"/>
          </a:xfrm>
          <a:prstGeom prst="rect">
            <a:avLst/>
          </a:prstGeom>
          <a:noFill/>
          <a:ln>
            <a:noFill/>
          </a:ln>
        </p:spPr>
      </p:pic>
      <p:grpSp>
        <p:nvGrpSpPr>
          <p:cNvPr id="234" name="Google Shape;234;p17"/>
          <p:cNvGrpSpPr/>
          <p:nvPr/>
        </p:nvGrpSpPr>
        <p:grpSpPr>
          <a:xfrm>
            <a:off x="921445" y="681333"/>
            <a:ext cx="18477111" cy="481333"/>
            <a:chOff x="414650" y="306600"/>
            <a:chExt cx="8314700" cy="216600"/>
          </a:xfrm>
        </p:grpSpPr>
        <p:grpSp>
          <p:nvGrpSpPr>
            <p:cNvPr id="235" name="Google Shape;235;p17"/>
            <p:cNvGrpSpPr/>
            <p:nvPr/>
          </p:nvGrpSpPr>
          <p:grpSpPr>
            <a:xfrm>
              <a:off x="713281" y="389286"/>
              <a:ext cx="7717437" cy="51251"/>
              <a:chOff x="450050" y="465475"/>
              <a:chExt cx="8367600" cy="51241"/>
            </a:xfrm>
          </p:grpSpPr>
          <p:cxnSp>
            <p:nvCxnSpPr>
              <p:cNvPr id="236" name="Google Shape;236;p17"/>
              <p:cNvCxnSpPr/>
              <p:nvPr/>
            </p:nvCxnSpPr>
            <p:spPr>
              <a:xfrm>
                <a:off x="450050" y="465475"/>
                <a:ext cx="8367600" cy="0"/>
              </a:xfrm>
              <a:prstGeom prst="straightConnector1">
                <a:avLst/>
              </a:prstGeom>
              <a:noFill/>
              <a:ln w="9525" cap="flat" cmpd="sng">
                <a:solidFill>
                  <a:schemeClr val="dk2"/>
                </a:solidFill>
                <a:prstDash val="solid"/>
                <a:round/>
                <a:headEnd type="none" w="med" len="med"/>
                <a:tailEnd type="none" w="med" len="med"/>
              </a:ln>
            </p:spPr>
          </p:cxnSp>
          <p:cxnSp>
            <p:nvCxnSpPr>
              <p:cNvPr id="237" name="Google Shape;237;p17"/>
              <p:cNvCxnSpPr/>
              <p:nvPr/>
            </p:nvCxnSpPr>
            <p:spPr>
              <a:xfrm>
                <a:off x="450050" y="516716"/>
                <a:ext cx="8367600" cy="0"/>
              </a:xfrm>
              <a:prstGeom prst="straightConnector1">
                <a:avLst/>
              </a:prstGeom>
              <a:noFill/>
              <a:ln w="28575" cap="flat" cmpd="sng">
                <a:solidFill>
                  <a:schemeClr val="dk2"/>
                </a:solidFill>
                <a:prstDash val="solid"/>
                <a:round/>
                <a:headEnd type="none" w="med" len="med"/>
                <a:tailEnd type="none" w="med" len="med"/>
              </a:ln>
            </p:spPr>
          </p:cxnSp>
        </p:grpSp>
        <p:sp>
          <p:nvSpPr>
            <p:cNvPr id="238" name="Google Shape;238;p17"/>
            <p:cNvSpPr/>
            <p:nvPr/>
          </p:nvSpPr>
          <p:spPr>
            <a:xfrm>
              <a:off x="4146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239" name="Google Shape;239;p17"/>
            <p:cNvSpPr/>
            <p:nvPr/>
          </p:nvSpPr>
          <p:spPr>
            <a:xfrm>
              <a:off x="8538550" y="306600"/>
              <a:ext cx="190800" cy="216600"/>
            </a:xfrm>
            <a:prstGeom prst="star6">
              <a:avLst>
                <a:gd name="adj" fmla="val 28868"/>
                <a:gd name="hf" fmla="val 115470"/>
              </a:avLst>
            </a:prstGeom>
            <a:solidFill>
              <a:schemeClr val="dk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
        <p:nvSpPr>
          <p:cNvPr id="240" name="Google Shape;240;p17"/>
          <p:cNvSpPr txBox="1">
            <a:spLocks noGrp="1"/>
          </p:cNvSpPr>
          <p:nvPr>
            <p:ph type="title"/>
          </p:nvPr>
        </p:nvSpPr>
        <p:spPr>
          <a:xfrm>
            <a:off x="1600000" y="1158278"/>
            <a:ext cx="17120000" cy="1272667"/>
          </a:xfrm>
          <a:prstGeom prst="rect">
            <a:avLst/>
          </a:prstGeom>
        </p:spPr>
        <p:txBody>
          <a:bodyPr spcFirstLastPara="1" wrap="square" lIns="91425" tIns="91425" rIns="91425" bIns="91425" anchor="t" anchorCtr="0">
            <a:noAutofit/>
          </a:bodyPr>
          <a:lstStyle>
            <a:lvl1pPr lvl="0" rtl="0">
              <a:spcBef>
                <a:spcPts val="0"/>
              </a:spcBef>
              <a:spcAft>
                <a:spcPts val="0"/>
              </a:spcAft>
              <a:buSzPts val="3500"/>
              <a:buNone/>
              <a:defRPr/>
            </a:lvl1pPr>
            <a:lvl2pPr lvl="1" rtl="0">
              <a:spcBef>
                <a:spcPts val="0"/>
              </a:spcBef>
              <a:spcAft>
                <a:spcPts val="0"/>
              </a:spcAft>
              <a:buSzPts val="3500"/>
              <a:buNone/>
              <a:defRPr/>
            </a:lvl2pPr>
            <a:lvl3pPr lvl="2" rtl="0">
              <a:spcBef>
                <a:spcPts val="0"/>
              </a:spcBef>
              <a:spcAft>
                <a:spcPts val="0"/>
              </a:spcAft>
              <a:buSzPts val="3500"/>
              <a:buNone/>
              <a:defRPr/>
            </a:lvl3pPr>
            <a:lvl4pPr lvl="3" rtl="0">
              <a:spcBef>
                <a:spcPts val="0"/>
              </a:spcBef>
              <a:spcAft>
                <a:spcPts val="0"/>
              </a:spcAft>
              <a:buSzPts val="3500"/>
              <a:buNone/>
              <a:defRPr/>
            </a:lvl4pPr>
            <a:lvl5pPr lvl="4" rtl="0">
              <a:spcBef>
                <a:spcPts val="0"/>
              </a:spcBef>
              <a:spcAft>
                <a:spcPts val="0"/>
              </a:spcAft>
              <a:buSzPts val="3500"/>
              <a:buNone/>
              <a:defRPr/>
            </a:lvl5pPr>
            <a:lvl6pPr lvl="5" rtl="0">
              <a:spcBef>
                <a:spcPts val="0"/>
              </a:spcBef>
              <a:spcAft>
                <a:spcPts val="0"/>
              </a:spcAft>
              <a:buSzPts val="3500"/>
              <a:buNone/>
              <a:defRPr/>
            </a:lvl6pPr>
            <a:lvl7pPr lvl="6" rtl="0">
              <a:spcBef>
                <a:spcPts val="0"/>
              </a:spcBef>
              <a:spcAft>
                <a:spcPts val="0"/>
              </a:spcAft>
              <a:buSzPts val="3500"/>
              <a:buNone/>
              <a:defRPr/>
            </a:lvl7pPr>
            <a:lvl8pPr lvl="7" rtl="0">
              <a:spcBef>
                <a:spcPts val="0"/>
              </a:spcBef>
              <a:spcAft>
                <a:spcPts val="0"/>
              </a:spcAft>
              <a:buSzPts val="3500"/>
              <a:buNone/>
              <a:defRPr/>
            </a:lvl8pPr>
            <a:lvl9pPr lvl="8" rtl="0">
              <a:spcBef>
                <a:spcPts val="0"/>
              </a:spcBef>
              <a:spcAft>
                <a:spcPts val="0"/>
              </a:spcAft>
              <a:buSzPts val="3500"/>
              <a:buNone/>
              <a:defRPr/>
            </a:lvl9pPr>
          </a:lstStyle>
          <a:p>
            <a:endParaRPr/>
          </a:p>
        </p:txBody>
      </p:sp>
      <p:grpSp>
        <p:nvGrpSpPr>
          <p:cNvPr id="241" name="Google Shape;241;p17"/>
          <p:cNvGrpSpPr/>
          <p:nvPr/>
        </p:nvGrpSpPr>
        <p:grpSpPr>
          <a:xfrm>
            <a:off x="601611" y="7739086"/>
            <a:ext cx="19378000" cy="3005251"/>
            <a:chOff x="270725" y="3482588"/>
            <a:chExt cx="8720100" cy="1352363"/>
          </a:xfrm>
        </p:grpSpPr>
        <p:sp>
          <p:nvSpPr>
            <p:cNvPr id="242" name="Google Shape;242;p17"/>
            <p:cNvSpPr/>
            <p:nvPr/>
          </p:nvSpPr>
          <p:spPr>
            <a:xfrm>
              <a:off x="8528825" y="3482588"/>
              <a:ext cx="462000" cy="1352350"/>
            </a:xfrm>
            <a:custGeom>
              <a:avLst/>
              <a:gdLst/>
              <a:ahLst/>
              <a:cxnLst/>
              <a:rect l="l" t="t" r="r" b="b"/>
              <a:pathLst>
                <a:path w="18480" h="54094" extrusionOk="0">
                  <a:moveTo>
                    <a:pt x="2177" y="27464"/>
                  </a:moveTo>
                  <a:lnTo>
                    <a:pt x="2363" y="27973"/>
                  </a:lnTo>
                  <a:lnTo>
                    <a:pt x="2594" y="28436"/>
                  </a:lnTo>
                  <a:lnTo>
                    <a:pt x="2872" y="28853"/>
                  </a:lnTo>
                  <a:lnTo>
                    <a:pt x="3243" y="29224"/>
                  </a:lnTo>
                  <a:lnTo>
                    <a:pt x="3613" y="29548"/>
                  </a:lnTo>
                  <a:lnTo>
                    <a:pt x="4122" y="29779"/>
                  </a:lnTo>
                  <a:lnTo>
                    <a:pt x="4632" y="30011"/>
                  </a:lnTo>
                  <a:lnTo>
                    <a:pt x="5188" y="30196"/>
                  </a:lnTo>
                  <a:lnTo>
                    <a:pt x="5327" y="31539"/>
                  </a:lnTo>
                  <a:lnTo>
                    <a:pt x="4863" y="31493"/>
                  </a:lnTo>
                  <a:lnTo>
                    <a:pt x="4447" y="31400"/>
                  </a:lnTo>
                  <a:lnTo>
                    <a:pt x="3984" y="31261"/>
                  </a:lnTo>
                  <a:lnTo>
                    <a:pt x="3613" y="31076"/>
                  </a:lnTo>
                  <a:lnTo>
                    <a:pt x="3243" y="30845"/>
                  </a:lnTo>
                  <a:lnTo>
                    <a:pt x="2918" y="30613"/>
                  </a:lnTo>
                  <a:lnTo>
                    <a:pt x="2687" y="30335"/>
                  </a:lnTo>
                  <a:lnTo>
                    <a:pt x="2502" y="30011"/>
                  </a:lnTo>
                  <a:lnTo>
                    <a:pt x="2409" y="29733"/>
                  </a:lnTo>
                  <a:lnTo>
                    <a:pt x="2316" y="29455"/>
                  </a:lnTo>
                  <a:lnTo>
                    <a:pt x="2224" y="28807"/>
                  </a:lnTo>
                  <a:lnTo>
                    <a:pt x="2224" y="28158"/>
                  </a:lnTo>
                  <a:lnTo>
                    <a:pt x="2177" y="27464"/>
                  </a:lnTo>
                  <a:close/>
                  <a:moveTo>
                    <a:pt x="7457" y="1"/>
                  </a:moveTo>
                  <a:lnTo>
                    <a:pt x="7179" y="47"/>
                  </a:lnTo>
                  <a:lnTo>
                    <a:pt x="6901" y="140"/>
                  </a:lnTo>
                  <a:lnTo>
                    <a:pt x="6670" y="278"/>
                  </a:lnTo>
                  <a:lnTo>
                    <a:pt x="6484" y="510"/>
                  </a:lnTo>
                  <a:lnTo>
                    <a:pt x="6299" y="881"/>
                  </a:lnTo>
                  <a:lnTo>
                    <a:pt x="6114" y="1251"/>
                  </a:lnTo>
                  <a:lnTo>
                    <a:pt x="5882" y="2038"/>
                  </a:lnTo>
                  <a:lnTo>
                    <a:pt x="5697" y="2826"/>
                  </a:lnTo>
                  <a:lnTo>
                    <a:pt x="5604" y="3613"/>
                  </a:lnTo>
                  <a:lnTo>
                    <a:pt x="5558" y="4400"/>
                  </a:lnTo>
                  <a:lnTo>
                    <a:pt x="5558" y="5234"/>
                  </a:lnTo>
                  <a:lnTo>
                    <a:pt x="5558" y="6901"/>
                  </a:lnTo>
                  <a:lnTo>
                    <a:pt x="5558" y="10004"/>
                  </a:lnTo>
                  <a:lnTo>
                    <a:pt x="5604" y="13107"/>
                  </a:lnTo>
                  <a:lnTo>
                    <a:pt x="5651" y="14913"/>
                  </a:lnTo>
                  <a:lnTo>
                    <a:pt x="5604" y="16719"/>
                  </a:lnTo>
                  <a:lnTo>
                    <a:pt x="5558" y="18479"/>
                  </a:lnTo>
                  <a:lnTo>
                    <a:pt x="5466" y="19405"/>
                  </a:lnTo>
                  <a:lnTo>
                    <a:pt x="5327" y="20285"/>
                  </a:lnTo>
                  <a:lnTo>
                    <a:pt x="5095" y="21860"/>
                  </a:lnTo>
                  <a:lnTo>
                    <a:pt x="4817" y="23388"/>
                  </a:lnTo>
                  <a:lnTo>
                    <a:pt x="4771" y="24176"/>
                  </a:lnTo>
                  <a:lnTo>
                    <a:pt x="4725" y="24963"/>
                  </a:lnTo>
                  <a:lnTo>
                    <a:pt x="4725" y="25750"/>
                  </a:lnTo>
                  <a:lnTo>
                    <a:pt x="4817" y="26538"/>
                  </a:lnTo>
                  <a:lnTo>
                    <a:pt x="4910" y="27603"/>
                  </a:lnTo>
                  <a:lnTo>
                    <a:pt x="4539" y="27047"/>
                  </a:lnTo>
                  <a:lnTo>
                    <a:pt x="4261" y="26445"/>
                  </a:lnTo>
                  <a:lnTo>
                    <a:pt x="4030" y="25797"/>
                  </a:lnTo>
                  <a:lnTo>
                    <a:pt x="3891" y="25195"/>
                  </a:lnTo>
                  <a:lnTo>
                    <a:pt x="3845" y="24546"/>
                  </a:lnTo>
                  <a:lnTo>
                    <a:pt x="3798" y="23851"/>
                  </a:lnTo>
                  <a:lnTo>
                    <a:pt x="3845" y="22416"/>
                  </a:lnTo>
                  <a:lnTo>
                    <a:pt x="3798" y="21721"/>
                  </a:lnTo>
                  <a:lnTo>
                    <a:pt x="3752" y="21397"/>
                  </a:lnTo>
                  <a:lnTo>
                    <a:pt x="3659" y="21073"/>
                  </a:lnTo>
                  <a:lnTo>
                    <a:pt x="3567" y="20795"/>
                  </a:lnTo>
                  <a:lnTo>
                    <a:pt x="3428" y="20517"/>
                  </a:lnTo>
                  <a:lnTo>
                    <a:pt x="3243" y="20285"/>
                  </a:lnTo>
                  <a:lnTo>
                    <a:pt x="3011" y="20054"/>
                  </a:lnTo>
                  <a:lnTo>
                    <a:pt x="2965" y="20008"/>
                  </a:lnTo>
                  <a:lnTo>
                    <a:pt x="2872" y="20054"/>
                  </a:lnTo>
                  <a:lnTo>
                    <a:pt x="2502" y="20332"/>
                  </a:lnTo>
                  <a:lnTo>
                    <a:pt x="2224" y="20656"/>
                  </a:lnTo>
                  <a:lnTo>
                    <a:pt x="1992" y="21026"/>
                  </a:lnTo>
                  <a:lnTo>
                    <a:pt x="1853" y="21490"/>
                  </a:lnTo>
                  <a:lnTo>
                    <a:pt x="1761" y="21953"/>
                  </a:lnTo>
                  <a:lnTo>
                    <a:pt x="1714" y="22416"/>
                  </a:lnTo>
                  <a:lnTo>
                    <a:pt x="1668" y="22925"/>
                  </a:lnTo>
                  <a:lnTo>
                    <a:pt x="1668" y="23435"/>
                  </a:lnTo>
                  <a:lnTo>
                    <a:pt x="1483" y="22694"/>
                  </a:lnTo>
                  <a:lnTo>
                    <a:pt x="1297" y="21953"/>
                  </a:lnTo>
                  <a:lnTo>
                    <a:pt x="1020" y="21212"/>
                  </a:lnTo>
                  <a:lnTo>
                    <a:pt x="742" y="20424"/>
                  </a:lnTo>
                  <a:lnTo>
                    <a:pt x="695" y="20378"/>
                  </a:lnTo>
                  <a:lnTo>
                    <a:pt x="603" y="20424"/>
                  </a:lnTo>
                  <a:lnTo>
                    <a:pt x="371" y="21397"/>
                  </a:lnTo>
                  <a:lnTo>
                    <a:pt x="232" y="22323"/>
                  </a:lnTo>
                  <a:lnTo>
                    <a:pt x="93" y="23296"/>
                  </a:lnTo>
                  <a:lnTo>
                    <a:pt x="1" y="24268"/>
                  </a:lnTo>
                  <a:lnTo>
                    <a:pt x="1" y="25195"/>
                  </a:lnTo>
                  <a:lnTo>
                    <a:pt x="1" y="26167"/>
                  </a:lnTo>
                  <a:lnTo>
                    <a:pt x="47" y="28158"/>
                  </a:lnTo>
                  <a:lnTo>
                    <a:pt x="140" y="28853"/>
                  </a:lnTo>
                  <a:lnTo>
                    <a:pt x="186" y="29455"/>
                  </a:lnTo>
                  <a:lnTo>
                    <a:pt x="325" y="30057"/>
                  </a:lnTo>
                  <a:lnTo>
                    <a:pt x="510" y="30567"/>
                  </a:lnTo>
                  <a:lnTo>
                    <a:pt x="788" y="31030"/>
                  </a:lnTo>
                  <a:lnTo>
                    <a:pt x="1112" y="31493"/>
                  </a:lnTo>
                  <a:lnTo>
                    <a:pt x="1575" y="31863"/>
                  </a:lnTo>
                  <a:lnTo>
                    <a:pt x="2177" y="32234"/>
                  </a:lnTo>
                  <a:lnTo>
                    <a:pt x="2548" y="32419"/>
                  </a:lnTo>
                  <a:lnTo>
                    <a:pt x="2918" y="32604"/>
                  </a:lnTo>
                  <a:lnTo>
                    <a:pt x="3752" y="32836"/>
                  </a:lnTo>
                  <a:lnTo>
                    <a:pt x="4586" y="33021"/>
                  </a:lnTo>
                  <a:lnTo>
                    <a:pt x="5002" y="33068"/>
                  </a:lnTo>
                  <a:lnTo>
                    <a:pt x="5419" y="33068"/>
                  </a:lnTo>
                  <a:lnTo>
                    <a:pt x="5466" y="34503"/>
                  </a:lnTo>
                  <a:lnTo>
                    <a:pt x="5466" y="35985"/>
                  </a:lnTo>
                  <a:lnTo>
                    <a:pt x="5466" y="37514"/>
                  </a:lnTo>
                  <a:lnTo>
                    <a:pt x="5419" y="39042"/>
                  </a:lnTo>
                  <a:lnTo>
                    <a:pt x="5141" y="45711"/>
                  </a:lnTo>
                  <a:lnTo>
                    <a:pt x="5002" y="47517"/>
                  </a:lnTo>
                  <a:lnTo>
                    <a:pt x="4863" y="49370"/>
                  </a:lnTo>
                  <a:lnTo>
                    <a:pt x="4863" y="50249"/>
                  </a:lnTo>
                  <a:lnTo>
                    <a:pt x="4863" y="51176"/>
                  </a:lnTo>
                  <a:lnTo>
                    <a:pt x="4863" y="52056"/>
                  </a:lnTo>
                  <a:lnTo>
                    <a:pt x="5002" y="52936"/>
                  </a:lnTo>
                  <a:lnTo>
                    <a:pt x="5095" y="53260"/>
                  </a:lnTo>
                  <a:lnTo>
                    <a:pt x="5234" y="53538"/>
                  </a:lnTo>
                  <a:lnTo>
                    <a:pt x="5419" y="53769"/>
                  </a:lnTo>
                  <a:lnTo>
                    <a:pt x="5697" y="53908"/>
                  </a:lnTo>
                  <a:lnTo>
                    <a:pt x="5975" y="54001"/>
                  </a:lnTo>
                  <a:lnTo>
                    <a:pt x="6299" y="54093"/>
                  </a:lnTo>
                  <a:lnTo>
                    <a:pt x="6948" y="54093"/>
                  </a:lnTo>
                  <a:lnTo>
                    <a:pt x="7272" y="54047"/>
                  </a:lnTo>
                  <a:lnTo>
                    <a:pt x="7596" y="53954"/>
                  </a:lnTo>
                  <a:lnTo>
                    <a:pt x="7874" y="53816"/>
                  </a:lnTo>
                  <a:lnTo>
                    <a:pt x="8105" y="53677"/>
                  </a:lnTo>
                  <a:lnTo>
                    <a:pt x="8337" y="53538"/>
                  </a:lnTo>
                  <a:lnTo>
                    <a:pt x="8476" y="53352"/>
                  </a:lnTo>
                  <a:lnTo>
                    <a:pt x="8568" y="53121"/>
                  </a:lnTo>
                  <a:lnTo>
                    <a:pt x="8568" y="52936"/>
                  </a:lnTo>
                  <a:lnTo>
                    <a:pt x="8754" y="52102"/>
                  </a:lnTo>
                  <a:lnTo>
                    <a:pt x="8939" y="51315"/>
                  </a:lnTo>
                  <a:lnTo>
                    <a:pt x="9171" y="49647"/>
                  </a:lnTo>
                  <a:lnTo>
                    <a:pt x="9310" y="47980"/>
                  </a:lnTo>
                  <a:lnTo>
                    <a:pt x="9356" y="46267"/>
                  </a:lnTo>
                  <a:lnTo>
                    <a:pt x="9402" y="42840"/>
                  </a:lnTo>
                  <a:lnTo>
                    <a:pt x="9448" y="41172"/>
                  </a:lnTo>
                  <a:lnTo>
                    <a:pt x="9495" y="39551"/>
                  </a:lnTo>
                  <a:lnTo>
                    <a:pt x="9541" y="38255"/>
                  </a:lnTo>
                  <a:lnTo>
                    <a:pt x="10282" y="38255"/>
                  </a:lnTo>
                  <a:lnTo>
                    <a:pt x="10699" y="38162"/>
                  </a:lnTo>
                  <a:lnTo>
                    <a:pt x="11162" y="38069"/>
                  </a:lnTo>
                  <a:lnTo>
                    <a:pt x="11579" y="37977"/>
                  </a:lnTo>
                  <a:lnTo>
                    <a:pt x="11996" y="37838"/>
                  </a:lnTo>
                  <a:lnTo>
                    <a:pt x="12366" y="37653"/>
                  </a:lnTo>
                  <a:lnTo>
                    <a:pt x="12737" y="37467"/>
                  </a:lnTo>
                  <a:lnTo>
                    <a:pt x="13107" y="37236"/>
                  </a:lnTo>
                  <a:lnTo>
                    <a:pt x="13478" y="36958"/>
                  </a:lnTo>
                  <a:lnTo>
                    <a:pt x="13802" y="36726"/>
                  </a:lnTo>
                  <a:lnTo>
                    <a:pt x="14080" y="36402"/>
                  </a:lnTo>
                  <a:lnTo>
                    <a:pt x="14358" y="36078"/>
                  </a:lnTo>
                  <a:lnTo>
                    <a:pt x="14635" y="35754"/>
                  </a:lnTo>
                  <a:lnTo>
                    <a:pt x="14867" y="35383"/>
                  </a:lnTo>
                  <a:lnTo>
                    <a:pt x="15099" y="34966"/>
                  </a:lnTo>
                  <a:lnTo>
                    <a:pt x="15284" y="34550"/>
                  </a:lnTo>
                  <a:lnTo>
                    <a:pt x="15562" y="33901"/>
                  </a:lnTo>
                  <a:lnTo>
                    <a:pt x="15840" y="33207"/>
                  </a:lnTo>
                  <a:lnTo>
                    <a:pt x="16303" y="31863"/>
                  </a:lnTo>
                  <a:lnTo>
                    <a:pt x="17136" y="29085"/>
                  </a:lnTo>
                  <a:lnTo>
                    <a:pt x="17553" y="27788"/>
                  </a:lnTo>
                  <a:lnTo>
                    <a:pt x="17970" y="26538"/>
                  </a:lnTo>
                  <a:lnTo>
                    <a:pt x="18155" y="25889"/>
                  </a:lnTo>
                  <a:lnTo>
                    <a:pt x="18294" y="25241"/>
                  </a:lnTo>
                  <a:lnTo>
                    <a:pt x="18433" y="24592"/>
                  </a:lnTo>
                  <a:lnTo>
                    <a:pt x="18479" y="23898"/>
                  </a:lnTo>
                  <a:lnTo>
                    <a:pt x="18479" y="23620"/>
                  </a:lnTo>
                  <a:lnTo>
                    <a:pt x="18433" y="23157"/>
                  </a:lnTo>
                  <a:lnTo>
                    <a:pt x="18340" y="22601"/>
                  </a:lnTo>
                  <a:lnTo>
                    <a:pt x="18202" y="21999"/>
                  </a:lnTo>
                  <a:lnTo>
                    <a:pt x="17970" y="21443"/>
                  </a:lnTo>
                  <a:lnTo>
                    <a:pt x="17831" y="21212"/>
                  </a:lnTo>
                  <a:lnTo>
                    <a:pt x="17692" y="21026"/>
                  </a:lnTo>
                  <a:lnTo>
                    <a:pt x="17507" y="20887"/>
                  </a:lnTo>
                  <a:lnTo>
                    <a:pt x="17322" y="20795"/>
                  </a:lnTo>
                  <a:lnTo>
                    <a:pt x="17090" y="20841"/>
                  </a:lnTo>
                  <a:lnTo>
                    <a:pt x="16858" y="20934"/>
                  </a:lnTo>
                  <a:lnTo>
                    <a:pt x="16442" y="21212"/>
                  </a:lnTo>
                  <a:lnTo>
                    <a:pt x="16117" y="21490"/>
                  </a:lnTo>
                  <a:lnTo>
                    <a:pt x="15886" y="21767"/>
                  </a:lnTo>
                  <a:lnTo>
                    <a:pt x="15701" y="22092"/>
                  </a:lnTo>
                  <a:lnTo>
                    <a:pt x="15515" y="22416"/>
                  </a:lnTo>
                  <a:lnTo>
                    <a:pt x="15423" y="22833"/>
                  </a:lnTo>
                  <a:lnTo>
                    <a:pt x="15191" y="23759"/>
                  </a:lnTo>
                  <a:lnTo>
                    <a:pt x="14821" y="25195"/>
                  </a:lnTo>
                  <a:lnTo>
                    <a:pt x="14404" y="26630"/>
                  </a:lnTo>
                  <a:lnTo>
                    <a:pt x="13524" y="29502"/>
                  </a:lnTo>
                  <a:lnTo>
                    <a:pt x="12876" y="31771"/>
                  </a:lnTo>
                  <a:lnTo>
                    <a:pt x="12505" y="32882"/>
                  </a:lnTo>
                  <a:lnTo>
                    <a:pt x="12274" y="33438"/>
                  </a:lnTo>
                  <a:lnTo>
                    <a:pt x="12042" y="33994"/>
                  </a:lnTo>
                  <a:lnTo>
                    <a:pt x="11857" y="34411"/>
                  </a:lnTo>
                  <a:lnTo>
                    <a:pt x="11579" y="34781"/>
                  </a:lnTo>
                  <a:lnTo>
                    <a:pt x="11347" y="35105"/>
                  </a:lnTo>
                  <a:lnTo>
                    <a:pt x="11069" y="35337"/>
                  </a:lnTo>
                  <a:lnTo>
                    <a:pt x="10745" y="35568"/>
                  </a:lnTo>
                  <a:lnTo>
                    <a:pt x="10375" y="35707"/>
                  </a:lnTo>
                  <a:lnTo>
                    <a:pt x="10004" y="35846"/>
                  </a:lnTo>
                  <a:lnTo>
                    <a:pt x="9587" y="35939"/>
                  </a:lnTo>
                  <a:lnTo>
                    <a:pt x="9587" y="33716"/>
                  </a:lnTo>
                  <a:lnTo>
                    <a:pt x="9495" y="31493"/>
                  </a:lnTo>
                  <a:lnTo>
                    <a:pt x="9310" y="29270"/>
                  </a:lnTo>
                  <a:lnTo>
                    <a:pt x="9078" y="27047"/>
                  </a:lnTo>
                  <a:lnTo>
                    <a:pt x="8985" y="26213"/>
                  </a:lnTo>
                  <a:lnTo>
                    <a:pt x="8939" y="25426"/>
                  </a:lnTo>
                  <a:lnTo>
                    <a:pt x="8939" y="24639"/>
                  </a:lnTo>
                  <a:lnTo>
                    <a:pt x="8985" y="23898"/>
                  </a:lnTo>
                  <a:lnTo>
                    <a:pt x="9171" y="22369"/>
                  </a:lnTo>
                  <a:lnTo>
                    <a:pt x="9448" y="20749"/>
                  </a:lnTo>
                  <a:lnTo>
                    <a:pt x="9587" y="19915"/>
                  </a:lnTo>
                  <a:lnTo>
                    <a:pt x="9680" y="19128"/>
                  </a:lnTo>
                  <a:lnTo>
                    <a:pt x="9819" y="17460"/>
                  </a:lnTo>
                  <a:lnTo>
                    <a:pt x="9865" y="15793"/>
                  </a:lnTo>
                  <a:lnTo>
                    <a:pt x="9865" y="14126"/>
                  </a:lnTo>
                  <a:lnTo>
                    <a:pt x="9773" y="10513"/>
                  </a:lnTo>
                  <a:lnTo>
                    <a:pt x="9634" y="6901"/>
                  </a:lnTo>
                  <a:lnTo>
                    <a:pt x="9587" y="5234"/>
                  </a:lnTo>
                  <a:lnTo>
                    <a:pt x="9541" y="4400"/>
                  </a:lnTo>
                  <a:lnTo>
                    <a:pt x="9448" y="3613"/>
                  </a:lnTo>
                  <a:lnTo>
                    <a:pt x="9310" y="2779"/>
                  </a:lnTo>
                  <a:lnTo>
                    <a:pt x="9124" y="1992"/>
                  </a:lnTo>
                  <a:lnTo>
                    <a:pt x="8846" y="1251"/>
                  </a:lnTo>
                  <a:lnTo>
                    <a:pt x="8661" y="881"/>
                  </a:lnTo>
                  <a:lnTo>
                    <a:pt x="8430" y="510"/>
                  </a:lnTo>
                  <a:lnTo>
                    <a:pt x="8244" y="278"/>
                  </a:lnTo>
                  <a:lnTo>
                    <a:pt x="8013" y="140"/>
                  </a:lnTo>
                  <a:lnTo>
                    <a:pt x="7735" y="47"/>
                  </a:lnTo>
                  <a:lnTo>
                    <a:pt x="7457" y="1"/>
                  </a:lnTo>
                  <a:close/>
                </a:path>
              </a:pathLst>
            </a:custGeom>
            <a:solidFill>
              <a:schemeClr val="l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243" name="Google Shape;243;p17"/>
            <p:cNvSpPr/>
            <p:nvPr/>
          </p:nvSpPr>
          <p:spPr>
            <a:xfrm>
              <a:off x="270725" y="3853100"/>
              <a:ext cx="291800" cy="981850"/>
            </a:xfrm>
            <a:custGeom>
              <a:avLst/>
              <a:gdLst/>
              <a:ahLst/>
              <a:cxnLst/>
              <a:rect l="l" t="t" r="r" b="b"/>
              <a:pathLst>
                <a:path w="11672" h="39274" extrusionOk="0">
                  <a:moveTo>
                    <a:pt x="6253" y="1"/>
                  </a:moveTo>
                  <a:lnTo>
                    <a:pt x="6068" y="47"/>
                  </a:lnTo>
                  <a:lnTo>
                    <a:pt x="5929" y="140"/>
                  </a:lnTo>
                  <a:lnTo>
                    <a:pt x="5558" y="603"/>
                  </a:lnTo>
                  <a:lnTo>
                    <a:pt x="5327" y="1112"/>
                  </a:lnTo>
                  <a:lnTo>
                    <a:pt x="5141" y="1622"/>
                  </a:lnTo>
                  <a:lnTo>
                    <a:pt x="5002" y="2177"/>
                  </a:lnTo>
                  <a:lnTo>
                    <a:pt x="4910" y="2733"/>
                  </a:lnTo>
                  <a:lnTo>
                    <a:pt x="4863" y="3289"/>
                  </a:lnTo>
                  <a:lnTo>
                    <a:pt x="4817" y="4447"/>
                  </a:lnTo>
                  <a:lnTo>
                    <a:pt x="4771" y="6855"/>
                  </a:lnTo>
                  <a:lnTo>
                    <a:pt x="4725" y="9263"/>
                  </a:lnTo>
                  <a:lnTo>
                    <a:pt x="4771" y="11903"/>
                  </a:lnTo>
                  <a:lnTo>
                    <a:pt x="4817" y="14543"/>
                  </a:lnTo>
                  <a:lnTo>
                    <a:pt x="4586" y="14172"/>
                  </a:lnTo>
                  <a:lnTo>
                    <a:pt x="4447" y="13755"/>
                  </a:lnTo>
                  <a:lnTo>
                    <a:pt x="4308" y="13339"/>
                  </a:lnTo>
                  <a:lnTo>
                    <a:pt x="4215" y="12922"/>
                  </a:lnTo>
                  <a:lnTo>
                    <a:pt x="4169" y="12459"/>
                  </a:lnTo>
                  <a:lnTo>
                    <a:pt x="4076" y="11533"/>
                  </a:lnTo>
                  <a:lnTo>
                    <a:pt x="4030" y="10699"/>
                  </a:lnTo>
                  <a:lnTo>
                    <a:pt x="4076" y="10189"/>
                  </a:lnTo>
                  <a:lnTo>
                    <a:pt x="4076" y="9680"/>
                  </a:lnTo>
                  <a:lnTo>
                    <a:pt x="4030" y="8661"/>
                  </a:lnTo>
                  <a:lnTo>
                    <a:pt x="3798" y="6670"/>
                  </a:lnTo>
                  <a:lnTo>
                    <a:pt x="3752" y="5605"/>
                  </a:lnTo>
                  <a:lnTo>
                    <a:pt x="3659" y="4586"/>
                  </a:lnTo>
                  <a:lnTo>
                    <a:pt x="3613" y="4076"/>
                  </a:lnTo>
                  <a:lnTo>
                    <a:pt x="3520" y="3567"/>
                  </a:lnTo>
                  <a:lnTo>
                    <a:pt x="3381" y="3057"/>
                  </a:lnTo>
                  <a:lnTo>
                    <a:pt x="3150" y="2594"/>
                  </a:lnTo>
                  <a:lnTo>
                    <a:pt x="3104" y="2502"/>
                  </a:lnTo>
                  <a:lnTo>
                    <a:pt x="3011" y="2409"/>
                  </a:lnTo>
                  <a:lnTo>
                    <a:pt x="2826" y="2363"/>
                  </a:lnTo>
                  <a:lnTo>
                    <a:pt x="2594" y="2455"/>
                  </a:lnTo>
                  <a:lnTo>
                    <a:pt x="2548" y="2502"/>
                  </a:lnTo>
                  <a:lnTo>
                    <a:pt x="2455" y="2594"/>
                  </a:lnTo>
                  <a:lnTo>
                    <a:pt x="2224" y="3104"/>
                  </a:lnTo>
                  <a:lnTo>
                    <a:pt x="2038" y="3613"/>
                  </a:lnTo>
                  <a:lnTo>
                    <a:pt x="1946" y="4169"/>
                  </a:lnTo>
                  <a:lnTo>
                    <a:pt x="1853" y="4725"/>
                  </a:lnTo>
                  <a:lnTo>
                    <a:pt x="1853" y="5280"/>
                  </a:lnTo>
                  <a:lnTo>
                    <a:pt x="1853" y="5836"/>
                  </a:lnTo>
                  <a:lnTo>
                    <a:pt x="1899" y="6994"/>
                  </a:lnTo>
                  <a:lnTo>
                    <a:pt x="1992" y="8105"/>
                  </a:lnTo>
                  <a:lnTo>
                    <a:pt x="2131" y="9171"/>
                  </a:lnTo>
                  <a:lnTo>
                    <a:pt x="2177" y="10421"/>
                  </a:lnTo>
                  <a:lnTo>
                    <a:pt x="2270" y="11625"/>
                  </a:lnTo>
                  <a:lnTo>
                    <a:pt x="2455" y="12737"/>
                  </a:lnTo>
                  <a:lnTo>
                    <a:pt x="2548" y="13292"/>
                  </a:lnTo>
                  <a:lnTo>
                    <a:pt x="2687" y="13802"/>
                  </a:lnTo>
                  <a:lnTo>
                    <a:pt x="2872" y="14265"/>
                  </a:lnTo>
                  <a:lnTo>
                    <a:pt x="3057" y="14682"/>
                  </a:lnTo>
                  <a:lnTo>
                    <a:pt x="3289" y="15052"/>
                  </a:lnTo>
                  <a:lnTo>
                    <a:pt x="3567" y="15376"/>
                  </a:lnTo>
                  <a:lnTo>
                    <a:pt x="3845" y="15654"/>
                  </a:lnTo>
                  <a:lnTo>
                    <a:pt x="4169" y="15886"/>
                  </a:lnTo>
                  <a:lnTo>
                    <a:pt x="4493" y="16025"/>
                  </a:lnTo>
                  <a:lnTo>
                    <a:pt x="4863" y="16071"/>
                  </a:lnTo>
                  <a:lnTo>
                    <a:pt x="5002" y="18850"/>
                  </a:lnTo>
                  <a:lnTo>
                    <a:pt x="5049" y="19545"/>
                  </a:lnTo>
                  <a:lnTo>
                    <a:pt x="4910" y="19591"/>
                  </a:lnTo>
                  <a:lnTo>
                    <a:pt x="4586" y="19730"/>
                  </a:lnTo>
                  <a:lnTo>
                    <a:pt x="4261" y="19730"/>
                  </a:lnTo>
                  <a:lnTo>
                    <a:pt x="3984" y="19683"/>
                  </a:lnTo>
                  <a:lnTo>
                    <a:pt x="3752" y="19545"/>
                  </a:lnTo>
                  <a:lnTo>
                    <a:pt x="3520" y="19359"/>
                  </a:lnTo>
                  <a:lnTo>
                    <a:pt x="3289" y="19128"/>
                  </a:lnTo>
                  <a:lnTo>
                    <a:pt x="3104" y="18804"/>
                  </a:lnTo>
                  <a:lnTo>
                    <a:pt x="2965" y="18479"/>
                  </a:lnTo>
                  <a:lnTo>
                    <a:pt x="2687" y="17692"/>
                  </a:lnTo>
                  <a:lnTo>
                    <a:pt x="2455" y="16812"/>
                  </a:lnTo>
                  <a:lnTo>
                    <a:pt x="2316" y="15886"/>
                  </a:lnTo>
                  <a:lnTo>
                    <a:pt x="2224" y="15052"/>
                  </a:lnTo>
                  <a:lnTo>
                    <a:pt x="2224" y="14033"/>
                  </a:lnTo>
                  <a:lnTo>
                    <a:pt x="2177" y="13061"/>
                  </a:lnTo>
                  <a:lnTo>
                    <a:pt x="1992" y="11069"/>
                  </a:lnTo>
                  <a:lnTo>
                    <a:pt x="1899" y="9958"/>
                  </a:lnTo>
                  <a:lnTo>
                    <a:pt x="1807" y="9402"/>
                  </a:lnTo>
                  <a:lnTo>
                    <a:pt x="1714" y="8893"/>
                  </a:lnTo>
                  <a:lnTo>
                    <a:pt x="1529" y="8383"/>
                  </a:lnTo>
                  <a:lnTo>
                    <a:pt x="1344" y="7874"/>
                  </a:lnTo>
                  <a:lnTo>
                    <a:pt x="1066" y="7364"/>
                  </a:lnTo>
                  <a:lnTo>
                    <a:pt x="742" y="6901"/>
                  </a:lnTo>
                  <a:lnTo>
                    <a:pt x="649" y="6809"/>
                  </a:lnTo>
                  <a:lnTo>
                    <a:pt x="556" y="6762"/>
                  </a:lnTo>
                  <a:lnTo>
                    <a:pt x="417" y="6762"/>
                  </a:lnTo>
                  <a:lnTo>
                    <a:pt x="279" y="6809"/>
                  </a:lnTo>
                  <a:lnTo>
                    <a:pt x="186" y="6855"/>
                  </a:lnTo>
                  <a:lnTo>
                    <a:pt x="93" y="6948"/>
                  </a:lnTo>
                  <a:lnTo>
                    <a:pt x="47" y="7087"/>
                  </a:lnTo>
                  <a:lnTo>
                    <a:pt x="1" y="7179"/>
                  </a:lnTo>
                  <a:lnTo>
                    <a:pt x="47" y="8430"/>
                  </a:lnTo>
                  <a:lnTo>
                    <a:pt x="140" y="9634"/>
                  </a:lnTo>
                  <a:lnTo>
                    <a:pt x="232" y="10838"/>
                  </a:lnTo>
                  <a:lnTo>
                    <a:pt x="325" y="12088"/>
                  </a:lnTo>
                  <a:lnTo>
                    <a:pt x="371" y="13153"/>
                  </a:lnTo>
                  <a:lnTo>
                    <a:pt x="464" y="14265"/>
                  </a:lnTo>
                  <a:lnTo>
                    <a:pt x="510" y="15284"/>
                  </a:lnTo>
                  <a:lnTo>
                    <a:pt x="603" y="16256"/>
                  </a:lnTo>
                  <a:lnTo>
                    <a:pt x="742" y="17275"/>
                  </a:lnTo>
                  <a:lnTo>
                    <a:pt x="834" y="17738"/>
                  </a:lnTo>
                  <a:lnTo>
                    <a:pt x="973" y="18201"/>
                  </a:lnTo>
                  <a:lnTo>
                    <a:pt x="1066" y="18572"/>
                  </a:lnTo>
                  <a:lnTo>
                    <a:pt x="1205" y="18896"/>
                  </a:lnTo>
                  <a:lnTo>
                    <a:pt x="1575" y="19498"/>
                  </a:lnTo>
                  <a:lnTo>
                    <a:pt x="2038" y="20054"/>
                  </a:lnTo>
                  <a:lnTo>
                    <a:pt x="2270" y="20332"/>
                  </a:lnTo>
                  <a:lnTo>
                    <a:pt x="2548" y="20563"/>
                  </a:lnTo>
                  <a:lnTo>
                    <a:pt x="2826" y="20749"/>
                  </a:lnTo>
                  <a:lnTo>
                    <a:pt x="3104" y="20934"/>
                  </a:lnTo>
                  <a:lnTo>
                    <a:pt x="3428" y="21073"/>
                  </a:lnTo>
                  <a:lnTo>
                    <a:pt x="3752" y="21165"/>
                  </a:lnTo>
                  <a:lnTo>
                    <a:pt x="4076" y="21258"/>
                  </a:lnTo>
                  <a:lnTo>
                    <a:pt x="4771" y="21258"/>
                  </a:lnTo>
                  <a:lnTo>
                    <a:pt x="5095" y="21212"/>
                  </a:lnTo>
                  <a:lnTo>
                    <a:pt x="5141" y="23388"/>
                  </a:lnTo>
                  <a:lnTo>
                    <a:pt x="5141" y="25519"/>
                  </a:lnTo>
                  <a:lnTo>
                    <a:pt x="5188" y="29872"/>
                  </a:lnTo>
                  <a:lnTo>
                    <a:pt x="5188" y="32049"/>
                  </a:lnTo>
                  <a:lnTo>
                    <a:pt x="5234" y="34179"/>
                  </a:lnTo>
                  <a:lnTo>
                    <a:pt x="5327" y="36356"/>
                  </a:lnTo>
                  <a:lnTo>
                    <a:pt x="5466" y="38533"/>
                  </a:lnTo>
                  <a:lnTo>
                    <a:pt x="5512" y="38672"/>
                  </a:lnTo>
                  <a:lnTo>
                    <a:pt x="5558" y="38857"/>
                  </a:lnTo>
                  <a:lnTo>
                    <a:pt x="5697" y="38949"/>
                  </a:lnTo>
                  <a:lnTo>
                    <a:pt x="5836" y="39088"/>
                  </a:lnTo>
                  <a:lnTo>
                    <a:pt x="6021" y="39135"/>
                  </a:lnTo>
                  <a:lnTo>
                    <a:pt x="6207" y="39227"/>
                  </a:lnTo>
                  <a:lnTo>
                    <a:pt x="6577" y="39274"/>
                  </a:lnTo>
                  <a:lnTo>
                    <a:pt x="6994" y="39227"/>
                  </a:lnTo>
                  <a:lnTo>
                    <a:pt x="7179" y="39135"/>
                  </a:lnTo>
                  <a:lnTo>
                    <a:pt x="7318" y="39088"/>
                  </a:lnTo>
                  <a:lnTo>
                    <a:pt x="7457" y="38949"/>
                  </a:lnTo>
                  <a:lnTo>
                    <a:pt x="7596" y="38857"/>
                  </a:lnTo>
                  <a:lnTo>
                    <a:pt x="7642" y="38718"/>
                  </a:lnTo>
                  <a:lnTo>
                    <a:pt x="7689" y="38533"/>
                  </a:lnTo>
                  <a:lnTo>
                    <a:pt x="7689" y="36587"/>
                  </a:lnTo>
                  <a:lnTo>
                    <a:pt x="7596" y="34642"/>
                  </a:lnTo>
                  <a:lnTo>
                    <a:pt x="7411" y="30798"/>
                  </a:lnTo>
                  <a:lnTo>
                    <a:pt x="7179" y="26955"/>
                  </a:lnTo>
                  <a:lnTo>
                    <a:pt x="6948" y="23111"/>
                  </a:lnTo>
                  <a:lnTo>
                    <a:pt x="6948" y="23111"/>
                  </a:lnTo>
                  <a:lnTo>
                    <a:pt x="7225" y="23157"/>
                  </a:lnTo>
                  <a:lnTo>
                    <a:pt x="7828" y="23157"/>
                  </a:lnTo>
                  <a:lnTo>
                    <a:pt x="8152" y="23111"/>
                  </a:lnTo>
                  <a:lnTo>
                    <a:pt x="8430" y="23018"/>
                  </a:lnTo>
                  <a:lnTo>
                    <a:pt x="8707" y="22879"/>
                  </a:lnTo>
                  <a:lnTo>
                    <a:pt x="9217" y="22555"/>
                  </a:lnTo>
                  <a:lnTo>
                    <a:pt x="9726" y="22184"/>
                  </a:lnTo>
                  <a:lnTo>
                    <a:pt x="10143" y="21721"/>
                  </a:lnTo>
                  <a:lnTo>
                    <a:pt x="10514" y="21165"/>
                  </a:lnTo>
                  <a:lnTo>
                    <a:pt x="10792" y="20656"/>
                  </a:lnTo>
                  <a:lnTo>
                    <a:pt x="11116" y="19730"/>
                  </a:lnTo>
                  <a:lnTo>
                    <a:pt x="11394" y="18757"/>
                  </a:lnTo>
                  <a:lnTo>
                    <a:pt x="11579" y="17785"/>
                  </a:lnTo>
                  <a:lnTo>
                    <a:pt x="11671" y="16766"/>
                  </a:lnTo>
                  <a:lnTo>
                    <a:pt x="11671" y="15747"/>
                  </a:lnTo>
                  <a:lnTo>
                    <a:pt x="11625" y="15237"/>
                  </a:lnTo>
                  <a:lnTo>
                    <a:pt x="11533" y="14728"/>
                  </a:lnTo>
                  <a:lnTo>
                    <a:pt x="11440" y="14265"/>
                  </a:lnTo>
                  <a:lnTo>
                    <a:pt x="11301" y="13755"/>
                  </a:lnTo>
                  <a:lnTo>
                    <a:pt x="11162" y="13339"/>
                  </a:lnTo>
                  <a:lnTo>
                    <a:pt x="10977" y="12876"/>
                  </a:lnTo>
                  <a:lnTo>
                    <a:pt x="10884" y="12783"/>
                  </a:lnTo>
                  <a:lnTo>
                    <a:pt x="10792" y="12690"/>
                  </a:lnTo>
                  <a:lnTo>
                    <a:pt x="10653" y="12644"/>
                  </a:lnTo>
                  <a:lnTo>
                    <a:pt x="10560" y="12690"/>
                  </a:lnTo>
                  <a:lnTo>
                    <a:pt x="10421" y="12690"/>
                  </a:lnTo>
                  <a:lnTo>
                    <a:pt x="10328" y="12783"/>
                  </a:lnTo>
                  <a:lnTo>
                    <a:pt x="10236" y="12876"/>
                  </a:lnTo>
                  <a:lnTo>
                    <a:pt x="10189" y="12968"/>
                  </a:lnTo>
                  <a:lnTo>
                    <a:pt x="10004" y="13524"/>
                  </a:lnTo>
                  <a:lnTo>
                    <a:pt x="9912" y="14033"/>
                  </a:lnTo>
                  <a:lnTo>
                    <a:pt x="9726" y="15099"/>
                  </a:lnTo>
                  <a:lnTo>
                    <a:pt x="9448" y="17229"/>
                  </a:lnTo>
                  <a:lnTo>
                    <a:pt x="9263" y="18433"/>
                  </a:lnTo>
                  <a:lnTo>
                    <a:pt x="9078" y="19128"/>
                  </a:lnTo>
                  <a:lnTo>
                    <a:pt x="8846" y="19822"/>
                  </a:lnTo>
                  <a:lnTo>
                    <a:pt x="8707" y="20054"/>
                  </a:lnTo>
                  <a:lnTo>
                    <a:pt x="8569" y="20286"/>
                  </a:lnTo>
                  <a:lnTo>
                    <a:pt x="8383" y="20471"/>
                  </a:lnTo>
                  <a:lnTo>
                    <a:pt x="8198" y="20610"/>
                  </a:lnTo>
                  <a:lnTo>
                    <a:pt x="7920" y="20702"/>
                  </a:lnTo>
                  <a:lnTo>
                    <a:pt x="7689" y="20749"/>
                  </a:lnTo>
                  <a:lnTo>
                    <a:pt x="7364" y="20749"/>
                  </a:lnTo>
                  <a:lnTo>
                    <a:pt x="6994" y="20702"/>
                  </a:lnTo>
                  <a:lnTo>
                    <a:pt x="6855" y="20656"/>
                  </a:lnTo>
                  <a:lnTo>
                    <a:pt x="6809" y="18850"/>
                  </a:lnTo>
                  <a:lnTo>
                    <a:pt x="6809" y="17877"/>
                  </a:lnTo>
                  <a:lnTo>
                    <a:pt x="7225" y="17831"/>
                  </a:lnTo>
                  <a:lnTo>
                    <a:pt x="7550" y="17738"/>
                  </a:lnTo>
                  <a:lnTo>
                    <a:pt x="7874" y="17599"/>
                  </a:lnTo>
                  <a:lnTo>
                    <a:pt x="8105" y="17414"/>
                  </a:lnTo>
                  <a:lnTo>
                    <a:pt x="8337" y="17229"/>
                  </a:lnTo>
                  <a:lnTo>
                    <a:pt x="8476" y="17044"/>
                  </a:lnTo>
                  <a:lnTo>
                    <a:pt x="8615" y="16812"/>
                  </a:lnTo>
                  <a:lnTo>
                    <a:pt x="8754" y="16534"/>
                  </a:lnTo>
                  <a:lnTo>
                    <a:pt x="8893" y="16349"/>
                  </a:lnTo>
                  <a:lnTo>
                    <a:pt x="9032" y="16117"/>
                  </a:lnTo>
                  <a:lnTo>
                    <a:pt x="9217" y="15562"/>
                  </a:lnTo>
                  <a:lnTo>
                    <a:pt x="9356" y="15006"/>
                  </a:lnTo>
                  <a:lnTo>
                    <a:pt x="9402" y="14404"/>
                  </a:lnTo>
                  <a:lnTo>
                    <a:pt x="9448" y="13061"/>
                  </a:lnTo>
                  <a:lnTo>
                    <a:pt x="9819" y="11394"/>
                  </a:lnTo>
                  <a:lnTo>
                    <a:pt x="9912" y="10560"/>
                  </a:lnTo>
                  <a:lnTo>
                    <a:pt x="10004" y="9726"/>
                  </a:lnTo>
                  <a:lnTo>
                    <a:pt x="10004" y="8893"/>
                  </a:lnTo>
                  <a:lnTo>
                    <a:pt x="9912" y="8059"/>
                  </a:lnTo>
                  <a:lnTo>
                    <a:pt x="9819" y="7642"/>
                  </a:lnTo>
                  <a:lnTo>
                    <a:pt x="9726" y="7225"/>
                  </a:lnTo>
                  <a:lnTo>
                    <a:pt x="9541" y="6809"/>
                  </a:lnTo>
                  <a:lnTo>
                    <a:pt x="9356" y="6392"/>
                  </a:lnTo>
                  <a:lnTo>
                    <a:pt x="9263" y="6299"/>
                  </a:lnTo>
                  <a:lnTo>
                    <a:pt x="9171" y="6207"/>
                  </a:lnTo>
                  <a:lnTo>
                    <a:pt x="8939" y="6207"/>
                  </a:lnTo>
                  <a:lnTo>
                    <a:pt x="8846" y="6253"/>
                  </a:lnTo>
                  <a:lnTo>
                    <a:pt x="8707" y="6299"/>
                  </a:lnTo>
                  <a:lnTo>
                    <a:pt x="8661" y="6392"/>
                  </a:lnTo>
                  <a:lnTo>
                    <a:pt x="8569" y="6531"/>
                  </a:lnTo>
                  <a:lnTo>
                    <a:pt x="8383" y="7179"/>
                  </a:lnTo>
                  <a:lnTo>
                    <a:pt x="8198" y="7920"/>
                  </a:lnTo>
                  <a:lnTo>
                    <a:pt x="8059" y="8661"/>
                  </a:lnTo>
                  <a:lnTo>
                    <a:pt x="7966" y="9448"/>
                  </a:lnTo>
                  <a:lnTo>
                    <a:pt x="7828" y="10977"/>
                  </a:lnTo>
                  <a:lnTo>
                    <a:pt x="7735" y="12459"/>
                  </a:lnTo>
                  <a:lnTo>
                    <a:pt x="7689" y="13014"/>
                  </a:lnTo>
                  <a:lnTo>
                    <a:pt x="7735" y="13570"/>
                  </a:lnTo>
                  <a:lnTo>
                    <a:pt x="7735" y="14126"/>
                  </a:lnTo>
                  <a:lnTo>
                    <a:pt x="7735" y="14404"/>
                  </a:lnTo>
                  <a:lnTo>
                    <a:pt x="7689" y="14682"/>
                  </a:lnTo>
                  <a:lnTo>
                    <a:pt x="7550" y="15099"/>
                  </a:lnTo>
                  <a:lnTo>
                    <a:pt x="7318" y="15423"/>
                  </a:lnTo>
                  <a:lnTo>
                    <a:pt x="7087" y="15654"/>
                  </a:lnTo>
                  <a:lnTo>
                    <a:pt x="6809" y="15886"/>
                  </a:lnTo>
                  <a:lnTo>
                    <a:pt x="6809" y="12551"/>
                  </a:lnTo>
                  <a:lnTo>
                    <a:pt x="6855" y="9263"/>
                  </a:lnTo>
                  <a:lnTo>
                    <a:pt x="6948" y="6670"/>
                  </a:lnTo>
                  <a:lnTo>
                    <a:pt x="7087" y="4076"/>
                  </a:lnTo>
                  <a:lnTo>
                    <a:pt x="7133" y="3057"/>
                  </a:lnTo>
                  <a:lnTo>
                    <a:pt x="7179" y="2548"/>
                  </a:lnTo>
                  <a:lnTo>
                    <a:pt x="7133" y="2038"/>
                  </a:lnTo>
                  <a:lnTo>
                    <a:pt x="7087" y="1529"/>
                  </a:lnTo>
                  <a:lnTo>
                    <a:pt x="6994" y="1066"/>
                  </a:lnTo>
                  <a:lnTo>
                    <a:pt x="6809" y="603"/>
                  </a:lnTo>
                  <a:lnTo>
                    <a:pt x="6531" y="140"/>
                  </a:lnTo>
                  <a:lnTo>
                    <a:pt x="6438" y="47"/>
                  </a:lnTo>
                  <a:lnTo>
                    <a:pt x="6253" y="1"/>
                  </a:lnTo>
                  <a:close/>
                </a:path>
              </a:pathLst>
            </a:cu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grpSp>
        <p:nvGrpSpPr>
          <p:cNvPr id="244" name="Google Shape;244;p17"/>
          <p:cNvGrpSpPr/>
          <p:nvPr/>
        </p:nvGrpSpPr>
        <p:grpSpPr>
          <a:xfrm>
            <a:off x="-56" y="10231116"/>
            <a:ext cx="20320000" cy="1270631"/>
            <a:chOff x="-25" y="4571727"/>
            <a:chExt cx="9144000" cy="571784"/>
          </a:xfrm>
        </p:grpSpPr>
        <p:sp>
          <p:nvSpPr>
            <p:cNvPr id="245" name="Google Shape;245;p17"/>
            <p:cNvSpPr/>
            <p:nvPr/>
          </p:nvSpPr>
          <p:spPr>
            <a:xfrm flipH="1">
              <a:off x="-25" y="4592730"/>
              <a:ext cx="9144000" cy="550780"/>
            </a:xfrm>
            <a:custGeom>
              <a:avLst/>
              <a:gdLst/>
              <a:ahLst/>
              <a:cxnLst/>
              <a:rect l="l" t="t" r="r" b="b"/>
              <a:pathLst>
                <a:path w="285750" h="81326" extrusionOk="0">
                  <a:moveTo>
                    <a:pt x="84150" y="1"/>
                  </a:moveTo>
                  <a:lnTo>
                    <a:pt x="83270" y="47"/>
                  </a:lnTo>
                  <a:lnTo>
                    <a:pt x="82437" y="186"/>
                  </a:lnTo>
                  <a:lnTo>
                    <a:pt x="80723" y="464"/>
                  </a:lnTo>
                  <a:lnTo>
                    <a:pt x="78917" y="835"/>
                  </a:lnTo>
                  <a:lnTo>
                    <a:pt x="77111" y="1205"/>
                  </a:lnTo>
                  <a:lnTo>
                    <a:pt x="75258" y="1668"/>
                  </a:lnTo>
                  <a:lnTo>
                    <a:pt x="73359" y="2178"/>
                  </a:lnTo>
                  <a:lnTo>
                    <a:pt x="71414" y="2687"/>
                  </a:lnTo>
                  <a:lnTo>
                    <a:pt x="67478" y="3845"/>
                  </a:lnTo>
                  <a:lnTo>
                    <a:pt x="63402" y="5095"/>
                  </a:lnTo>
                  <a:lnTo>
                    <a:pt x="59280" y="6438"/>
                  </a:lnTo>
                  <a:lnTo>
                    <a:pt x="51037" y="9217"/>
                  </a:lnTo>
                  <a:lnTo>
                    <a:pt x="46961" y="10606"/>
                  </a:lnTo>
                  <a:lnTo>
                    <a:pt x="42932" y="11950"/>
                  </a:lnTo>
                  <a:lnTo>
                    <a:pt x="39042" y="13154"/>
                  </a:lnTo>
                  <a:lnTo>
                    <a:pt x="35290" y="14265"/>
                  </a:lnTo>
                  <a:lnTo>
                    <a:pt x="33484" y="14775"/>
                  </a:lnTo>
                  <a:lnTo>
                    <a:pt x="31724" y="15238"/>
                  </a:lnTo>
                  <a:lnTo>
                    <a:pt x="30011" y="15655"/>
                  </a:lnTo>
                  <a:lnTo>
                    <a:pt x="28390" y="16025"/>
                  </a:lnTo>
                  <a:lnTo>
                    <a:pt x="26815" y="16349"/>
                  </a:lnTo>
                  <a:lnTo>
                    <a:pt x="25287" y="16627"/>
                  </a:lnTo>
                  <a:lnTo>
                    <a:pt x="23851" y="16812"/>
                  </a:lnTo>
                  <a:lnTo>
                    <a:pt x="22462" y="16951"/>
                  </a:lnTo>
                  <a:lnTo>
                    <a:pt x="19868" y="17183"/>
                  </a:lnTo>
                  <a:lnTo>
                    <a:pt x="17414" y="17368"/>
                  </a:lnTo>
                  <a:lnTo>
                    <a:pt x="15098" y="17646"/>
                  </a:lnTo>
                  <a:lnTo>
                    <a:pt x="12921" y="17878"/>
                  </a:lnTo>
                  <a:lnTo>
                    <a:pt x="9077" y="18433"/>
                  </a:lnTo>
                  <a:lnTo>
                    <a:pt x="5882" y="18896"/>
                  </a:lnTo>
                  <a:lnTo>
                    <a:pt x="3335" y="19360"/>
                  </a:lnTo>
                  <a:lnTo>
                    <a:pt x="1528" y="19730"/>
                  </a:lnTo>
                  <a:lnTo>
                    <a:pt x="0" y="20101"/>
                  </a:lnTo>
                  <a:lnTo>
                    <a:pt x="0" y="81325"/>
                  </a:lnTo>
                  <a:lnTo>
                    <a:pt x="285750" y="81325"/>
                  </a:lnTo>
                  <a:lnTo>
                    <a:pt x="285750" y="16951"/>
                  </a:lnTo>
                  <a:lnTo>
                    <a:pt x="281906" y="16396"/>
                  </a:lnTo>
                  <a:lnTo>
                    <a:pt x="277460" y="15793"/>
                  </a:lnTo>
                  <a:lnTo>
                    <a:pt x="271578" y="15006"/>
                  </a:lnTo>
                  <a:lnTo>
                    <a:pt x="264492" y="14173"/>
                  </a:lnTo>
                  <a:lnTo>
                    <a:pt x="256388" y="13339"/>
                  </a:lnTo>
                  <a:lnTo>
                    <a:pt x="252034" y="12922"/>
                  </a:lnTo>
                  <a:lnTo>
                    <a:pt x="247496" y="12505"/>
                  </a:lnTo>
                  <a:lnTo>
                    <a:pt x="242818" y="12135"/>
                  </a:lnTo>
                  <a:lnTo>
                    <a:pt x="238002" y="11811"/>
                  </a:lnTo>
                  <a:lnTo>
                    <a:pt x="233139" y="11486"/>
                  </a:lnTo>
                  <a:lnTo>
                    <a:pt x="228137" y="11255"/>
                  </a:lnTo>
                  <a:lnTo>
                    <a:pt x="223135" y="11023"/>
                  </a:lnTo>
                  <a:lnTo>
                    <a:pt x="218133" y="10931"/>
                  </a:lnTo>
                  <a:lnTo>
                    <a:pt x="213132" y="10838"/>
                  </a:lnTo>
                  <a:lnTo>
                    <a:pt x="208130" y="10838"/>
                  </a:lnTo>
                  <a:lnTo>
                    <a:pt x="203221" y="10977"/>
                  </a:lnTo>
                  <a:lnTo>
                    <a:pt x="198404" y="11162"/>
                  </a:lnTo>
                  <a:lnTo>
                    <a:pt x="196042" y="11301"/>
                  </a:lnTo>
                  <a:lnTo>
                    <a:pt x="193680" y="11440"/>
                  </a:lnTo>
                  <a:lnTo>
                    <a:pt x="191365" y="11625"/>
                  </a:lnTo>
                  <a:lnTo>
                    <a:pt x="189141" y="11857"/>
                  </a:lnTo>
                  <a:lnTo>
                    <a:pt x="186918" y="12088"/>
                  </a:lnTo>
                  <a:lnTo>
                    <a:pt x="184695" y="12366"/>
                  </a:lnTo>
                  <a:lnTo>
                    <a:pt x="182565" y="12691"/>
                  </a:lnTo>
                  <a:lnTo>
                    <a:pt x="180527" y="13015"/>
                  </a:lnTo>
                  <a:lnTo>
                    <a:pt x="178490" y="13385"/>
                  </a:lnTo>
                  <a:lnTo>
                    <a:pt x="176498" y="13756"/>
                  </a:lnTo>
                  <a:lnTo>
                    <a:pt x="174599" y="14219"/>
                  </a:lnTo>
                  <a:lnTo>
                    <a:pt x="172747" y="14682"/>
                  </a:lnTo>
                  <a:lnTo>
                    <a:pt x="170987" y="15191"/>
                  </a:lnTo>
                  <a:lnTo>
                    <a:pt x="169273" y="15747"/>
                  </a:lnTo>
                  <a:lnTo>
                    <a:pt x="167652" y="16349"/>
                  </a:lnTo>
                  <a:lnTo>
                    <a:pt x="166124" y="16951"/>
                  </a:lnTo>
                  <a:lnTo>
                    <a:pt x="164596" y="17553"/>
                  </a:lnTo>
                  <a:lnTo>
                    <a:pt x="163114" y="18109"/>
                  </a:lnTo>
                  <a:lnTo>
                    <a:pt x="161585" y="18572"/>
                  </a:lnTo>
                  <a:lnTo>
                    <a:pt x="160057" y="18989"/>
                  </a:lnTo>
                  <a:lnTo>
                    <a:pt x="158529" y="19360"/>
                  </a:lnTo>
                  <a:lnTo>
                    <a:pt x="157047" y="19637"/>
                  </a:lnTo>
                  <a:lnTo>
                    <a:pt x="155518" y="19869"/>
                  </a:lnTo>
                  <a:lnTo>
                    <a:pt x="153990" y="20054"/>
                  </a:lnTo>
                  <a:lnTo>
                    <a:pt x="152508" y="20193"/>
                  </a:lnTo>
                  <a:lnTo>
                    <a:pt x="150980" y="20286"/>
                  </a:lnTo>
                  <a:lnTo>
                    <a:pt x="147969" y="20286"/>
                  </a:lnTo>
                  <a:lnTo>
                    <a:pt x="146487" y="20193"/>
                  </a:lnTo>
                  <a:lnTo>
                    <a:pt x="144959" y="20101"/>
                  </a:lnTo>
                  <a:lnTo>
                    <a:pt x="143477" y="19915"/>
                  </a:lnTo>
                  <a:lnTo>
                    <a:pt x="141995" y="19730"/>
                  </a:lnTo>
                  <a:lnTo>
                    <a:pt x="140513" y="19498"/>
                  </a:lnTo>
                  <a:lnTo>
                    <a:pt x="139031" y="19221"/>
                  </a:lnTo>
                  <a:lnTo>
                    <a:pt x="137549" y="18896"/>
                  </a:lnTo>
                  <a:lnTo>
                    <a:pt x="136067" y="18572"/>
                  </a:lnTo>
                  <a:lnTo>
                    <a:pt x="134585" y="18202"/>
                  </a:lnTo>
                  <a:lnTo>
                    <a:pt x="133149" y="17831"/>
                  </a:lnTo>
                  <a:lnTo>
                    <a:pt x="130232" y="16951"/>
                  </a:lnTo>
                  <a:lnTo>
                    <a:pt x="127360" y="15979"/>
                  </a:lnTo>
                  <a:lnTo>
                    <a:pt x="124535" y="14914"/>
                  </a:lnTo>
                  <a:lnTo>
                    <a:pt x="121710" y="13802"/>
                  </a:lnTo>
                  <a:lnTo>
                    <a:pt x="118931" y="12644"/>
                  </a:lnTo>
                  <a:lnTo>
                    <a:pt x="116245" y="11440"/>
                  </a:lnTo>
                  <a:lnTo>
                    <a:pt x="113559" y="10236"/>
                  </a:lnTo>
                  <a:lnTo>
                    <a:pt x="108326" y="7874"/>
                  </a:lnTo>
                  <a:lnTo>
                    <a:pt x="103324" y="5558"/>
                  </a:lnTo>
                  <a:lnTo>
                    <a:pt x="100916" y="4493"/>
                  </a:lnTo>
                  <a:lnTo>
                    <a:pt x="98554" y="3521"/>
                  </a:lnTo>
                  <a:lnTo>
                    <a:pt x="96284" y="2641"/>
                  </a:lnTo>
                  <a:lnTo>
                    <a:pt x="94061" y="1853"/>
                  </a:lnTo>
                  <a:lnTo>
                    <a:pt x="91931" y="1159"/>
                  </a:lnTo>
                  <a:lnTo>
                    <a:pt x="90912" y="881"/>
                  </a:lnTo>
                  <a:lnTo>
                    <a:pt x="89893" y="649"/>
                  </a:lnTo>
                  <a:lnTo>
                    <a:pt x="88874" y="418"/>
                  </a:lnTo>
                  <a:lnTo>
                    <a:pt x="87902" y="279"/>
                  </a:lnTo>
                  <a:lnTo>
                    <a:pt x="86929" y="140"/>
                  </a:lnTo>
                  <a:lnTo>
                    <a:pt x="86003" y="47"/>
                  </a:lnTo>
                  <a:lnTo>
                    <a:pt x="85077" y="1"/>
                  </a:lnTo>
                  <a:close/>
                </a:path>
              </a:pathLst>
            </a:custGeom>
            <a:solidFill>
              <a:schemeClr val="accen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sp>
          <p:nvSpPr>
            <p:cNvPr id="246" name="Google Shape;246;p17"/>
            <p:cNvSpPr/>
            <p:nvPr/>
          </p:nvSpPr>
          <p:spPr>
            <a:xfrm flipH="1">
              <a:off x="22" y="4571727"/>
              <a:ext cx="9143916" cy="550793"/>
            </a:xfrm>
            <a:custGeom>
              <a:avLst/>
              <a:gdLst/>
              <a:ahLst/>
              <a:cxnLst/>
              <a:rect l="l" t="t" r="r" b="b"/>
              <a:pathLst>
                <a:path w="285057" h="22555" extrusionOk="0">
                  <a:moveTo>
                    <a:pt x="1" y="0"/>
                  </a:moveTo>
                  <a:lnTo>
                    <a:pt x="1" y="22554"/>
                  </a:lnTo>
                  <a:lnTo>
                    <a:pt x="285056" y="22554"/>
                  </a:lnTo>
                  <a:lnTo>
                    <a:pt x="285056" y="16904"/>
                  </a:lnTo>
                  <a:lnTo>
                    <a:pt x="281860" y="16673"/>
                  </a:lnTo>
                  <a:lnTo>
                    <a:pt x="273246" y="16117"/>
                  </a:lnTo>
                  <a:lnTo>
                    <a:pt x="267365" y="15654"/>
                  </a:lnTo>
                  <a:lnTo>
                    <a:pt x="260695" y="15144"/>
                  </a:lnTo>
                  <a:lnTo>
                    <a:pt x="253424" y="14496"/>
                  </a:lnTo>
                  <a:lnTo>
                    <a:pt x="245736" y="13801"/>
                  </a:lnTo>
                  <a:lnTo>
                    <a:pt x="237771" y="12968"/>
                  </a:lnTo>
                  <a:lnTo>
                    <a:pt x="229759" y="12088"/>
                  </a:lnTo>
                  <a:lnTo>
                    <a:pt x="225822" y="11625"/>
                  </a:lnTo>
                  <a:lnTo>
                    <a:pt x="221885" y="11115"/>
                  </a:lnTo>
                  <a:lnTo>
                    <a:pt x="218088" y="10606"/>
                  </a:lnTo>
                  <a:lnTo>
                    <a:pt x="214336" y="10050"/>
                  </a:lnTo>
                  <a:lnTo>
                    <a:pt x="210770" y="9494"/>
                  </a:lnTo>
                  <a:lnTo>
                    <a:pt x="207297" y="8892"/>
                  </a:lnTo>
                  <a:lnTo>
                    <a:pt x="204009" y="8290"/>
                  </a:lnTo>
                  <a:lnTo>
                    <a:pt x="200952" y="7688"/>
                  </a:lnTo>
                  <a:lnTo>
                    <a:pt x="198081" y="7040"/>
                  </a:lnTo>
                  <a:lnTo>
                    <a:pt x="195441" y="6391"/>
                  </a:lnTo>
                  <a:lnTo>
                    <a:pt x="193079" y="5697"/>
                  </a:lnTo>
                  <a:lnTo>
                    <a:pt x="192014" y="5326"/>
                  </a:lnTo>
                  <a:lnTo>
                    <a:pt x="190995" y="5002"/>
                  </a:lnTo>
                  <a:lnTo>
                    <a:pt x="190022" y="4632"/>
                  </a:lnTo>
                  <a:lnTo>
                    <a:pt x="189096" y="4354"/>
                  </a:lnTo>
                  <a:lnTo>
                    <a:pt x="188123" y="4030"/>
                  </a:lnTo>
                  <a:lnTo>
                    <a:pt x="187151" y="3798"/>
                  </a:lnTo>
                  <a:lnTo>
                    <a:pt x="186132" y="3566"/>
                  </a:lnTo>
                  <a:lnTo>
                    <a:pt x="185159" y="3381"/>
                  </a:lnTo>
                  <a:lnTo>
                    <a:pt x="183214" y="3057"/>
                  </a:lnTo>
                  <a:lnTo>
                    <a:pt x="181223" y="2872"/>
                  </a:lnTo>
                  <a:lnTo>
                    <a:pt x="179231" y="2733"/>
                  </a:lnTo>
                  <a:lnTo>
                    <a:pt x="177193" y="2733"/>
                  </a:lnTo>
                  <a:lnTo>
                    <a:pt x="175156" y="2779"/>
                  </a:lnTo>
                  <a:lnTo>
                    <a:pt x="173118" y="2918"/>
                  </a:lnTo>
                  <a:lnTo>
                    <a:pt x="171034" y="3103"/>
                  </a:lnTo>
                  <a:lnTo>
                    <a:pt x="168996" y="3381"/>
                  </a:lnTo>
                  <a:lnTo>
                    <a:pt x="166866" y="3705"/>
                  </a:lnTo>
                  <a:lnTo>
                    <a:pt x="164735" y="4076"/>
                  </a:lnTo>
                  <a:lnTo>
                    <a:pt x="162605" y="4493"/>
                  </a:lnTo>
                  <a:lnTo>
                    <a:pt x="160475" y="4956"/>
                  </a:lnTo>
                  <a:lnTo>
                    <a:pt x="158298" y="5465"/>
                  </a:lnTo>
                  <a:lnTo>
                    <a:pt x="153852" y="6484"/>
                  </a:lnTo>
                  <a:lnTo>
                    <a:pt x="149359" y="7596"/>
                  </a:lnTo>
                  <a:lnTo>
                    <a:pt x="144775" y="8707"/>
                  </a:lnTo>
                  <a:lnTo>
                    <a:pt x="140097" y="9772"/>
                  </a:lnTo>
                  <a:lnTo>
                    <a:pt x="137735" y="10282"/>
                  </a:lnTo>
                  <a:lnTo>
                    <a:pt x="135327" y="10745"/>
                  </a:lnTo>
                  <a:lnTo>
                    <a:pt x="132918" y="11162"/>
                  </a:lnTo>
                  <a:lnTo>
                    <a:pt x="130464" y="11532"/>
                  </a:lnTo>
                  <a:lnTo>
                    <a:pt x="127963" y="11903"/>
                  </a:lnTo>
                  <a:lnTo>
                    <a:pt x="125462" y="12180"/>
                  </a:lnTo>
                  <a:lnTo>
                    <a:pt x="122961" y="12366"/>
                  </a:lnTo>
                  <a:lnTo>
                    <a:pt x="120414" y="12505"/>
                  </a:lnTo>
                  <a:lnTo>
                    <a:pt x="117635" y="12597"/>
                  </a:lnTo>
                  <a:lnTo>
                    <a:pt x="114532" y="12597"/>
                  </a:lnTo>
                  <a:lnTo>
                    <a:pt x="111105" y="12505"/>
                  </a:lnTo>
                  <a:lnTo>
                    <a:pt x="107354" y="12319"/>
                  </a:lnTo>
                  <a:lnTo>
                    <a:pt x="103371" y="12088"/>
                  </a:lnTo>
                  <a:lnTo>
                    <a:pt x="99110" y="11810"/>
                  </a:lnTo>
                  <a:lnTo>
                    <a:pt x="94664" y="11486"/>
                  </a:lnTo>
                  <a:lnTo>
                    <a:pt x="90033" y="11069"/>
                  </a:lnTo>
                  <a:lnTo>
                    <a:pt x="85263" y="10606"/>
                  </a:lnTo>
                  <a:lnTo>
                    <a:pt x="80353" y="10143"/>
                  </a:lnTo>
                  <a:lnTo>
                    <a:pt x="70257" y="9078"/>
                  </a:lnTo>
                  <a:lnTo>
                    <a:pt x="60068" y="7920"/>
                  </a:lnTo>
                  <a:lnTo>
                    <a:pt x="49926" y="6716"/>
                  </a:lnTo>
                  <a:lnTo>
                    <a:pt x="40108" y="5465"/>
                  </a:lnTo>
                  <a:lnTo>
                    <a:pt x="30891" y="4261"/>
                  </a:lnTo>
                  <a:lnTo>
                    <a:pt x="22416" y="3150"/>
                  </a:lnTo>
                  <a:lnTo>
                    <a:pt x="14960" y="2131"/>
                  </a:lnTo>
                  <a:lnTo>
                    <a:pt x="4076" y="602"/>
                  </a:lnTo>
                  <a:lnTo>
                    <a:pt x="1" y="0"/>
                  </a:lnTo>
                  <a:close/>
                </a:path>
              </a:pathLst>
            </a:custGeom>
            <a:solidFill>
              <a:schemeClr val="lt2"/>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sz="6000"/>
            </a:p>
          </p:txBody>
        </p:sp>
      </p:grpSp>
    </p:spTree>
    <p:extLst>
      <p:ext uri="{BB962C8B-B14F-4D97-AF65-F5344CB8AC3E}">
        <p14:creationId xmlns:p14="http://schemas.microsoft.com/office/powerpoint/2010/main" val="1693187214"/>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slideLayout" Target="../slideLayouts/slideLayout3.xml"/><Relationship Id="rId2" Type="http://schemas.openxmlformats.org/officeDocument/2006/relationships/slideLayout" Target="../slideLayouts/slideLayout2.xml"/><Relationship Id="rId1" Type="http://schemas.openxmlformats.org/officeDocument/2006/relationships/slideLayout" Target="../slideLayouts/slideLayout1.xml"/><Relationship Id="rId4" Type="http://schemas.openxmlformats.org/officeDocument/2006/relationships/theme" Target="../theme/theme1.xml"/></Relationships>
</file>

<file path=ppt/slideMasters/_rels/slideMaster10.xml.rels><?xml version="1.0" encoding="UTF-8" standalone="yes"?>
<Relationships xmlns="http://schemas.openxmlformats.org/package/2006/relationships"><Relationship Id="rId8" Type="http://schemas.openxmlformats.org/officeDocument/2006/relationships/slideLayout" Target="../slideLayouts/slideLayout71.xml"/><Relationship Id="rId13" Type="http://schemas.openxmlformats.org/officeDocument/2006/relationships/theme" Target="../theme/theme10.xml"/><Relationship Id="rId3" Type="http://schemas.openxmlformats.org/officeDocument/2006/relationships/slideLayout" Target="../slideLayouts/slideLayout66.xml"/><Relationship Id="rId7" Type="http://schemas.openxmlformats.org/officeDocument/2006/relationships/slideLayout" Target="../slideLayouts/slideLayout70.xml"/><Relationship Id="rId12" Type="http://schemas.openxmlformats.org/officeDocument/2006/relationships/slideLayout" Target="../slideLayouts/slideLayout75.xml"/><Relationship Id="rId2" Type="http://schemas.openxmlformats.org/officeDocument/2006/relationships/slideLayout" Target="../slideLayouts/slideLayout65.xml"/><Relationship Id="rId16" Type="http://schemas.openxmlformats.org/officeDocument/2006/relationships/image" Target="../media/image30.png"/><Relationship Id="rId1" Type="http://schemas.openxmlformats.org/officeDocument/2006/relationships/slideLayout" Target="../slideLayouts/slideLayout64.xml"/><Relationship Id="rId6" Type="http://schemas.openxmlformats.org/officeDocument/2006/relationships/slideLayout" Target="../slideLayouts/slideLayout69.xml"/><Relationship Id="rId11" Type="http://schemas.openxmlformats.org/officeDocument/2006/relationships/slideLayout" Target="../slideLayouts/slideLayout74.xml"/><Relationship Id="rId5" Type="http://schemas.openxmlformats.org/officeDocument/2006/relationships/slideLayout" Target="../slideLayouts/slideLayout68.xml"/><Relationship Id="rId15" Type="http://schemas.openxmlformats.org/officeDocument/2006/relationships/image" Target="../media/image32.svg"/><Relationship Id="rId10" Type="http://schemas.openxmlformats.org/officeDocument/2006/relationships/slideLayout" Target="../slideLayouts/slideLayout73.xml"/><Relationship Id="rId4" Type="http://schemas.openxmlformats.org/officeDocument/2006/relationships/slideLayout" Target="../slideLayouts/slideLayout67.xml"/><Relationship Id="rId9" Type="http://schemas.openxmlformats.org/officeDocument/2006/relationships/slideLayout" Target="../slideLayouts/slideLayout72.xml"/><Relationship Id="rId14" Type="http://schemas.openxmlformats.org/officeDocument/2006/relationships/image" Target="../media/image29.png"/></Relationships>
</file>

<file path=ppt/slideMasters/_rels/slideMaster11.xml.rels><?xml version="1.0" encoding="UTF-8" standalone="yes"?>
<Relationships xmlns="http://schemas.openxmlformats.org/package/2006/relationships"><Relationship Id="rId8" Type="http://schemas.openxmlformats.org/officeDocument/2006/relationships/slideLayout" Target="../slideLayouts/slideLayout83.xml"/><Relationship Id="rId3" Type="http://schemas.openxmlformats.org/officeDocument/2006/relationships/slideLayout" Target="../slideLayouts/slideLayout78.xml"/><Relationship Id="rId7" Type="http://schemas.openxmlformats.org/officeDocument/2006/relationships/slideLayout" Target="../slideLayouts/slideLayout82.xml"/><Relationship Id="rId12" Type="http://schemas.openxmlformats.org/officeDocument/2006/relationships/image" Target="../media/image32.png"/><Relationship Id="rId2" Type="http://schemas.openxmlformats.org/officeDocument/2006/relationships/slideLayout" Target="../slideLayouts/slideLayout77.xml"/><Relationship Id="rId1" Type="http://schemas.openxmlformats.org/officeDocument/2006/relationships/slideLayout" Target="../slideLayouts/slideLayout76.xml"/><Relationship Id="rId6" Type="http://schemas.openxmlformats.org/officeDocument/2006/relationships/slideLayout" Target="../slideLayouts/slideLayout81.xml"/><Relationship Id="rId11" Type="http://schemas.openxmlformats.org/officeDocument/2006/relationships/image" Target="../media/image32.svg"/><Relationship Id="rId5" Type="http://schemas.openxmlformats.org/officeDocument/2006/relationships/slideLayout" Target="../slideLayouts/slideLayout80.xml"/><Relationship Id="rId10" Type="http://schemas.openxmlformats.org/officeDocument/2006/relationships/image" Target="../media/image29.png"/><Relationship Id="rId4" Type="http://schemas.openxmlformats.org/officeDocument/2006/relationships/slideLayout" Target="../slideLayouts/slideLayout79.xml"/><Relationship Id="rId9" Type="http://schemas.openxmlformats.org/officeDocument/2006/relationships/theme" Target="../theme/theme11.xml"/></Relationships>
</file>

<file path=ppt/slideMasters/_rels/slideMaster12.xml.rels><?xml version="1.0" encoding="UTF-8" standalone="yes"?>
<Relationships xmlns="http://schemas.openxmlformats.org/package/2006/relationships"><Relationship Id="rId8" Type="http://schemas.openxmlformats.org/officeDocument/2006/relationships/slideLayout" Target="../slideLayouts/slideLayout91.xml"/><Relationship Id="rId13" Type="http://schemas.openxmlformats.org/officeDocument/2006/relationships/slideLayout" Target="../slideLayouts/slideLayout96.xml"/><Relationship Id="rId18" Type="http://schemas.openxmlformats.org/officeDocument/2006/relationships/slideLayout" Target="../slideLayouts/slideLayout101.xml"/><Relationship Id="rId26" Type="http://schemas.openxmlformats.org/officeDocument/2006/relationships/slideLayout" Target="../slideLayouts/slideLayout109.xml"/><Relationship Id="rId3" Type="http://schemas.openxmlformats.org/officeDocument/2006/relationships/slideLayout" Target="../slideLayouts/slideLayout86.xml"/><Relationship Id="rId21" Type="http://schemas.openxmlformats.org/officeDocument/2006/relationships/slideLayout" Target="../slideLayouts/slideLayout104.xml"/><Relationship Id="rId34" Type="http://schemas.openxmlformats.org/officeDocument/2006/relationships/slideLayout" Target="../slideLayouts/slideLayout117.xml"/><Relationship Id="rId7" Type="http://schemas.openxmlformats.org/officeDocument/2006/relationships/slideLayout" Target="../slideLayouts/slideLayout90.xml"/><Relationship Id="rId12" Type="http://schemas.openxmlformats.org/officeDocument/2006/relationships/slideLayout" Target="../slideLayouts/slideLayout95.xml"/><Relationship Id="rId17" Type="http://schemas.openxmlformats.org/officeDocument/2006/relationships/slideLayout" Target="../slideLayouts/slideLayout100.xml"/><Relationship Id="rId25" Type="http://schemas.openxmlformats.org/officeDocument/2006/relationships/slideLayout" Target="../slideLayouts/slideLayout108.xml"/><Relationship Id="rId33" Type="http://schemas.openxmlformats.org/officeDocument/2006/relationships/slideLayout" Target="../slideLayouts/slideLayout116.xml"/><Relationship Id="rId38" Type="http://schemas.openxmlformats.org/officeDocument/2006/relationships/theme" Target="../theme/theme12.xml"/><Relationship Id="rId2" Type="http://schemas.openxmlformats.org/officeDocument/2006/relationships/slideLayout" Target="../slideLayouts/slideLayout85.xml"/><Relationship Id="rId16" Type="http://schemas.openxmlformats.org/officeDocument/2006/relationships/slideLayout" Target="../slideLayouts/slideLayout99.xml"/><Relationship Id="rId20" Type="http://schemas.openxmlformats.org/officeDocument/2006/relationships/slideLayout" Target="../slideLayouts/slideLayout103.xml"/><Relationship Id="rId29" Type="http://schemas.openxmlformats.org/officeDocument/2006/relationships/slideLayout" Target="../slideLayouts/slideLayout112.xml"/><Relationship Id="rId1" Type="http://schemas.openxmlformats.org/officeDocument/2006/relationships/slideLayout" Target="../slideLayouts/slideLayout84.xml"/><Relationship Id="rId6" Type="http://schemas.openxmlformats.org/officeDocument/2006/relationships/slideLayout" Target="../slideLayouts/slideLayout89.xml"/><Relationship Id="rId11" Type="http://schemas.openxmlformats.org/officeDocument/2006/relationships/slideLayout" Target="../slideLayouts/slideLayout94.xml"/><Relationship Id="rId24" Type="http://schemas.openxmlformats.org/officeDocument/2006/relationships/slideLayout" Target="../slideLayouts/slideLayout107.xml"/><Relationship Id="rId32" Type="http://schemas.openxmlformats.org/officeDocument/2006/relationships/slideLayout" Target="../slideLayouts/slideLayout115.xml"/><Relationship Id="rId37" Type="http://schemas.openxmlformats.org/officeDocument/2006/relationships/slideLayout" Target="../slideLayouts/slideLayout120.xml"/><Relationship Id="rId5" Type="http://schemas.openxmlformats.org/officeDocument/2006/relationships/slideLayout" Target="../slideLayouts/slideLayout88.xml"/><Relationship Id="rId15" Type="http://schemas.openxmlformats.org/officeDocument/2006/relationships/slideLayout" Target="../slideLayouts/slideLayout98.xml"/><Relationship Id="rId23" Type="http://schemas.openxmlformats.org/officeDocument/2006/relationships/slideLayout" Target="../slideLayouts/slideLayout106.xml"/><Relationship Id="rId28" Type="http://schemas.openxmlformats.org/officeDocument/2006/relationships/slideLayout" Target="../slideLayouts/slideLayout111.xml"/><Relationship Id="rId36" Type="http://schemas.openxmlformats.org/officeDocument/2006/relationships/slideLayout" Target="../slideLayouts/slideLayout119.xml"/><Relationship Id="rId10" Type="http://schemas.openxmlformats.org/officeDocument/2006/relationships/slideLayout" Target="../slideLayouts/slideLayout93.xml"/><Relationship Id="rId19" Type="http://schemas.openxmlformats.org/officeDocument/2006/relationships/slideLayout" Target="../slideLayouts/slideLayout102.xml"/><Relationship Id="rId31" Type="http://schemas.openxmlformats.org/officeDocument/2006/relationships/slideLayout" Target="../slideLayouts/slideLayout114.xml"/><Relationship Id="rId4" Type="http://schemas.openxmlformats.org/officeDocument/2006/relationships/slideLayout" Target="../slideLayouts/slideLayout87.xml"/><Relationship Id="rId9" Type="http://schemas.openxmlformats.org/officeDocument/2006/relationships/slideLayout" Target="../slideLayouts/slideLayout92.xml"/><Relationship Id="rId14" Type="http://schemas.openxmlformats.org/officeDocument/2006/relationships/slideLayout" Target="../slideLayouts/slideLayout97.xml"/><Relationship Id="rId22" Type="http://schemas.openxmlformats.org/officeDocument/2006/relationships/slideLayout" Target="../slideLayouts/slideLayout105.xml"/><Relationship Id="rId27" Type="http://schemas.openxmlformats.org/officeDocument/2006/relationships/slideLayout" Target="../slideLayouts/slideLayout110.xml"/><Relationship Id="rId30" Type="http://schemas.openxmlformats.org/officeDocument/2006/relationships/slideLayout" Target="../slideLayouts/slideLayout113.xml"/><Relationship Id="rId35" Type="http://schemas.openxmlformats.org/officeDocument/2006/relationships/slideLayout" Target="../slideLayouts/slideLayout118.xml"/></Relationships>
</file>

<file path=ppt/slideMasters/_rels/slideMaster2.xml.rels><?xml version="1.0" encoding="UTF-8" standalone="yes"?>
<Relationships xmlns="http://schemas.openxmlformats.org/package/2006/relationships"><Relationship Id="rId8" Type="http://schemas.openxmlformats.org/officeDocument/2006/relationships/theme" Target="../theme/theme2.xml"/><Relationship Id="rId3" Type="http://schemas.openxmlformats.org/officeDocument/2006/relationships/slideLayout" Target="../slideLayouts/slideLayout6.xml"/><Relationship Id="rId7" Type="http://schemas.openxmlformats.org/officeDocument/2006/relationships/slideLayout" Target="../slideLayouts/slideLayout10.xml"/><Relationship Id="rId2" Type="http://schemas.openxmlformats.org/officeDocument/2006/relationships/slideLayout" Target="../slideLayouts/slideLayout5.xml"/><Relationship Id="rId1" Type="http://schemas.openxmlformats.org/officeDocument/2006/relationships/slideLayout" Target="../slideLayouts/slideLayout4.xml"/><Relationship Id="rId6" Type="http://schemas.openxmlformats.org/officeDocument/2006/relationships/slideLayout" Target="../slideLayouts/slideLayout9.xml"/><Relationship Id="rId11" Type="http://schemas.openxmlformats.org/officeDocument/2006/relationships/image" Target="../media/image5.png"/><Relationship Id="rId5" Type="http://schemas.openxmlformats.org/officeDocument/2006/relationships/slideLayout" Target="../slideLayouts/slideLayout8.xml"/><Relationship Id="rId10" Type="http://schemas.openxmlformats.org/officeDocument/2006/relationships/image" Target="../media/image4.png"/><Relationship Id="rId4" Type="http://schemas.openxmlformats.org/officeDocument/2006/relationships/slideLayout" Target="../slideLayouts/slideLayout7.xml"/><Relationship Id="rId9" Type="http://schemas.openxmlformats.org/officeDocument/2006/relationships/image" Target="../media/image3.png"/></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18.xml"/><Relationship Id="rId3" Type="http://schemas.openxmlformats.org/officeDocument/2006/relationships/slideLayout" Target="../slideLayouts/slideLayout13.xml"/><Relationship Id="rId7" Type="http://schemas.openxmlformats.org/officeDocument/2006/relationships/slideLayout" Target="../slideLayouts/slideLayout17.xml"/><Relationship Id="rId2" Type="http://schemas.openxmlformats.org/officeDocument/2006/relationships/slideLayout" Target="../slideLayouts/slideLayout12.xml"/><Relationship Id="rId1" Type="http://schemas.openxmlformats.org/officeDocument/2006/relationships/slideLayout" Target="../slideLayouts/slideLayout11.xml"/><Relationship Id="rId6" Type="http://schemas.openxmlformats.org/officeDocument/2006/relationships/slideLayout" Target="../slideLayouts/slideLayout16.xml"/><Relationship Id="rId5" Type="http://schemas.openxmlformats.org/officeDocument/2006/relationships/slideLayout" Target="../slideLayouts/slideLayout15.xml"/><Relationship Id="rId10" Type="http://schemas.openxmlformats.org/officeDocument/2006/relationships/image" Target="../media/image6.png"/><Relationship Id="rId4" Type="http://schemas.openxmlformats.org/officeDocument/2006/relationships/slideLayout" Target="../slideLayouts/slideLayout14.xml"/><Relationship Id="rId9" Type="http://schemas.openxmlformats.org/officeDocument/2006/relationships/theme" Target="../theme/theme3.xml"/></Relationships>
</file>

<file path=ppt/slideMasters/_rels/slideMaster4.xml.rels><?xml version="1.0" encoding="UTF-8" standalone="yes"?>
<Relationships xmlns="http://schemas.openxmlformats.org/package/2006/relationships"><Relationship Id="rId8" Type="http://schemas.openxmlformats.org/officeDocument/2006/relationships/theme" Target="../theme/theme4.xml"/><Relationship Id="rId3" Type="http://schemas.openxmlformats.org/officeDocument/2006/relationships/slideLayout" Target="../slideLayouts/slideLayout21.xml"/><Relationship Id="rId7" Type="http://schemas.openxmlformats.org/officeDocument/2006/relationships/slideLayout" Target="../slideLayouts/slideLayout25.xml"/><Relationship Id="rId2" Type="http://schemas.openxmlformats.org/officeDocument/2006/relationships/slideLayout" Target="../slideLayouts/slideLayout20.xml"/><Relationship Id="rId1" Type="http://schemas.openxmlformats.org/officeDocument/2006/relationships/slideLayout" Target="../slideLayouts/slideLayout19.xml"/><Relationship Id="rId6" Type="http://schemas.openxmlformats.org/officeDocument/2006/relationships/slideLayout" Target="../slideLayouts/slideLayout24.xml"/><Relationship Id="rId5" Type="http://schemas.openxmlformats.org/officeDocument/2006/relationships/slideLayout" Target="../slideLayouts/slideLayout23.xml"/><Relationship Id="rId4" Type="http://schemas.openxmlformats.org/officeDocument/2006/relationships/slideLayout" Target="../slideLayouts/slideLayout22.xml"/></Relationships>
</file>

<file path=ppt/slideMasters/_rels/slideMaster5.xml.rels><?xml version="1.0" encoding="UTF-8" standalone="yes"?>
<Relationships xmlns="http://schemas.openxmlformats.org/package/2006/relationships"><Relationship Id="rId3" Type="http://schemas.openxmlformats.org/officeDocument/2006/relationships/slideLayout" Target="../slideLayouts/slideLayout28.xml"/><Relationship Id="rId2" Type="http://schemas.openxmlformats.org/officeDocument/2006/relationships/slideLayout" Target="../slideLayouts/slideLayout27.xml"/><Relationship Id="rId1" Type="http://schemas.openxmlformats.org/officeDocument/2006/relationships/slideLayout" Target="../slideLayouts/slideLayout26.xml"/><Relationship Id="rId6" Type="http://schemas.openxmlformats.org/officeDocument/2006/relationships/image" Target="../media/image19.png"/><Relationship Id="rId5" Type="http://schemas.openxmlformats.org/officeDocument/2006/relationships/image" Target="../media/image18.jpeg"/><Relationship Id="rId4" Type="http://schemas.openxmlformats.org/officeDocument/2006/relationships/theme" Target="../theme/theme5.xml"/></Relationships>
</file>

<file path=ppt/slideMasters/_rels/slideMaster6.xml.rels><?xml version="1.0" encoding="UTF-8" standalone="yes"?>
<Relationships xmlns="http://schemas.openxmlformats.org/package/2006/relationships"><Relationship Id="rId3" Type="http://schemas.openxmlformats.org/officeDocument/2006/relationships/image" Target="../media/image20.png"/><Relationship Id="rId2" Type="http://schemas.openxmlformats.org/officeDocument/2006/relationships/theme" Target="../theme/theme6.xml"/><Relationship Id="rId1" Type="http://schemas.openxmlformats.org/officeDocument/2006/relationships/slideLayout" Target="../slideLayouts/slideLayout29.xml"/></Relationships>
</file>

<file path=ppt/slideMasters/_rels/slideMaster7.xml.rels><?xml version="1.0" encoding="UTF-8" standalone="yes"?>
<Relationships xmlns="http://schemas.openxmlformats.org/package/2006/relationships"><Relationship Id="rId3" Type="http://schemas.openxmlformats.org/officeDocument/2006/relationships/slideLayout" Target="../slideLayouts/slideLayout32.xml"/><Relationship Id="rId2" Type="http://schemas.openxmlformats.org/officeDocument/2006/relationships/slideLayout" Target="../slideLayouts/slideLayout31.xml"/><Relationship Id="rId1" Type="http://schemas.openxmlformats.org/officeDocument/2006/relationships/slideLayout" Target="../slideLayouts/slideLayout30.xml"/><Relationship Id="rId5" Type="http://schemas.openxmlformats.org/officeDocument/2006/relationships/image" Target="../media/image19.png"/><Relationship Id="rId4" Type="http://schemas.openxmlformats.org/officeDocument/2006/relationships/theme" Target="../theme/theme7.xml"/></Relationships>
</file>

<file path=ppt/slideMasters/_rels/slideMaster8.xml.rels><?xml version="1.0" encoding="UTF-8" standalone="yes"?>
<Relationships xmlns="http://schemas.openxmlformats.org/package/2006/relationships"><Relationship Id="rId8" Type="http://schemas.openxmlformats.org/officeDocument/2006/relationships/slideLayout" Target="../slideLayouts/slideLayout40.xml"/><Relationship Id="rId13" Type="http://schemas.openxmlformats.org/officeDocument/2006/relationships/slideLayout" Target="../slideLayouts/slideLayout45.xml"/><Relationship Id="rId18" Type="http://schemas.openxmlformats.org/officeDocument/2006/relationships/slideLayout" Target="../slideLayouts/slideLayout50.xml"/><Relationship Id="rId3" Type="http://schemas.openxmlformats.org/officeDocument/2006/relationships/slideLayout" Target="../slideLayouts/slideLayout35.xml"/><Relationship Id="rId21" Type="http://schemas.openxmlformats.org/officeDocument/2006/relationships/theme" Target="../theme/theme8.xml"/><Relationship Id="rId7" Type="http://schemas.openxmlformats.org/officeDocument/2006/relationships/slideLayout" Target="../slideLayouts/slideLayout39.xml"/><Relationship Id="rId12" Type="http://schemas.openxmlformats.org/officeDocument/2006/relationships/slideLayout" Target="../slideLayouts/slideLayout44.xml"/><Relationship Id="rId17" Type="http://schemas.openxmlformats.org/officeDocument/2006/relationships/slideLayout" Target="../slideLayouts/slideLayout49.xml"/><Relationship Id="rId2" Type="http://schemas.openxmlformats.org/officeDocument/2006/relationships/slideLayout" Target="../slideLayouts/slideLayout34.xml"/><Relationship Id="rId16" Type="http://schemas.openxmlformats.org/officeDocument/2006/relationships/slideLayout" Target="../slideLayouts/slideLayout48.xml"/><Relationship Id="rId20" Type="http://schemas.openxmlformats.org/officeDocument/2006/relationships/slideLayout" Target="../slideLayouts/slideLayout52.xml"/><Relationship Id="rId1" Type="http://schemas.openxmlformats.org/officeDocument/2006/relationships/slideLayout" Target="../slideLayouts/slideLayout33.xml"/><Relationship Id="rId6" Type="http://schemas.openxmlformats.org/officeDocument/2006/relationships/slideLayout" Target="../slideLayouts/slideLayout38.xml"/><Relationship Id="rId11" Type="http://schemas.openxmlformats.org/officeDocument/2006/relationships/slideLayout" Target="../slideLayouts/slideLayout43.xml"/><Relationship Id="rId5" Type="http://schemas.openxmlformats.org/officeDocument/2006/relationships/slideLayout" Target="../slideLayouts/slideLayout37.xml"/><Relationship Id="rId15" Type="http://schemas.openxmlformats.org/officeDocument/2006/relationships/slideLayout" Target="../slideLayouts/slideLayout47.xml"/><Relationship Id="rId10" Type="http://schemas.openxmlformats.org/officeDocument/2006/relationships/slideLayout" Target="../slideLayouts/slideLayout42.xml"/><Relationship Id="rId19" Type="http://schemas.openxmlformats.org/officeDocument/2006/relationships/slideLayout" Target="../slideLayouts/slideLayout51.xml"/><Relationship Id="rId4" Type="http://schemas.openxmlformats.org/officeDocument/2006/relationships/slideLayout" Target="../slideLayouts/slideLayout36.xml"/><Relationship Id="rId9" Type="http://schemas.openxmlformats.org/officeDocument/2006/relationships/slideLayout" Target="../slideLayouts/slideLayout41.xml"/><Relationship Id="rId14" Type="http://schemas.openxmlformats.org/officeDocument/2006/relationships/slideLayout" Target="../slideLayouts/slideLayout46.xml"/><Relationship Id="rId22" Type="http://schemas.openxmlformats.org/officeDocument/2006/relationships/image" Target="../media/image21.png"/></Relationships>
</file>

<file path=ppt/slideMasters/_rels/slideMaster9.xml.rels><?xml version="1.0" encoding="UTF-8" standalone="yes"?>
<Relationships xmlns="http://schemas.openxmlformats.org/package/2006/relationships"><Relationship Id="rId8" Type="http://schemas.openxmlformats.org/officeDocument/2006/relationships/slideLayout" Target="../slideLayouts/slideLayout60.xml"/><Relationship Id="rId3" Type="http://schemas.openxmlformats.org/officeDocument/2006/relationships/slideLayout" Target="../slideLayouts/slideLayout55.xml"/><Relationship Id="rId7" Type="http://schemas.openxmlformats.org/officeDocument/2006/relationships/slideLayout" Target="../slideLayouts/slideLayout59.xml"/><Relationship Id="rId12" Type="http://schemas.openxmlformats.org/officeDocument/2006/relationships/theme" Target="../theme/theme9.xml"/><Relationship Id="rId2" Type="http://schemas.openxmlformats.org/officeDocument/2006/relationships/slideLayout" Target="../slideLayouts/slideLayout54.xml"/><Relationship Id="rId1" Type="http://schemas.openxmlformats.org/officeDocument/2006/relationships/slideLayout" Target="../slideLayouts/slideLayout53.xml"/><Relationship Id="rId6" Type="http://schemas.openxmlformats.org/officeDocument/2006/relationships/slideLayout" Target="../slideLayouts/slideLayout58.xml"/><Relationship Id="rId11" Type="http://schemas.openxmlformats.org/officeDocument/2006/relationships/slideLayout" Target="../slideLayouts/slideLayout63.xml"/><Relationship Id="rId5" Type="http://schemas.openxmlformats.org/officeDocument/2006/relationships/slideLayout" Target="../slideLayouts/slideLayout57.xml"/><Relationship Id="rId10" Type="http://schemas.openxmlformats.org/officeDocument/2006/relationships/slideLayout" Target="../slideLayouts/slideLayout62.xml"/><Relationship Id="rId4" Type="http://schemas.openxmlformats.org/officeDocument/2006/relationships/slideLayout" Target="../slideLayouts/slideLayout56.xml"/><Relationship Id="rId9" Type="http://schemas.openxmlformats.org/officeDocument/2006/relationships/slideLayout" Target="../slideLayouts/slideLayout6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Rectangle 1"/>
          <p:cNvSpPr/>
          <p:nvPr userDrawn="1"/>
        </p:nvSpPr>
        <p:spPr>
          <a:xfrm>
            <a:off x="19178337" y="0"/>
            <a:ext cx="1141663" cy="11430000"/>
          </a:xfrm>
          <a:prstGeom prst="rect">
            <a:avLst/>
          </a:prstGeom>
          <a:solidFill>
            <a:schemeClr val="accent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2800"/>
          </a:p>
        </p:txBody>
      </p:sp>
      <p:sp>
        <p:nvSpPr>
          <p:cNvPr id="3" name="Rectangle: Rounded Corners 3">
            <a:extLst>
              <a:ext uri="{FF2B5EF4-FFF2-40B4-BE49-F238E27FC236}">
                <a16:creationId xmlns:a16="http://schemas.microsoft.com/office/drawing/2014/main" id="{66414C07-D923-4E88-B165-1162BD3EF6E9}"/>
              </a:ext>
            </a:extLst>
          </p:cNvPr>
          <p:cNvSpPr/>
          <p:nvPr userDrawn="1"/>
        </p:nvSpPr>
        <p:spPr>
          <a:xfrm>
            <a:off x="19534198" y="10422184"/>
            <a:ext cx="363361" cy="361950"/>
          </a:xfrm>
          <a:prstGeom prst="roundRect">
            <a:avLst>
              <a:gd name="adj" fmla="val 50000"/>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371532" eaLnBrk="1" fontAlgn="auto" hangingPunct="1">
              <a:spcBef>
                <a:spcPts val="0"/>
              </a:spcBef>
              <a:spcAft>
                <a:spcPts val="0"/>
              </a:spcAft>
              <a:defRPr/>
            </a:pPr>
            <a:endParaRPr lang="en-US" sz="3200"/>
          </a:p>
        </p:txBody>
      </p:sp>
      <p:sp>
        <p:nvSpPr>
          <p:cNvPr id="4" name="Slide Number Placeholder 5"/>
          <p:cNvSpPr txBox="1">
            <a:spLocks/>
          </p:cNvSpPr>
          <p:nvPr userDrawn="1"/>
        </p:nvSpPr>
        <p:spPr>
          <a:xfrm>
            <a:off x="19458350" y="10411072"/>
            <a:ext cx="532694" cy="373062"/>
          </a:xfrm>
          <a:prstGeom prst="rect">
            <a:avLst/>
          </a:prstGeom>
        </p:spPr>
        <p:txBody>
          <a:bodyPr anchor="ctr"/>
          <a:lstStyle>
            <a:defPPr>
              <a:defRPr lang="en-US"/>
            </a:defPPr>
            <a:lvl1pPr marL="0" algn="ctr" defTabSz="457189" rtl="0" eaLnBrk="1" latinLnBrk="0" hangingPunct="1">
              <a:defRPr sz="900" kern="1200">
                <a:solidFill>
                  <a:schemeClr val="tx1">
                    <a:tint val="75000"/>
                  </a:schemeClr>
                </a:solidFill>
                <a:latin typeface="+mn-lt"/>
                <a:ea typeface="+mn-ea"/>
                <a:cs typeface="+mn-cs"/>
              </a:defRPr>
            </a:lvl1pPr>
            <a:lvl2pPr marL="457189" algn="l" defTabSz="457189" rtl="0" eaLnBrk="1" latinLnBrk="0" hangingPunct="1">
              <a:defRPr sz="1800" kern="1200">
                <a:solidFill>
                  <a:schemeClr val="tx1"/>
                </a:solidFill>
                <a:latin typeface="+mn-lt"/>
                <a:ea typeface="+mn-ea"/>
                <a:cs typeface="+mn-cs"/>
              </a:defRPr>
            </a:lvl2pPr>
            <a:lvl3pPr marL="914378" algn="l" defTabSz="457189" rtl="0" eaLnBrk="1" latinLnBrk="0" hangingPunct="1">
              <a:defRPr sz="1800" kern="1200">
                <a:solidFill>
                  <a:schemeClr val="tx1"/>
                </a:solidFill>
                <a:latin typeface="+mn-lt"/>
                <a:ea typeface="+mn-ea"/>
                <a:cs typeface="+mn-cs"/>
              </a:defRPr>
            </a:lvl3pPr>
            <a:lvl4pPr marL="1371566" algn="l" defTabSz="457189" rtl="0" eaLnBrk="1" latinLnBrk="0" hangingPunct="1">
              <a:defRPr sz="1800" kern="1200">
                <a:solidFill>
                  <a:schemeClr val="tx1"/>
                </a:solidFill>
                <a:latin typeface="+mn-lt"/>
                <a:ea typeface="+mn-ea"/>
                <a:cs typeface="+mn-cs"/>
              </a:defRPr>
            </a:lvl4pPr>
            <a:lvl5pPr marL="1828754" algn="l" defTabSz="457189" rtl="0" eaLnBrk="1" latinLnBrk="0" hangingPunct="1">
              <a:defRPr sz="1800" kern="1200">
                <a:solidFill>
                  <a:schemeClr val="tx1"/>
                </a:solidFill>
                <a:latin typeface="+mn-lt"/>
                <a:ea typeface="+mn-ea"/>
                <a:cs typeface="+mn-cs"/>
              </a:defRPr>
            </a:lvl5pPr>
            <a:lvl6pPr marL="2285943" algn="l" defTabSz="457189" rtl="0" eaLnBrk="1" latinLnBrk="0" hangingPunct="1">
              <a:defRPr sz="1800" kern="1200">
                <a:solidFill>
                  <a:schemeClr val="tx1"/>
                </a:solidFill>
                <a:latin typeface="+mn-lt"/>
                <a:ea typeface="+mn-ea"/>
                <a:cs typeface="+mn-cs"/>
              </a:defRPr>
            </a:lvl6pPr>
            <a:lvl7pPr marL="2743132" algn="l" defTabSz="457189" rtl="0" eaLnBrk="1" latinLnBrk="0" hangingPunct="1">
              <a:defRPr sz="1800" kern="1200">
                <a:solidFill>
                  <a:schemeClr val="tx1"/>
                </a:solidFill>
                <a:latin typeface="+mn-lt"/>
                <a:ea typeface="+mn-ea"/>
                <a:cs typeface="+mn-cs"/>
              </a:defRPr>
            </a:lvl7pPr>
            <a:lvl8pPr marL="3200320" algn="l" defTabSz="457189" rtl="0" eaLnBrk="1" latinLnBrk="0" hangingPunct="1">
              <a:defRPr sz="1800" kern="1200">
                <a:solidFill>
                  <a:schemeClr val="tx1"/>
                </a:solidFill>
                <a:latin typeface="+mn-lt"/>
                <a:ea typeface="+mn-ea"/>
                <a:cs typeface="+mn-cs"/>
              </a:defRPr>
            </a:lvl8pPr>
            <a:lvl9pPr marL="3657509" algn="l" defTabSz="457189" rtl="0" eaLnBrk="1" latinLnBrk="0" hangingPunct="1">
              <a:defRPr sz="1800" kern="1200">
                <a:solidFill>
                  <a:schemeClr val="tx1"/>
                </a:solidFill>
                <a:latin typeface="+mn-lt"/>
                <a:ea typeface="+mn-ea"/>
                <a:cs typeface="+mn-cs"/>
              </a:defRPr>
            </a:lvl9pPr>
          </a:lstStyle>
          <a:p>
            <a:pPr fontAlgn="auto">
              <a:spcBef>
                <a:spcPts val="0"/>
              </a:spcBef>
              <a:spcAft>
                <a:spcPts val="0"/>
              </a:spcAft>
              <a:defRPr/>
            </a:pPr>
            <a:fld id="{F6916BCA-710C-45E5-A502-29FB0CFC6D63}" type="slidenum">
              <a:rPr lang="en-US" sz="1800" smtClean="0">
                <a:solidFill>
                  <a:srgbClr val="F76C6C"/>
                </a:solidFill>
              </a:rPr>
              <a:pPr fontAlgn="auto">
                <a:spcBef>
                  <a:spcPts val="0"/>
                </a:spcBef>
                <a:spcAft>
                  <a:spcPts val="0"/>
                </a:spcAft>
                <a:defRPr/>
              </a:pPr>
              <a:t>‹#›</a:t>
            </a:fld>
            <a:endParaRPr lang="en-US" sz="1600" dirty="0">
              <a:solidFill>
                <a:srgbClr val="F76C6C"/>
              </a:solidFill>
            </a:endParaRPr>
          </a:p>
        </p:txBody>
      </p:sp>
    </p:spTree>
    <p:extLst>
      <p:ext uri="{BB962C8B-B14F-4D97-AF65-F5344CB8AC3E}">
        <p14:creationId xmlns:p14="http://schemas.microsoft.com/office/powerpoint/2010/main" val="286209823"/>
      </p:ext>
    </p:extLst>
  </p:cSld>
  <p:clrMap bg1="lt1" tx1="dk1" bg2="lt2" tx2="dk2" accent1="accent1" accent2="accent2" accent3="accent3" accent4="accent4" accent5="accent5" accent6="accent6" hlink="hlink" folHlink="folHlink"/>
  <p:sldLayoutIdLst>
    <p:sldLayoutId id="2147484194" r:id="rId1"/>
    <p:sldLayoutId id="2147484309" r:id="rId2"/>
    <p:sldLayoutId id="2147484310" r:id="rId3"/>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0.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8" name="Title Placeholder 1"/>
          <p:cNvSpPr>
            <a:spLocks noGrp="1"/>
          </p:cNvSpPr>
          <p:nvPr>
            <p:ph type="title"/>
          </p:nvPr>
        </p:nvSpPr>
        <p:spPr bwMode="auto">
          <a:xfrm>
            <a:off x="805337" y="837001"/>
            <a:ext cx="17526000" cy="12207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altLang="en-US" dirty="0"/>
              <a:t>Click to edit Master title style</a:t>
            </a:r>
            <a:endParaRPr lang="en-GB" altLang="en-US" dirty="0"/>
          </a:p>
        </p:txBody>
      </p:sp>
      <p:sp>
        <p:nvSpPr>
          <p:cNvPr id="9" name="Text Placeholder 2"/>
          <p:cNvSpPr>
            <a:spLocks noGrp="1"/>
          </p:cNvSpPr>
          <p:nvPr>
            <p:ph type="body" idx="1"/>
          </p:nvPr>
        </p:nvSpPr>
        <p:spPr>
          <a:xfrm>
            <a:off x="805337" y="2774299"/>
            <a:ext cx="17526000" cy="7251700"/>
          </a:xfrm>
          <a:prstGeom prst="rect">
            <a:avLst/>
          </a:prstGeom>
        </p:spPr>
        <p:txBody>
          <a:bodyPr vert="horz" lIns="91440" tIns="45720" rIns="91440" bIns="45720" rtlCol="0">
            <a:normAutofit/>
          </a:bodyPr>
          <a:lstStyle/>
          <a:p>
            <a:pPr lvl="0"/>
            <a:r>
              <a:rPr lang="en-US" noProof="0" dirty="0"/>
              <a:t>Edit Master text styles</a:t>
            </a:r>
          </a:p>
          <a:p>
            <a:pPr lvl="1"/>
            <a:r>
              <a:rPr lang="en-US" noProof="0" dirty="0"/>
              <a:t>Second level</a:t>
            </a:r>
          </a:p>
          <a:p>
            <a:pPr lvl="2"/>
            <a:r>
              <a:rPr lang="en-US" noProof="0" dirty="0"/>
              <a:t>Third level</a:t>
            </a:r>
          </a:p>
        </p:txBody>
      </p:sp>
      <p:sp>
        <p:nvSpPr>
          <p:cNvPr id="10" name="Text Placeholder 6"/>
          <p:cNvSpPr txBox="1">
            <a:spLocks/>
          </p:cNvSpPr>
          <p:nvPr userDrawn="1"/>
        </p:nvSpPr>
        <p:spPr>
          <a:xfrm>
            <a:off x="805337" y="10539980"/>
            <a:ext cx="2670528" cy="338137"/>
          </a:xfrm>
          <a:prstGeom prst="rect">
            <a:avLst/>
          </a:prstGeom>
        </p:spPr>
        <p:txBody>
          <a:bodyPr/>
          <a:lstStyle>
            <a:lvl1pPr marL="0" indent="0" algn="r" defTabSz="1371600" rtl="0" eaLnBrk="1" latinLnBrk="0" hangingPunct="1">
              <a:lnSpc>
                <a:spcPct val="90000"/>
              </a:lnSpc>
              <a:spcBef>
                <a:spcPts val="1500"/>
              </a:spcBef>
              <a:buFont typeface="Arial" panose="020B0604020202020204" pitchFamily="34" charset="0"/>
              <a:buNone/>
              <a:defRPr sz="1600" kern="1200">
                <a:solidFill>
                  <a:schemeClr val="bg1"/>
                </a:solidFill>
                <a:latin typeface="Calibri" panose="020F0502020204030204" pitchFamily="34" charset="0"/>
                <a:ea typeface="+mn-ea"/>
                <a:cs typeface="Calibri" panose="020F0502020204030204" pitchFamily="34" charset="0"/>
              </a:defRPr>
            </a:lvl1pPr>
            <a:lvl2pPr marL="1028700" indent="-342900" algn="l" defTabSz="1371600" rtl="0" eaLnBrk="1" latinLnBrk="0" hangingPunct="1">
              <a:lnSpc>
                <a:spcPct val="90000"/>
              </a:lnSpc>
              <a:spcBef>
                <a:spcPts val="750"/>
              </a:spcBef>
              <a:buFont typeface="Arial" panose="020B0604020202020204" pitchFamily="34" charset="0"/>
              <a:buChar char="•"/>
              <a:defRPr sz="3600" kern="1200">
                <a:solidFill>
                  <a:schemeClr val="tx1"/>
                </a:solidFill>
                <a:latin typeface="Calibri" panose="020F0502020204030204" pitchFamily="34" charset="0"/>
                <a:ea typeface="+mn-ea"/>
                <a:cs typeface="Calibri" panose="020F0502020204030204" pitchFamily="34" charset="0"/>
              </a:defRPr>
            </a:lvl2pPr>
            <a:lvl3pPr marL="1714500" indent="-342900" algn="l" defTabSz="1371600" rtl="0" eaLnBrk="1" latinLnBrk="0" hangingPunct="1">
              <a:lnSpc>
                <a:spcPct val="90000"/>
              </a:lnSpc>
              <a:spcBef>
                <a:spcPts val="750"/>
              </a:spcBef>
              <a:buFont typeface="Arial" panose="020B0604020202020204" pitchFamily="34" charset="0"/>
              <a:buChar char="•"/>
              <a:defRPr sz="3000" kern="1200">
                <a:solidFill>
                  <a:schemeClr val="tx1"/>
                </a:solidFill>
                <a:latin typeface="Calibri" panose="020F0502020204030204" pitchFamily="34" charset="0"/>
                <a:ea typeface="+mn-ea"/>
                <a:cs typeface="Calibri" panose="020F0502020204030204" pitchFamily="34" charset="0"/>
              </a:defRPr>
            </a:lvl3pPr>
            <a:lvl4pPr marL="24003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Calibri" panose="020F0502020204030204" pitchFamily="34" charset="0"/>
                <a:ea typeface="+mn-ea"/>
                <a:cs typeface="Calibri" panose="020F0502020204030204" pitchFamily="34" charset="0"/>
              </a:defRPr>
            </a:lvl4pPr>
            <a:lvl5pPr marL="30861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Calibri" panose="020F0502020204030204" pitchFamily="34" charset="0"/>
                <a:ea typeface="+mn-ea"/>
                <a:cs typeface="Calibri" panose="020F0502020204030204" pitchFamily="34" charset="0"/>
              </a:defRPr>
            </a:lvl5pPr>
            <a:lvl6pPr marL="37719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mn-lt"/>
                <a:ea typeface="+mn-ea"/>
                <a:cs typeface="+mn-cs"/>
              </a:defRPr>
            </a:lvl6pPr>
            <a:lvl7pPr marL="44577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mn-lt"/>
                <a:ea typeface="+mn-ea"/>
                <a:cs typeface="+mn-cs"/>
              </a:defRPr>
            </a:lvl7pPr>
            <a:lvl8pPr marL="51435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mn-lt"/>
                <a:ea typeface="+mn-ea"/>
                <a:cs typeface="+mn-cs"/>
              </a:defRPr>
            </a:lvl8pPr>
            <a:lvl9pPr marL="58293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mn-lt"/>
                <a:ea typeface="+mn-ea"/>
                <a:cs typeface="+mn-cs"/>
              </a:defRPr>
            </a:lvl9pPr>
          </a:lstStyle>
          <a:p>
            <a:pPr algn="l" fontAlgn="auto">
              <a:spcAft>
                <a:spcPts val="0"/>
              </a:spcAft>
              <a:defRPr/>
            </a:pPr>
            <a:r>
              <a:rPr lang="en-GB" sz="1800" dirty="0">
                <a:solidFill>
                  <a:srgbClr val="F76C6C"/>
                </a:solidFill>
              </a:rPr>
              <a:t>www.keoghs.co.uk</a:t>
            </a:r>
          </a:p>
        </p:txBody>
      </p:sp>
      <p:cxnSp>
        <p:nvCxnSpPr>
          <p:cNvPr id="11" name="Straight Connector 10"/>
          <p:cNvCxnSpPr/>
          <p:nvPr userDrawn="1"/>
        </p:nvCxnSpPr>
        <p:spPr>
          <a:xfrm>
            <a:off x="2837964" y="10762225"/>
            <a:ext cx="16077565" cy="0"/>
          </a:xfrm>
          <a:prstGeom prst="line">
            <a:avLst/>
          </a:prstGeom>
          <a:ln w="19050">
            <a:solidFill>
              <a:srgbClr val="F76C6C"/>
            </a:solidFill>
          </a:ln>
        </p:spPr>
        <p:style>
          <a:lnRef idx="1">
            <a:schemeClr val="accent1"/>
          </a:lnRef>
          <a:fillRef idx="0">
            <a:schemeClr val="accent1"/>
          </a:fillRef>
          <a:effectRef idx="0">
            <a:schemeClr val="accent1"/>
          </a:effectRef>
          <a:fontRef idx="minor">
            <a:schemeClr val="tx1"/>
          </a:fontRef>
        </p:style>
      </p:cxnSp>
      <p:sp>
        <p:nvSpPr>
          <p:cNvPr id="12" name="Rectangle: Rounded Corners 3">
            <a:extLst>
              <a:ext uri="{FF2B5EF4-FFF2-40B4-BE49-F238E27FC236}">
                <a16:creationId xmlns:a16="http://schemas.microsoft.com/office/drawing/2014/main" id="{66414C07-D923-4E88-B165-1162BD3EF6E9}"/>
              </a:ext>
            </a:extLst>
          </p:cNvPr>
          <p:cNvSpPr/>
          <p:nvPr userDrawn="1"/>
        </p:nvSpPr>
        <p:spPr>
          <a:xfrm>
            <a:off x="19177392" y="10525687"/>
            <a:ext cx="363361" cy="361950"/>
          </a:xfrm>
          <a:prstGeom prst="roundRect">
            <a:avLst>
              <a:gd name="adj" fmla="val 50000"/>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371532" eaLnBrk="1" fontAlgn="auto" hangingPunct="1">
              <a:spcBef>
                <a:spcPts val="0"/>
              </a:spcBef>
              <a:spcAft>
                <a:spcPts val="0"/>
              </a:spcAft>
              <a:defRPr/>
            </a:pPr>
            <a:endParaRPr lang="en-US" sz="3200"/>
          </a:p>
        </p:txBody>
      </p:sp>
      <p:sp>
        <p:nvSpPr>
          <p:cNvPr id="13" name="Slide Number Placeholder 5"/>
          <p:cNvSpPr txBox="1">
            <a:spLocks/>
          </p:cNvSpPr>
          <p:nvPr userDrawn="1"/>
        </p:nvSpPr>
        <p:spPr>
          <a:xfrm>
            <a:off x="19101544" y="10514575"/>
            <a:ext cx="532694" cy="373062"/>
          </a:xfrm>
          <a:prstGeom prst="rect">
            <a:avLst/>
          </a:prstGeom>
        </p:spPr>
        <p:txBody>
          <a:bodyPr anchor="ctr"/>
          <a:lstStyle>
            <a:defPPr>
              <a:defRPr lang="en-US"/>
            </a:defPPr>
            <a:lvl1pPr marL="0" algn="ctr" defTabSz="457189" rtl="0" eaLnBrk="1" latinLnBrk="0" hangingPunct="1">
              <a:defRPr sz="900" kern="1200">
                <a:solidFill>
                  <a:schemeClr val="tx1">
                    <a:tint val="75000"/>
                  </a:schemeClr>
                </a:solidFill>
                <a:latin typeface="+mn-lt"/>
                <a:ea typeface="+mn-ea"/>
                <a:cs typeface="+mn-cs"/>
              </a:defRPr>
            </a:lvl1pPr>
            <a:lvl2pPr marL="457189" algn="l" defTabSz="457189" rtl="0" eaLnBrk="1" latinLnBrk="0" hangingPunct="1">
              <a:defRPr sz="1800" kern="1200">
                <a:solidFill>
                  <a:schemeClr val="tx1"/>
                </a:solidFill>
                <a:latin typeface="+mn-lt"/>
                <a:ea typeface="+mn-ea"/>
                <a:cs typeface="+mn-cs"/>
              </a:defRPr>
            </a:lvl2pPr>
            <a:lvl3pPr marL="914378" algn="l" defTabSz="457189" rtl="0" eaLnBrk="1" latinLnBrk="0" hangingPunct="1">
              <a:defRPr sz="1800" kern="1200">
                <a:solidFill>
                  <a:schemeClr val="tx1"/>
                </a:solidFill>
                <a:latin typeface="+mn-lt"/>
                <a:ea typeface="+mn-ea"/>
                <a:cs typeface="+mn-cs"/>
              </a:defRPr>
            </a:lvl3pPr>
            <a:lvl4pPr marL="1371566" algn="l" defTabSz="457189" rtl="0" eaLnBrk="1" latinLnBrk="0" hangingPunct="1">
              <a:defRPr sz="1800" kern="1200">
                <a:solidFill>
                  <a:schemeClr val="tx1"/>
                </a:solidFill>
                <a:latin typeface="+mn-lt"/>
                <a:ea typeface="+mn-ea"/>
                <a:cs typeface="+mn-cs"/>
              </a:defRPr>
            </a:lvl4pPr>
            <a:lvl5pPr marL="1828754" algn="l" defTabSz="457189" rtl="0" eaLnBrk="1" latinLnBrk="0" hangingPunct="1">
              <a:defRPr sz="1800" kern="1200">
                <a:solidFill>
                  <a:schemeClr val="tx1"/>
                </a:solidFill>
                <a:latin typeface="+mn-lt"/>
                <a:ea typeface="+mn-ea"/>
                <a:cs typeface="+mn-cs"/>
              </a:defRPr>
            </a:lvl5pPr>
            <a:lvl6pPr marL="2285943" algn="l" defTabSz="457189" rtl="0" eaLnBrk="1" latinLnBrk="0" hangingPunct="1">
              <a:defRPr sz="1800" kern="1200">
                <a:solidFill>
                  <a:schemeClr val="tx1"/>
                </a:solidFill>
                <a:latin typeface="+mn-lt"/>
                <a:ea typeface="+mn-ea"/>
                <a:cs typeface="+mn-cs"/>
              </a:defRPr>
            </a:lvl6pPr>
            <a:lvl7pPr marL="2743132" algn="l" defTabSz="457189" rtl="0" eaLnBrk="1" latinLnBrk="0" hangingPunct="1">
              <a:defRPr sz="1800" kern="1200">
                <a:solidFill>
                  <a:schemeClr val="tx1"/>
                </a:solidFill>
                <a:latin typeface="+mn-lt"/>
                <a:ea typeface="+mn-ea"/>
                <a:cs typeface="+mn-cs"/>
              </a:defRPr>
            </a:lvl7pPr>
            <a:lvl8pPr marL="3200320" algn="l" defTabSz="457189" rtl="0" eaLnBrk="1" latinLnBrk="0" hangingPunct="1">
              <a:defRPr sz="1800" kern="1200">
                <a:solidFill>
                  <a:schemeClr val="tx1"/>
                </a:solidFill>
                <a:latin typeface="+mn-lt"/>
                <a:ea typeface="+mn-ea"/>
                <a:cs typeface="+mn-cs"/>
              </a:defRPr>
            </a:lvl8pPr>
            <a:lvl9pPr marL="3657509" algn="l" defTabSz="457189" rtl="0" eaLnBrk="1" latinLnBrk="0" hangingPunct="1">
              <a:defRPr sz="1800" kern="1200">
                <a:solidFill>
                  <a:schemeClr val="tx1"/>
                </a:solidFill>
                <a:latin typeface="+mn-lt"/>
                <a:ea typeface="+mn-ea"/>
                <a:cs typeface="+mn-cs"/>
              </a:defRPr>
            </a:lvl9pPr>
          </a:lstStyle>
          <a:p>
            <a:pPr fontAlgn="auto">
              <a:spcBef>
                <a:spcPts val="0"/>
              </a:spcBef>
              <a:spcAft>
                <a:spcPts val="0"/>
              </a:spcAft>
              <a:defRPr/>
            </a:pPr>
            <a:fld id="{F6916BCA-710C-45E5-A502-29FB0CFC6D63}" type="slidenum">
              <a:rPr lang="en-US" sz="1800" smtClean="0">
                <a:solidFill>
                  <a:srgbClr val="F76C6C"/>
                </a:solidFill>
              </a:rPr>
              <a:pPr fontAlgn="auto">
                <a:spcBef>
                  <a:spcPts val="0"/>
                </a:spcBef>
                <a:spcAft>
                  <a:spcPts val="0"/>
                </a:spcAft>
                <a:defRPr/>
              </a:pPr>
              <a:t>‹#›</a:t>
            </a:fld>
            <a:endParaRPr lang="en-US" sz="1600" dirty="0">
              <a:solidFill>
                <a:srgbClr val="F76C6C"/>
              </a:solidFill>
            </a:endParaRPr>
          </a:p>
        </p:txBody>
      </p:sp>
      <p:grpSp>
        <p:nvGrpSpPr>
          <p:cNvPr id="2" name="Group 1">
            <a:extLst>
              <a:ext uri="{FF2B5EF4-FFF2-40B4-BE49-F238E27FC236}">
                <a16:creationId xmlns:a16="http://schemas.microsoft.com/office/drawing/2014/main" id="{B04FFE9A-6F54-55F5-5817-C5ADC24476D6}"/>
              </a:ext>
            </a:extLst>
          </p:cNvPr>
          <p:cNvGrpSpPr/>
          <p:nvPr userDrawn="1"/>
        </p:nvGrpSpPr>
        <p:grpSpPr>
          <a:xfrm>
            <a:off x="14216553" y="1064354"/>
            <a:ext cx="5315281" cy="517558"/>
            <a:chOff x="3987799" y="5242130"/>
            <a:chExt cx="10160400" cy="989336"/>
          </a:xfrm>
        </p:grpSpPr>
        <p:pic>
          <p:nvPicPr>
            <p:cNvPr id="3" name="Graphic 2">
              <a:extLst>
                <a:ext uri="{FF2B5EF4-FFF2-40B4-BE49-F238E27FC236}">
                  <a16:creationId xmlns:a16="http://schemas.microsoft.com/office/drawing/2014/main" id="{19BC1464-DCF1-B58E-EA30-7ED8724DEA35}"/>
                </a:ext>
              </a:extLst>
            </p:cNvPr>
            <p:cNvPicPr>
              <a:picLocks noChangeAspect="1"/>
            </p:cNvPicPr>
            <p:nvPr/>
          </p:nvPicPr>
          <p:blipFill rotWithShape="1">
            <a:blip r:embed="rId14">
              <a:extLst>
                <a:ext uri="{96DAC541-7B7A-43D3-8B79-37D633B846F1}">
                  <asvg:svgBlip xmlns:asvg="http://schemas.microsoft.com/office/drawing/2016/SVG/main" xmlns="" r:embed="rId15"/>
                </a:ext>
              </a:extLst>
            </a:blip>
            <a:srcRect l="34814" t="-1" b="-3977"/>
            <a:stretch/>
          </p:blipFill>
          <p:spPr>
            <a:xfrm>
              <a:off x="9203512" y="5242132"/>
              <a:ext cx="4944687" cy="989334"/>
            </a:xfrm>
            <a:prstGeom prst="rect">
              <a:avLst/>
            </a:prstGeom>
          </p:spPr>
        </p:pic>
        <p:pic>
          <p:nvPicPr>
            <p:cNvPr id="4" name="Picture 3">
              <a:extLst>
                <a:ext uri="{FF2B5EF4-FFF2-40B4-BE49-F238E27FC236}">
                  <a16:creationId xmlns:a16="http://schemas.microsoft.com/office/drawing/2014/main" id="{8AB4FD2F-19DA-FE2A-10DB-BA8CD7133284}"/>
                </a:ext>
              </a:extLst>
            </p:cNvPr>
            <p:cNvPicPr>
              <a:picLocks noChangeAspect="1"/>
            </p:cNvPicPr>
            <p:nvPr/>
          </p:nvPicPr>
          <p:blipFill>
            <a:blip r:embed="rId16" cstate="email">
              <a:extLst>
                <a:ext uri="{28A0092B-C50C-407E-A947-70E740481C1C}">
                  <a14:useLocalDpi xmlns:a14="http://schemas.microsoft.com/office/drawing/2010/main" val="0"/>
                </a:ext>
              </a:extLst>
            </a:blip>
            <a:srcRect/>
            <a:stretch/>
          </p:blipFill>
          <p:spPr>
            <a:xfrm>
              <a:off x="3987799" y="5242130"/>
              <a:ext cx="4944687" cy="856923"/>
            </a:xfrm>
            <a:prstGeom prst="rect">
              <a:avLst/>
            </a:prstGeom>
          </p:spPr>
        </p:pic>
      </p:grpSp>
    </p:spTree>
    <p:extLst>
      <p:ext uri="{BB962C8B-B14F-4D97-AF65-F5344CB8AC3E}">
        <p14:creationId xmlns:p14="http://schemas.microsoft.com/office/powerpoint/2010/main" val="823681168"/>
      </p:ext>
    </p:extLst>
  </p:cSld>
  <p:clrMap bg1="lt1" tx1="dk1" bg2="lt2" tx2="dk2" accent1="accent1" accent2="accent2" accent3="accent3" accent4="accent4" accent5="accent5" accent6="accent6" hlink="hlink" folHlink="folHlink"/>
  <p:sldLayoutIdLst>
    <p:sldLayoutId id="2147484283" r:id="rId1"/>
    <p:sldLayoutId id="2147484284" r:id="rId2"/>
    <p:sldLayoutId id="2147484285" r:id="rId3"/>
    <p:sldLayoutId id="2147484286" r:id="rId4"/>
    <p:sldLayoutId id="2147484287" r:id="rId5"/>
    <p:sldLayoutId id="2147484288" r:id="rId6"/>
    <p:sldLayoutId id="2147484289" r:id="rId7"/>
    <p:sldLayoutId id="2147484290" r:id="rId8"/>
    <p:sldLayoutId id="2147484291" r:id="rId9"/>
    <p:sldLayoutId id="2147484292" r:id="rId10"/>
    <p:sldLayoutId id="2147484293" r:id="rId11"/>
    <p:sldLayoutId id="2147484294" r:id="rId12"/>
  </p:sldLayoutIdLst>
  <p:txStyles>
    <p:titleStyle>
      <a:lvl1pPr algn="l" defTabSz="914400" rtl="0" eaLnBrk="1" latinLnBrk="0" hangingPunct="1">
        <a:lnSpc>
          <a:spcPct val="90000"/>
        </a:lnSpc>
        <a:spcBef>
          <a:spcPct val="0"/>
        </a:spcBef>
        <a:buNone/>
        <a:defRPr sz="4800" b="1" kern="1200">
          <a:solidFill>
            <a:schemeClr val="bg2"/>
          </a:solidFill>
          <a:latin typeface="+mn-lt"/>
          <a:ea typeface="+mj-ea"/>
          <a:cs typeface="+mj-cs"/>
        </a:defRPr>
      </a:lvl1pPr>
    </p:titleStyle>
    <p:bodyStyle>
      <a:lvl1pPr marL="228600" indent="-228600" algn="l" defTabSz="914400" rtl="0" eaLnBrk="1" latinLnBrk="0" hangingPunct="1">
        <a:lnSpc>
          <a:spcPct val="90000"/>
        </a:lnSpc>
        <a:spcBef>
          <a:spcPts val="1000"/>
        </a:spcBef>
        <a:buClr>
          <a:schemeClr val="bg2"/>
        </a:buClr>
        <a:buFont typeface="Wingdings" panose="05000000000000000000" pitchFamily="2" charset="2"/>
        <a:buChar char="§"/>
        <a:defRPr sz="44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Clr>
          <a:schemeClr val="bg2"/>
        </a:buClr>
        <a:buFont typeface="Wingdings" panose="05000000000000000000" pitchFamily="2" charset="2"/>
        <a:buChar char="§"/>
        <a:defRPr sz="4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Clr>
          <a:schemeClr val="bg2"/>
        </a:buClr>
        <a:buFont typeface="Wingdings" panose="05000000000000000000" pitchFamily="2" charset="2"/>
        <a:buChar char="§"/>
        <a:defRPr sz="32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Clr>
          <a:schemeClr val="bg2"/>
        </a:buClr>
        <a:buFont typeface="Wingdings" panose="05000000000000000000" pitchFamily="2" charset="2"/>
        <a:buChar char="§"/>
        <a:defRPr sz="18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Clr>
          <a:schemeClr val="bg2"/>
        </a:buClr>
        <a:buFont typeface="Wingdings" panose="05000000000000000000" pitchFamily="2" charset="2"/>
        <a:buChar char="§"/>
        <a:defRPr sz="18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8" name="Title Placeholder 1"/>
          <p:cNvSpPr>
            <a:spLocks noGrp="1"/>
          </p:cNvSpPr>
          <p:nvPr>
            <p:ph type="title"/>
          </p:nvPr>
        </p:nvSpPr>
        <p:spPr bwMode="auto">
          <a:xfrm>
            <a:off x="805337" y="837001"/>
            <a:ext cx="17526000" cy="12207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altLang="en-US" dirty="0"/>
              <a:t>Click to edit Master title style</a:t>
            </a:r>
            <a:endParaRPr lang="en-GB" altLang="en-US" dirty="0"/>
          </a:p>
        </p:txBody>
      </p:sp>
      <p:sp>
        <p:nvSpPr>
          <p:cNvPr id="9" name="Text Placeholder 2"/>
          <p:cNvSpPr>
            <a:spLocks noGrp="1"/>
          </p:cNvSpPr>
          <p:nvPr>
            <p:ph type="body" idx="1"/>
          </p:nvPr>
        </p:nvSpPr>
        <p:spPr>
          <a:xfrm>
            <a:off x="805337" y="2774299"/>
            <a:ext cx="17526000" cy="7251700"/>
          </a:xfrm>
          <a:prstGeom prst="rect">
            <a:avLst/>
          </a:prstGeom>
        </p:spPr>
        <p:txBody>
          <a:bodyPr vert="horz" lIns="91440" tIns="45720" rIns="91440" bIns="45720" rtlCol="0">
            <a:normAutofit/>
          </a:bodyPr>
          <a:lstStyle/>
          <a:p>
            <a:pPr lvl="0"/>
            <a:r>
              <a:rPr lang="en-US" noProof="0" dirty="0"/>
              <a:t>Edit Master text styles</a:t>
            </a:r>
          </a:p>
          <a:p>
            <a:pPr lvl="1"/>
            <a:r>
              <a:rPr lang="en-US" noProof="0" dirty="0"/>
              <a:t>Second level</a:t>
            </a:r>
          </a:p>
          <a:p>
            <a:pPr lvl="2"/>
            <a:r>
              <a:rPr lang="en-US" noProof="0" dirty="0"/>
              <a:t>Third level</a:t>
            </a:r>
          </a:p>
        </p:txBody>
      </p:sp>
      <p:sp>
        <p:nvSpPr>
          <p:cNvPr id="10" name="Text Placeholder 6"/>
          <p:cNvSpPr txBox="1">
            <a:spLocks/>
          </p:cNvSpPr>
          <p:nvPr userDrawn="1"/>
        </p:nvSpPr>
        <p:spPr>
          <a:xfrm>
            <a:off x="794703" y="10539980"/>
            <a:ext cx="3660337" cy="347649"/>
          </a:xfrm>
          <a:prstGeom prst="rect">
            <a:avLst/>
          </a:prstGeom>
        </p:spPr>
        <p:txBody>
          <a:bodyPr/>
          <a:lstStyle>
            <a:lvl1pPr marL="0" indent="0" algn="r" defTabSz="1371600" rtl="0" eaLnBrk="1" latinLnBrk="0" hangingPunct="1">
              <a:lnSpc>
                <a:spcPct val="90000"/>
              </a:lnSpc>
              <a:spcBef>
                <a:spcPts val="1500"/>
              </a:spcBef>
              <a:buFont typeface="Arial" panose="020B0604020202020204" pitchFamily="34" charset="0"/>
              <a:buNone/>
              <a:defRPr sz="1600" kern="1200">
                <a:solidFill>
                  <a:schemeClr val="bg1"/>
                </a:solidFill>
                <a:latin typeface="Calibri" panose="020F0502020204030204" pitchFamily="34" charset="0"/>
                <a:ea typeface="+mn-ea"/>
                <a:cs typeface="Calibri" panose="020F0502020204030204" pitchFamily="34" charset="0"/>
              </a:defRPr>
            </a:lvl1pPr>
            <a:lvl2pPr marL="1028700" indent="-342900" algn="l" defTabSz="1371600" rtl="0" eaLnBrk="1" latinLnBrk="0" hangingPunct="1">
              <a:lnSpc>
                <a:spcPct val="90000"/>
              </a:lnSpc>
              <a:spcBef>
                <a:spcPts val="750"/>
              </a:spcBef>
              <a:buFont typeface="Arial" panose="020B0604020202020204" pitchFamily="34" charset="0"/>
              <a:buChar char="•"/>
              <a:defRPr sz="3600" kern="1200">
                <a:solidFill>
                  <a:schemeClr val="tx1"/>
                </a:solidFill>
                <a:latin typeface="Calibri" panose="020F0502020204030204" pitchFamily="34" charset="0"/>
                <a:ea typeface="+mn-ea"/>
                <a:cs typeface="Calibri" panose="020F0502020204030204" pitchFamily="34" charset="0"/>
              </a:defRPr>
            </a:lvl2pPr>
            <a:lvl3pPr marL="1714500" indent="-342900" algn="l" defTabSz="1371600" rtl="0" eaLnBrk="1" latinLnBrk="0" hangingPunct="1">
              <a:lnSpc>
                <a:spcPct val="90000"/>
              </a:lnSpc>
              <a:spcBef>
                <a:spcPts val="750"/>
              </a:spcBef>
              <a:buFont typeface="Arial" panose="020B0604020202020204" pitchFamily="34" charset="0"/>
              <a:buChar char="•"/>
              <a:defRPr sz="3000" kern="1200">
                <a:solidFill>
                  <a:schemeClr val="tx1"/>
                </a:solidFill>
                <a:latin typeface="Calibri" panose="020F0502020204030204" pitchFamily="34" charset="0"/>
                <a:ea typeface="+mn-ea"/>
                <a:cs typeface="Calibri" panose="020F0502020204030204" pitchFamily="34" charset="0"/>
              </a:defRPr>
            </a:lvl3pPr>
            <a:lvl4pPr marL="24003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Calibri" panose="020F0502020204030204" pitchFamily="34" charset="0"/>
                <a:ea typeface="+mn-ea"/>
                <a:cs typeface="Calibri" panose="020F0502020204030204" pitchFamily="34" charset="0"/>
              </a:defRPr>
            </a:lvl4pPr>
            <a:lvl5pPr marL="30861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Calibri" panose="020F0502020204030204" pitchFamily="34" charset="0"/>
                <a:ea typeface="+mn-ea"/>
                <a:cs typeface="Calibri" panose="020F0502020204030204" pitchFamily="34" charset="0"/>
              </a:defRPr>
            </a:lvl5pPr>
            <a:lvl6pPr marL="37719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mn-lt"/>
                <a:ea typeface="+mn-ea"/>
                <a:cs typeface="+mn-cs"/>
              </a:defRPr>
            </a:lvl6pPr>
            <a:lvl7pPr marL="44577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mn-lt"/>
                <a:ea typeface="+mn-ea"/>
                <a:cs typeface="+mn-cs"/>
              </a:defRPr>
            </a:lvl7pPr>
            <a:lvl8pPr marL="51435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mn-lt"/>
                <a:ea typeface="+mn-ea"/>
                <a:cs typeface="+mn-cs"/>
              </a:defRPr>
            </a:lvl8pPr>
            <a:lvl9pPr marL="58293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mn-lt"/>
                <a:ea typeface="+mn-ea"/>
                <a:cs typeface="+mn-cs"/>
              </a:defRPr>
            </a:lvl9pPr>
          </a:lstStyle>
          <a:p>
            <a:pPr algn="l" fontAlgn="auto">
              <a:spcAft>
                <a:spcPts val="0"/>
              </a:spcAft>
              <a:defRPr/>
            </a:pPr>
            <a:r>
              <a:rPr lang="en-GB" sz="1800" dirty="0">
                <a:solidFill>
                  <a:srgbClr val="F76C6C"/>
                </a:solidFill>
              </a:rPr>
              <a:t>davies-group.com/</a:t>
            </a:r>
            <a:r>
              <a:rPr lang="en-GB" sz="1800" dirty="0" err="1">
                <a:solidFill>
                  <a:srgbClr val="F76C6C"/>
                </a:solidFill>
              </a:rPr>
              <a:t>northamerica</a:t>
            </a:r>
            <a:endParaRPr lang="en-GB" sz="1800" dirty="0">
              <a:solidFill>
                <a:srgbClr val="F76C6C"/>
              </a:solidFill>
            </a:endParaRPr>
          </a:p>
        </p:txBody>
      </p:sp>
      <p:cxnSp>
        <p:nvCxnSpPr>
          <p:cNvPr id="11" name="Straight Connector 10"/>
          <p:cNvCxnSpPr>
            <a:cxnSpLocks/>
          </p:cNvCxnSpPr>
          <p:nvPr userDrawn="1"/>
        </p:nvCxnSpPr>
        <p:spPr>
          <a:xfrm>
            <a:off x="4210493" y="10762225"/>
            <a:ext cx="14705036" cy="0"/>
          </a:xfrm>
          <a:prstGeom prst="line">
            <a:avLst/>
          </a:prstGeom>
          <a:ln w="19050">
            <a:solidFill>
              <a:srgbClr val="F76C6C"/>
            </a:solidFill>
          </a:ln>
        </p:spPr>
        <p:style>
          <a:lnRef idx="1">
            <a:schemeClr val="accent1"/>
          </a:lnRef>
          <a:fillRef idx="0">
            <a:schemeClr val="accent1"/>
          </a:fillRef>
          <a:effectRef idx="0">
            <a:schemeClr val="accent1"/>
          </a:effectRef>
          <a:fontRef idx="minor">
            <a:schemeClr val="tx1"/>
          </a:fontRef>
        </p:style>
      </p:cxnSp>
      <p:sp>
        <p:nvSpPr>
          <p:cNvPr id="12" name="Rectangle: Rounded Corners 3">
            <a:extLst>
              <a:ext uri="{FF2B5EF4-FFF2-40B4-BE49-F238E27FC236}">
                <a16:creationId xmlns:a16="http://schemas.microsoft.com/office/drawing/2014/main" id="{66414C07-D923-4E88-B165-1162BD3EF6E9}"/>
              </a:ext>
            </a:extLst>
          </p:cNvPr>
          <p:cNvSpPr/>
          <p:nvPr userDrawn="1"/>
        </p:nvSpPr>
        <p:spPr>
          <a:xfrm>
            <a:off x="19177392" y="10525687"/>
            <a:ext cx="363361" cy="361950"/>
          </a:xfrm>
          <a:prstGeom prst="roundRect">
            <a:avLst>
              <a:gd name="adj" fmla="val 50000"/>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371532" eaLnBrk="1" fontAlgn="auto" hangingPunct="1">
              <a:spcBef>
                <a:spcPts val="0"/>
              </a:spcBef>
              <a:spcAft>
                <a:spcPts val="0"/>
              </a:spcAft>
              <a:defRPr/>
            </a:pPr>
            <a:endParaRPr lang="en-US" sz="3200"/>
          </a:p>
        </p:txBody>
      </p:sp>
      <p:sp>
        <p:nvSpPr>
          <p:cNvPr id="13" name="Slide Number Placeholder 5"/>
          <p:cNvSpPr txBox="1">
            <a:spLocks/>
          </p:cNvSpPr>
          <p:nvPr userDrawn="1"/>
        </p:nvSpPr>
        <p:spPr>
          <a:xfrm>
            <a:off x="19101544" y="10514575"/>
            <a:ext cx="532694" cy="373062"/>
          </a:xfrm>
          <a:prstGeom prst="rect">
            <a:avLst/>
          </a:prstGeom>
        </p:spPr>
        <p:txBody>
          <a:bodyPr anchor="ctr"/>
          <a:lstStyle>
            <a:defPPr>
              <a:defRPr lang="en-US"/>
            </a:defPPr>
            <a:lvl1pPr marL="0" algn="ctr" defTabSz="457189" rtl="0" eaLnBrk="1" latinLnBrk="0" hangingPunct="1">
              <a:defRPr sz="900" kern="1200">
                <a:solidFill>
                  <a:schemeClr val="tx1">
                    <a:tint val="75000"/>
                  </a:schemeClr>
                </a:solidFill>
                <a:latin typeface="+mn-lt"/>
                <a:ea typeface="+mn-ea"/>
                <a:cs typeface="+mn-cs"/>
              </a:defRPr>
            </a:lvl1pPr>
            <a:lvl2pPr marL="457189" algn="l" defTabSz="457189" rtl="0" eaLnBrk="1" latinLnBrk="0" hangingPunct="1">
              <a:defRPr sz="1800" kern="1200">
                <a:solidFill>
                  <a:schemeClr val="tx1"/>
                </a:solidFill>
                <a:latin typeface="+mn-lt"/>
                <a:ea typeface="+mn-ea"/>
                <a:cs typeface="+mn-cs"/>
              </a:defRPr>
            </a:lvl2pPr>
            <a:lvl3pPr marL="914378" algn="l" defTabSz="457189" rtl="0" eaLnBrk="1" latinLnBrk="0" hangingPunct="1">
              <a:defRPr sz="1800" kern="1200">
                <a:solidFill>
                  <a:schemeClr val="tx1"/>
                </a:solidFill>
                <a:latin typeface="+mn-lt"/>
                <a:ea typeface="+mn-ea"/>
                <a:cs typeface="+mn-cs"/>
              </a:defRPr>
            </a:lvl3pPr>
            <a:lvl4pPr marL="1371566" algn="l" defTabSz="457189" rtl="0" eaLnBrk="1" latinLnBrk="0" hangingPunct="1">
              <a:defRPr sz="1800" kern="1200">
                <a:solidFill>
                  <a:schemeClr val="tx1"/>
                </a:solidFill>
                <a:latin typeface="+mn-lt"/>
                <a:ea typeface="+mn-ea"/>
                <a:cs typeface="+mn-cs"/>
              </a:defRPr>
            </a:lvl4pPr>
            <a:lvl5pPr marL="1828754" algn="l" defTabSz="457189" rtl="0" eaLnBrk="1" latinLnBrk="0" hangingPunct="1">
              <a:defRPr sz="1800" kern="1200">
                <a:solidFill>
                  <a:schemeClr val="tx1"/>
                </a:solidFill>
                <a:latin typeface="+mn-lt"/>
                <a:ea typeface="+mn-ea"/>
                <a:cs typeface="+mn-cs"/>
              </a:defRPr>
            </a:lvl5pPr>
            <a:lvl6pPr marL="2285943" algn="l" defTabSz="457189" rtl="0" eaLnBrk="1" latinLnBrk="0" hangingPunct="1">
              <a:defRPr sz="1800" kern="1200">
                <a:solidFill>
                  <a:schemeClr val="tx1"/>
                </a:solidFill>
                <a:latin typeface="+mn-lt"/>
                <a:ea typeface="+mn-ea"/>
                <a:cs typeface="+mn-cs"/>
              </a:defRPr>
            </a:lvl6pPr>
            <a:lvl7pPr marL="2743132" algn="l" defTabSz="457189" rtl="0" eaLnBrk="1" latinLnBrk="0" hangingPunct="1">
              <a:defRPr sz="1800" kern="1200">
                <a:solidFill>
                  <a:schemeClr val="tx1"/>
                </a:solidFill>
                <a:latin typeface="+mn-lt"/>
                <a:ea typeface="+mn-ea"/>
                <a:cs typeface="+mn-cs"/>
              </a:defRPr>
            </a:lvl7pPr>
            <a:lvl8pPr marL="3200320" algn="l" defTabSz="457189" rtl="0" eaLnBrk="1" latinLnBrk="0" hangingPunct="1">
              <a:defRPr sz="1800" kern="1200">
                <a:solidFill>
                  <a:schemeClr val="tx1"/>
                </a:solidFill>
                <a:latin typeface="+mn-lt"/>
                <a:ea typeface="+mn-ea"/>
                <a:cs typeface="+mn-cs"/>
              </a:defRPr>
            </a:lvl8pPr>
            <a:lvl9pPr marL="3657509" algn="l" defTabSz="457189" rtl="0" eaLnBrk="1" latinLnBrk="0" hangingPunct="1">
              <a:defRPr sz="1800" kern="1200">
                <a:solidFill>
                  <a:schemeClr val="tx1"/>
                </a:solidFill>
                <a:latin typeface="+mn-lt"/>
                <a:ea typeface="+mn-ea"/>
                <a:cs typeface="+mn-cs"/>
              </a:defRPr>
            </a:lvl9pPr>
          </a:lstStyle>
          <a:p>
            <a:pPr fontAlgn="auto">
              <a:spcBef>
                <a:spcPts val="0"/>
              </a:spcBef>
              <a:spcAft>
                <a:spcPts val="0"/>
              </a:spcAft>
              <a:defRPr/>
            </a:pPr>
            <a:fld id="{F6916BCA-710C-45E5-A502-29FB0CFC6D63}" type="slidenum">
              <a:rPr lang="en-US" sz="1800" smtClean="0">
                <a:solidFill>
                  <a:srgbClr val="F76C6C"/>
                </a:solidFill>
              </a:rPr>
              <a:pPr fontAlgn="auto">
                <a:spcBef>
                  <a:spcPts val="0"/>
                </a:spcBef>
                <a:spcAft>
                  <a:spcPts val="0"/>
                </a:spcAft>
                <a:defRPr/>
              </a:pPr>
              <a:t>‹#›</a:t>
            </a:fld>
            <a:endParaRPr lang="en-US" sz="1600" dirty="0">
              <a:solidFill>
                <a:srgbClr val="F76C6C"/>
              </a:solidFill>
            </a:endParaRPr>
          </a:p>
        </p:txBody>
      </p:sp>
      <p:grpSp>
        <p:nvGrpSpPr>
          <p:cNvPr id="17" name="Group 16">
            <a:extLst>
              <a:ext uri="{FF2B5EF4-FFF2-40B4-BE49-F238E27FC236}">
                <a16:creationId xmlns:a16="http://schemas.microsoft.com/office/drawing/2014/main" id="{BA0A7F41-BA2E-43CB-8C92-910B4A96C029}"/>
              </a:ext>
            </a:extLst>
          </p:cNvPr>
          <p:cNvGrpSpPr/>
          <p:nvPr userDrawn="1"/>
        </p:nvGrpSpPr>
        <p:grpSpPr>
          <a:xfrm>
            <a:off x="14242774" y="970554"/>
            <a:ext cx="5097793" cy="574961"/>
            <a:chOff x="6113592" y="4381365"/>
            <a:chExt cx="8522662" cy="961240"/>
          </a:xfrm>
        </p:grpSpPr>
        <p:pic>
          <p:nvPicPr>
            <p:cNvPr id="18" name="Graphic 17">
              <a:extLst>
                <a:ext uri="{FF2B5EF4-FFF2-40B4-BE49-F238E27FC236}">
                  <a16:creationId xmlns:a16="http://schemas.microsoft.com/office/drawing/2014/main" id="{C41EF421-FBFF-4A4A-B125-70FE1E703059}"/>
                </a:ext>
              </a:extLst>
            </p:cNvPr>
            <p:cNvPicPr>
              <a:picLocks noChangeAspect="1"/>
            </p:cNvPicPr>
            <p:nvPr/>
          </p:nvPicPr>
          <p:blipFill rotWithShape="1">
            <a:blip r:embed="rId10">
              <a:extLst>
                <a:ext uri="{96DAC541-7B7A-43D3-8B79-37D633B846F1}">
                  <asvg:svgBlip xmlns:asvg="http://schemas.microsoft.com/office/drawing/2016/SVG/main" xmlns="" r:embed="rId11"/>
                </a:ext>
              </a:extLst>
            </a:blip>
            <a:srcRect l="36442" b="-3977"/>
            <a:stretch/>
          </p:blipFill>
          <p:spPr>
            <a:xfrm>
              <a:off x="9948668" y="4381365"/>
              <a:ext cx="4687586" cy="961240"/>
            </a:xfrm>
            <a:prstGeom prst="rect">
              <a:avLst/>
            </a:prstGeom>
          </p:spPr>
        </p:pic>
        <p:pic>
          <p:nvPicPr>
            <p:cNvPr id="19" name="Graphic 2">
              <a:extLst>
                <a:ext uri="{FF2B5EF4-FFF2-40B4-BE49-F238E27FC236}">
                  <a16:creationId xmlns:a16="http://schemas.microsoft.com/office/drawing/2014/main" id="{E353A7A8-9D33-422F-960E-ED837DACCEFC}"/>
                </a:ext>
              </a:extLst>
            </p:cNvPr>
            <p:cNvPicPr>
              <a:picLocks noChangeAspect="1"/>
            </p:cNvPicPr>
            <p:nvPr/>
          </p:nvPicPr>
          <p:blipFill>
            <a:blip r:embed="rId12" cstate="email">
              <a:extLst>
                <a:ext uri="{28A0092B-C50C-407E-A947-70E740481C1C}">
                  <a14:useLocalDpi xmlns:a14="http://schemas.microsoft.com/office/drawing/2010/main" val="0"/>
                </a:ext>
              </a:extLst>
            </a:blip>
            <a:srcRect/>
            <a:stretch/>
          </p:blipFill>
          <p:spPr>
            <a:xfrm>
              <a:off x="6113592" y="4414240"/>
              <a:ext cx="3505121" cy="781441"/>
            </a:xfrm>
            <a:prstGeom prst="rect">
              <a:avLst/>
            </a:prstGeom>
          </p:spPr>
        </p:pic>
      </p:grpSp>
    </p:spTree>
    <p:extLst>
      <p:ext uri="{BB962C8B-B14F-4D97-AF65-F5344CB8AC3E}">
        <p14:creationId xmlns:p14="http://schemas.microsoft.com/office/powerpoint/2010/main" val="4064589990"/>
      </p:ext>
    </p:extLst>
  </p:cSld>
  <p:clrMap bg1="lt1" tx1="dk1" bg2="lt2" tx2="dk2" accent1="accent1" accent2="accent2" accent3="accent3" accent4="accent4" accent5="accent5" accent6="accent6" hlink="hlink" folHlink="folHlink"/>
  <p:sldLayoutIdLst>
    <p:sldLayoutId id="2147484296" r:id="rId1"/>
    <p:sldLayoutId id="2147484297" r:id="rId2"/>
    <p:sldLayoutId id="2147484298" r:id="rId3"/>
    <p:sldLayoutId id="2147484299" r:id="rId4"/>
    <p:sldLayoutId id="2147484300" r:id="rId5"/>
    <p:sldLayoutId id="2147484301" r:id="rId6"/>
    <p:sldLayoutId id="2147484302" r:id="rId7"/>
    <p:sldLayoutId id="2147484303" r:id="rId8"/>
  </p:sldLayoutIdLst>
  <p:txStyles>
    <p:titleStyle>
      <a:lvl1pPr algn="l" defTabSz="914400" rtl="0" eaLnBrk="1" latinLnBrk="0" hangingPunct="1">
        <a:lnSpc>
          <a:spcPct val="90000"/>
        </a:lnSpc>
        <a:spcBef>
          <a:spcPct val="0"/>
        </a:spcBef>
        <a:buNone/>
        <a:defRPr sz="4800" b="1" kern="1200">
          <a:solidFill>
            <a:schemeClr val="bg2"/>
          </a:solidFill>
          <a:latin typeface="+mn-lt"/>
          <a:ea typeface="+mj-ea"/>
          <a:cs typeface="+mj-cs"/>
        </a:defRPr>
      </a:lvl1pPr>
    </p:titleStyle>
    <p:bodyStyle>
      <a:lvl1pPr marL="228600" indent="-228600" algn="l" defTabSz="914400" rtl="0" eaLnBrk="1" latinLnBrk="0" hangingPunct="1">
        <a:lnSpc>
          <a:spcPct val="90000"/>
        </a:lnSpc>
        <a:spcBef>
          <a:spcPts val="1000"/>
        </a:spcBef>
        <a:buClr>
          <a:schemeClr val="bg2"/>
        </a:buClr>
        <a:buFont typeface="Wingdings" panose="05000000000000000000" pitchFamily="2" charset="2"/>
        <a:buChar char="§"/>
        <a:defRPr sz="44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Clr>
          <a:schemeClr val="bg2"/>
        </a:buClr>
        <a:buFont typeface="Wingdings" panose="05000000000000000000" pitchFamily="2" charset="2"/>
        <a:buChar char="§"/>
        <a:defRPr sz="4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Clr>
          <a:schemeClr val="bg2"/>
        </a:buClr>
        <a:buFont typeface="Wingdings" panose="05000000000000000000" pitchFamily="2" charset="2"/>
        <a:buChar char="§"/>
        <a:defRPr sz="32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Clr>
          <a:schemeClr val="bg2"/>
        </a:buClr>
        <a:buFont typeface="Wingdings" panose="05000000000000000000" pitchFamily="2" charset="2"/>
        <a:buChar char="§"/>
        <a:defRPr sz="18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Clr>
          <a:schemeClr val="bg2"/>
        </a:buClr>
        <a:buFont typeface="Wingdings" panose="05000000000000000000" pitchFamily="2" charset="2"/>
        <a:buChar char="§"/>
        <a:defRPr sz="18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2.xml><?xml version="1.0" encoding="utf-8"?>
<p:sldMaster xmlns:a="http://schemas.openxmlformats.org/drawingml/2006/main" xmlns:r="http://schemas.openxmlformats.org/officeDocument/2006/relationships" xmlns:p="http://schemas.openxmlformats.org/presentationml/2006/main">
  <p:cSld>
    <p:bg>
      <p:bgPr>
        <a:solidFill>
          <a:schemeClr val="lt1"/>
        </a:solidFill>
        <a:effectLst/>
      </p:bgPr>
    </p:bg>
    <p:spTree>
      <p:nvGrpSpPr>
        <p:cNvPr id="1" name="Shape 5"/>
        <p:cNvGrpSpPr/>
        <p:nvPr/>
      </p:nvGrpSpPr>
      <p:grpSpPr>
        <a:xfrm>
          <a:off x="0" y="0"/>
          <a:ext cx="0" cy="0"/>
          <a:chOff x="0" y="0"/>
          <a:chExt cx="0" cy="0"/>
        </a:xfrm>
      </p:grpSpPr>
      <p:sp>
        <p:nvSpPr>
          <p:cNvPr id="6" name="Google Shape;6;p1"/>
          <p:cNvSpPr txBox="1">
            <a:spLocks noGrp="1"/>
          </p:cNvSpPr>
          <p:nvPr>
            <p:ph type="title"/>
          </p:nvPr>
        </p:nvSpPr>
        <p:spPr>
          <a:xfrm>
            <a:off x="1584944" y="988944"/>
            <a:ext cx="17150000" cy="1272667"/>
          </a:xfrm>
          <a:prstGeom prst="rect">
            <a:avLst/>
          </a:prstGeom>
          <a:noFill/>
          <a:ln>
            <a:noFill/>
          </a:ln>
        </p:spPr>
        <p:txBody>
          <a:bodyPr spcFirstLastPara="1" wrap="square" lIns="91425" tIns="91425" rIns="91425" bIns="91425" anchor="t" anchorCtr="0">
            <a:noAutofit/>
          </a:bodyPr>
          <a:lstStyle>
            <a:lvl1pPr lvl="0" algn="ctr" rtl="0">
              <a:spcBef>
                <a:spcPts val="0"/>
              </a:spcBef>
              <a:spcAft>
                <a:spcPts val="0"/>
              </a:spcAft>
              <a:buClr>
                <a:schemeClr val="dk1"/>
              </a:buClr>
              <a:buSzPts val="3500"/>
              <a:buFont typeface="Orelega One"/>
              <a:buNone/>
              <a:defRPr sz="3500">
                <a:solidFill>
                  <a:schemeClr val="dk1"/>
                </a:solidFill>
                <a:latin typeface="Orelega One"/>
                <a:ea typeface="Orelega One"/>
                <a:cs typeface="Orelega One"/>
                <a:sym typeface="Orelega One"/>
              </a:defRPr>
            </a:lvl1pPr>
            <a:lvl2pPr lvl="1" algn="ctr" rtl="0">
              <a:spcBef>
                <a:spcPts val="0"/>
              </a:spcBef>
              <a:spcAft>
                <a:spcPts val="0"/>
              </a:spcAft>
              <a:buClr>
                <a:schemeClr val="dk1"/>
              </a:buClr>
              <a:buSzPts val="3500"/>
              <a:buFont typeface="Orelega One"/>
              <a:buNone/>
              <a:defRPr sz="3500">
                <a:solidFill>
                  <a:schemeClr val="dk1"/>
                </a:solidFill>
                <a:latin typeface="Orelega One"/>
                <a:ea typeface="Orelega One"/>
                <a:cs typeface="Orelega One"/>
                <a:sym typeface="Orelega One"/>
              </a:defRPr>
            </a:lvl2pPr>
            <a:lvl3pPr lvl="2" algn="ctr" rtl="0">
              <a:spcBef>
                <a:spcPts val="0"/>
              </a:spcBef>
              <a:spcAft>
                <a:spcPts val="0"/>
              </a:spcAft>
              <a:buClr>
                <a:schemeClr val="dk1"/>
              </a:buClr>
              <a:buSzPts val="3500"/>
              <a:buFont typeface="Orelega One"/>
              <a:buNone/>
              <a:defRPr sz="3500">
                <a:solidFill>
                  <a:schemeClr val="dk1"/>
                </a:solidFill>
                <a:latin typeface="Orelega One"/>
                <a:ea typeface="Orelega One"/>
                <a:cs typeface="Orelega One"/>
                <a:sym typeface="Orelega One"/>
              </a:defRPr>
            </a:lvl3pPr>
            <a:lvl4pPr lvl="3" algn="ctr" rtl="0">
              <a:spcBef>
                <a:spcPts val="0"/>
              </a:spcBef>
              <a:spcAft>
                <a:spcPts val="0"/>
              </a:spcAft>
              <a:buClr>
                <a:schemeClr val="dk1"/>
              </a:buClr>
              <a:buSzPts val="3500"/>
              <a:buFont typeface="Orelega One"/>
              <a:buNone/>
              <a:defRPr sz="3500">
                <a:solidFill>
                  <a:schemeClr val="dk1"/>
                </a:solidFill>
                <a:latin typeface="Orelega One"/>
                <a:ea typeface="Orelega One"/>
                <a:cs typeface="Orelega One"/>
                <a:sym typeface="Orelega One"/>
              </a:defRPr>
            </a:lvl4pPr>
            <a:lvl5pPr lvl="4" algn="ctr" rtl="0">
              <a:spcBef>
                <a:spcPts val="0"/>
              </a:spcBef>
              <a:spcAft>
                <a:spcPts val="0"/>
              </a:spcAft>
              <a:buClr>
                <a:schemeClr val="dk1"/>
              </a:buClr>
              <a:buSzPts val="3500"/>
              <a:buFont typeface="Orelega One"/>
              <a:buNone/>
              <a:defRPr sz="3500">
                <a:solidFill>
                  <a:schemeClr val="dk1"/>
                </a:solidFill>
                <a:latin typeface="Orelega One"/>
                <a:ea typeface="Orelega One"/>
                <a:cs typeface="Orelega One"/>
                <a:sym typeface="Orelega One"/>
              </a:defRPr>
            </a:lvl5pPr>
            <a:lvl6pPr lvl="5" algn="ctr" rtl="0">
              <a:spcBef>
                <a:spcPts val="0"/>
              </a:spcBef>
              <a:spcAft>
                <a:spcPts val="0"/>
              </a:spcAft>
              <a:buClr>
                <a:schemeClr val="dk1"/>
              </a:buClr>
              <a:buSzPts val="3500"/>
              <a:buFont typeface="Orelega One"/>
              <a:buNone/>
              <a:defRPr sz="3500">
                <a:solidFill>
                  <a:schemeClr val="dk1"/>
                </a:solidFill>
                <a:latin typeface="Orelega One"/>
                <a:ea typeface="Orelega One"/>
                <a:cs typeface="Orelega One"/>
                <a:sym typeface="Orelega One"/>
              </a:defRPr>
            </a:lvl6pPr>
            <a:lvl7pPr lvl="6" algn="ctr" rtl="0">
              <a:spcBef>
                <a:spcPts val="0"/>
              </a:spcBef>
              <a:spcAft>
                <a:spcPts val="0"/>
              </a:spcAft>
              <a:buClr>
                <a:schemeClr val="dk1"/>
              </a:buClr>
              <a:buSzPts val="3500"/>
              <a:buFont typeface="Orelega One"/>
              <a:buNone/>
              <a:defRPr sz="3500">
                <a:solidFill>
                  <a:schemeClr val="dk1"/>
                </a:solidFill>
                <a:latin typeface="Orelega One"/>
                <a:ea typeface="Orelega One"/>
                <a:cs typeface="Orelega One"/>
                <a:sym typeface="Orelega One"/>
              </a:defRPr>
            </a:lvl7pPr>
            <a:lvl8pPr lvl="7" algn="ctr" rtl="0">
              <a:spcBef>
                <a:spcPts val="0"/>
              </a:spcBef>
              <a:spcAft>
                <a:spcPts val="0"/>
              </a:spcAft>
              <a:buClr>
                <a:schemeClr val="dk1"/>
              </a:buClr>
              <a:buSzPts val="3500"/>
              <a:buFont typeface="Orelega One"/>
              <a:buNone/>
              <a:defRPr sz="3500">
                <a:solidFill>
                  <a:schemeClr val="dk1"/>
                </a:solidFill>
                <a:latin typeface="Orelega One"/>
                <a:ea typeface="Orelega One"/>
                <a:cs typeface="Orelega One"/>
                <a:sym typeface="Orelega One"/>
              </a:defRPr>
            </a:lvl8pPr>
            <a:lvl9pPr lvl="8" algn="ctr" rtl="0">
              <a:spcBef>
                <a:spcPts val="0"/>
              </a:spcBef>
              <a:spcAft>
                <a:spcPts val="0"/>
              </a:spcAft>
              <a:buClr>
                <a:schemeClr val="dk1"/>
              </a:buClr>
              <a:buSzPts val="3500"/>
              <a:buFont typeface="Orelega One"/>
              <a:buNone/>
              <a:defRPr sz="3500">
                <a:solidFill>
                  <a:schemeClr val="dk1"/>
                </a:solidFill>
                <a:latin typeface="Orelega One"/>
                <a:ea typeface="Orelega One"/>
                <a:cs typeface="Orelega One"/>
                <a:sym typeface="Orelega One"/>
              </a:defRPr>
            </a:lvl9pPr>
          </a:lstStyle>
          <a:p>
            <a:endParaRPr/>
          </a:p>
        </p:txBody>
      </p:sp>
      <p:sp>
        <p:nvSpPr>
          <p:cNvPr id="7" name="Google Shape;7;p1"/>
          <p:cNvSpPr txBox="1">
            <a:spLocks noGrp="1"/>
          </p:cNvSpPr>
          <p:nvPr>
            <p:ph type="body" idx="1"/>
          </p:nvPr>
        </p:nvSpPr>
        <p:spPr>
          <a:xfrm>
            <a:off x="1584944" y="2561056"/>
            <a:ext cx="17150000" cy="7592000"/>
          </a:xfrm>
          <a:prstGeom prst="rect">
            <a:avLst/>
          </a:prstGeom>
          <a:noFill/>
          <a:ln>
            <a:noFill/>
          </a:ln>
        </p:spPr>
        <p:txBody>
          <a:bodyPr spcFirstLastPara="1" wrap="square" lIns="91425" tIns="91425" rIns="91425" bIns="91425" anchor="t" anchorCtr="0">
            <a:noAutofit/>
          </a:bodyPr>
          <a:lstStyle>
            <a:lvl1pPr marL="457200" lvl="0" indent="-317500">
              <a:lnSpc>
                <a:spcPct val="100000"/>
              </a:lnSpc>
              <a:spcBef>
                <a:spcPts val="0"/>
              </a:spcBef>
              <a:spcAft>
                <a:spcPts val="0"/>
              </a:spcAft>
              <a:buClr>
                <a:schemeClr val="dk1"/>
              </a:buClr>
              <a:buSzPts val="1400"/>
              <a:buFont typeface="Lato"/>
              <a:buChar char="●"/>
              <a:defRPr>
                <a:solidFill>
                  <a:schemeClr val="dk1"/>
                </a:solidFill>
                <a:latin typeface="Lato"/>
                <a:ea typeface="Lato"/>
                <a:cs typeface="Lato"/>
                <a:sym typeface="Lato"/>
              </a:defRPr>
            </a:lvl1pPr>
            <a:lvl2pPr marL="914400" lvl="1" indent="-317500">
              <a:lnSpc>
                <a:spcPct val="100000"/>
              </a:lnSpc>
              <a:spcBef>
                <a:spcPts val="1600"/>
              </a:spcBef>
              <a:spcAft>
                <a:spcPts val="0"/>
              </a:spcAft>
              <a:buClr>
                <a:schemeClr val="dk1"/>
              </a:buClr>
              <a:buSzPts val="1400"/>
              <a:buFont typeface="Lato"/>
              <a:buChar char="○"/>
              <a:defRPr>
                <a:solidFill>
                  <a:schemeClr val="dk1"/>
                </a:solidFill>
                <a:latin typeface="Lato"/>
                <a:ea typeface="Lato"/>
                <a:cs typeface="Lato"/>
                <a:sym typeface="Lato"/>
              </a:defRPr>
            </a:lvl2pPr>
            <a:lvl3pPr marL="1371600" lvl="2" indent="-317500">
              <a:lnSpc>
                <a:spcPct val="100000"/>
              </a:lnSpc>
              <a:spcBef>
                <a:spcPts val="1600"/>
              </a:spcBef>
              <a:spcAft>
                <a:spcPts val="0"/>
              </a:spcAft>
              <a:buClr>
                <a:schemeClr val="dk1"/>
              </a:buClr>
              <a:buSzPts val="1400"/>
              <a:buFont typeface="Lato"/>
              <a:buChar char="■"/>
              <a:defRPr>
                <a:solidFill>
                  <a:schemeClr val="dk1"/>
                </a:solidFill>
                <a:latin typeface="Lato"/>
                <a:ea typeface="Lato"/>
                <a:cs typeface="Lato"/>
                <a:sym typeface="Lato"/>
              </a:defRPr>
            </a:lvl3pPr>
            <a:lvl4pPr marL="1828800" lvl="3" indent="-317500">
              <a:lnSpc>
                <a:spcPct val="100000"/>
              </a:lnSpc>
              <a:spcBef>
                <a:spcPts val="1600"/>
              </a:spcBef>
              <a:spcAft>
                <a:spcPts val="0"/>
              </a:spcAft>
              <a:buClr>
                <a:schemeClr val="dk1"/>
              </a:buClr>
              <a:buSzPts val="1400"/>
              <a:buFont typeface="Lato"/>
              <a:buChar char="●"/>
              <a:defRPr>
                <a:solidFill>
                  <a:schemeClr val="dk1"/>
                </a:solidFill>
                <a:latin typeface="Lato"/>
                <a:ea typeface="Lato"/>
                <a:cs typeface="Lato"/>
                <a:sym typeface="Lato"/>
              </a:defRPr>
            </a:lvl4pPr>
            <a:lvl5pPr marL="2286000" lvl="4" indent="-317500">
              <a:lnSpc>
                <a:spcPct val="100000"/>
              </a:lnSpc>
              <a:spcBef>
                <a:spcPts val="1600"/>
              </a:spcBef>
              <a:spcAft>
                <a:spcPts val="0"/>
              </a:spcAft>
              <a:buClr>
                <a:schemeClr val="dk1"/>
              </a:buClr>
              <a:buSzPts val="1400"/>
              <a:buFont typeface="Lato"/>
              <a:buChar char="○"/>
              <a:defRPr>
                <a:solidFill>
                  <a:schemeClr val="dk1"/>
                </a:solidFill>
                <a:latin typeface="Lato"/>
                <a:ea typeface="Lato"/>
                <a:cs typeface="Lato"/>
                <a:sym typeface="Lato"/>
              </a:defRPr>
            </a:lvl5pPr>
            <a:lvl6pPr marL="2743200" lvl="5" indent="-317500">
              <a:lnSpc>
                <a:spcPct val="100000"/>
              </a:lnSpc>
              <a:spcBef>
                <a:spcPts val="1600"/>
              </a:spcBef>
              <a:spcAft>
                <a:spcPts val="0"/>
              </a:spcAft>
              <a:buClr>
                <a:schemeClr val="dk1"/>
              </a:buClr>
              <a:buSzPts val="1400"/>
              <a:buFont typeface="Lato"/>
              <a:buChar char="■"/>
              <a:defRPr>
                <a:solidFill>
                  <a:schemeClr val="dk1"/>
                </a:solidFill>
                <a:latin typeface="Lato"/>
                <a:ea typeface="Lato"/>
                <a:cs typeface="Lato"/>
                <a:sym typeface="Lato"/>
              </a:defRPr>
            </a:lvl6pPr>
            <a:lvl7pPr marL="3200400" lvl="6" indent="-317500">
              <a:lnSpc>
                <a:spcPct val="100000"/>
              </a:lnSpc>
              <a:spcBef>
                <a:spcPts val="1600"/>
              </a:spcBef>
              <a:spcAft>
                <a:spcPts val="0"/>
              </a:spcAft>
              <a:buClr>
                <a:schemeClr val="dk1"/>
              </a:buClr>
              <a:buSzPts val="1400"/>
              <a:buFont typeface="Lato"/>
              <a:buChar char="●"/>
              <a:defRPr>
                <a:solidFill>
                  <a:schemeClr val="dk1"/>
                </a:solidFill>
                <a:latin typeface="Lato"/>
                <a:ea typeface="Lato"/>
                <a:cs typeface="Lato"/>
                <a:sym typeface="Lato"/>
              </a:defRPr>
            </a:lvl7pPr>
            <a:lvl8pPr marL="3657600" lvl="7" indent="-317500">
              <a:lnSpc>
                <a:spcPct val="100000"/>
              </a:lnSpc>
              <a:spcBef>
                <a:spcPts val="1600"/>
              </a:spcBef>
              <a:spcAft>
                <a:spcPts val="0"/>
              </a:spcAft>
              <a:buClr>
                <a:schemeClr val="dk1"/>
              </a:buClr>
              <a:buSzPts val="1400"/>
              <a:buFont typeface="Lato"/>
              <a:buChar char="○"/>
              <a:defRPr>
                <a:solidFill>
                  <a:schemeClr val="dk1"/>
                </a:solidFill>
                <a:latin typeface="Lato"/>
                <a:ea typeface="Lato"/>
                <a:cs typeface="Lato"/>
                <a:sym typeface="Lato"/>
              </a:defRPr>
            </a:lvl8pPr>
            <a:lvl9pPr marL="4114800" lvl="8" indent="-317500">
              <a:lnSpc>
                <a:spcPct val="100000"/>
              </a:lnSpc>
              <a:spcBef>
                <a:spcPts val="1600"/>
              </a:spcBef>
              <a:spcAft>
                <a:spcPts val="1600"/>
              </a:spcAft>
              <a:buClr>
                <a:schemeClr val="dk1"/>
              </a:buClr>
              <a:buSzPts val="1400"/>
              <a:buFont typeface="Lato"/>
              <a:buChar char="■"/>
              <a:defRPr>
                <a:solidFill>
                  <a:schemeClr val="dk1"/>
                </a:solidFill>
                <a:latin typeface="Lato"/>
                <a:ea typeface="Lato"/>
                <a:cs typeface="Lato"/>
                <a:sym typeface="Lato"/>
              </a:defRPr>
            </a:lvl9pPr>
          </a:lstStyle>
          <a:p>
            <a:endParaRPr/>
          </a:p>
        </p:txBody>
      </p:sp>
    </p:spTree>
    <p:extLst>
      <p:ext uri="{BB962C8B-B14F-4D97-AF65-F5344CB8AC3E}">
        <p14:creationId xmlns:p14="http://schemas.microsoft.com/office/powerpoint/2010/main" val="407863550"/>
      </p:ext>
    </p:extLst>
  </p:cSld>
  <p:clrMap bg1="lt1" tx1="dk1" bg2="dk2" tx2="lt2" accent1="accent1" accent2="accent2" accent3="accent3" accent4="accent4" accent5="accent5" accent6="accent6" hlink="hlink" folHlink="folHlink"/>
  <p:sldLayoutIdLst>
    <p:sldLayoutId id="2147484312" r:id="rId1"/>
    <p:sldLayoutId id="2147484313" r:id="rId2"/>
    <p:sldLayoutId id="2147484314" r:id="rId3"/>
    <p:sldLayoutId id="2147484315" r:id="rId4"/>
    <p:sldLayoutId id="2147484316" r:id="rId5"/>
    <p:sldLayoutId id="2147484317" r:id="rId6"/>
    <p:sldLayoutId id="2147484318" r:id="rId7"/>
    <p:sldLayoutId id="2147484319" r:id="rId8"/>
    <p:sldLayoutId id="2147484320" r:id="rId9"/>
    <p:sldLayoutId id="2147484321" r:id="rId10"/>
    <p:sldLayoutId id="2147484322" r:id="rId11"/>
    <p:sldLayoutId id="2147484323" r:id="rId12"/>
    <p:sldLayoutId id="2147484324" r:id="rId13"/>
    <p:sldLayoutId id="2147484325" r:id="rId14"/>
    <p:sldLayoutId id="2147484326" r:id="rId15"/>
    <p:sldLayoutId id="2147484327" r:id="rId16"/>
    <p:sldLayoutId id="2147484328" r:id="rId17"/>
    <p:sldLayoutId id="2147484329" r:id="rId18"/>
    <p:sldLayoutId id="2147484330" r:id="rId19"/>
    <p:sldLayoutId id="2147484331" r:id="rId20"/>
    <p:sldLayoutId id="2147484332" r:id="rId21"/>
    <p:sldLayoutId id="2147484333" r:id="rId22"/>
    <p:sldLayoutId id="2147484334" r:id="rId23"/>
    <p:sldLayoutId id="2147484335" r:id="rId24"/>
    <p:sldLayoutId id="2147484336" r:id="rId25"/>
    <p:sldLayoutId id="2147484337" r:id="rId26"/>
    <p:sldLayoutId id="2147484338" r:id="rId27"/>
    <p:sldLayoutId id="2147484339" r:id="rId28"/>
    <p:sldLayoutId id="2147484340" r:id="rId29"/>
    <p:sldLayoutId id="2147484341" r:id="rId30"/>
    <p:sldLayoutId id="2147484342" r:id="rId31"/>
    <p:sldLayoutId id="2147484343" r:id="rId32"/>
    <p:sldLayoutId id="2147484344" r:id="rId33"/>
    <p:sldLayoutId id="2147484345" r:id="rId34"/>
    <p:sldLayoutId id="2147484346" r:id="rId35"/>
    <p:sldLayoutId id="2147484347" r:id="rId36"/>
    <p:sldLayoutId id="2147484348" r:id="rId37"/>
  </p:sldLayoutIdLst>
  <p:hf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3111"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3111"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3111"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3111"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3111"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3111"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3111"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3111"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3111" b="0" i="0" u="none" strike="noStrike" cap="none">
          <a:solidFill>
            <a:srgbClr val="000000"/>
          </a:solidFill>
          <a:latin typeface="Arial"/>
          <a:ea typeface="Arial"/>
          <a:cs typeface="Arial"/>
          <a:sym typeface="Arial"/>
        </a:defRPr>
      </a:lvl9pPr>
    </p:titleStyle>
    <p:body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3111"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3111"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3111"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3111"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3111"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3111"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3111"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3111"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3111"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3111"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3111"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3111"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3111"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3111"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3111"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3111"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3111"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3111" b="0" i="0" u="none" strike="noStrike" cap="none">
          <a:solidFill>
            <a:srgbClr val="000000"/>
          </a:solidFill>
          <a:latin typeface="Arial"/>
          <a:ea typeface="Arial"/>
          <a:cs typeface="Arial"/>
          <a:sym typeface="Arial"/>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5123" name="Title Placeholder 1"/>
          <p:cNvSpPr>
            <a:spLocks noGrp="1"/>
          </p:cNvSpPr>
          <p:nvPr>
            <p:ph type="title"/>
          </p:nvPr>
        </p:nvSpPr>
        <p:spPr bwMode="auto">
          <a:xfrm>
            <a:off x="805337" y="837001"/>
            <a:ext cx="17526000" cy="12207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altLang="en-US" dirty="0"/>
              <a:t>Click to edit Master title style</a:t>
            </a:r>
            <a:endParaRPr lang="en-GB" altLang="en-US" dirty="0"/>
          </a:p>
        </p:txBody>
      </p:sp>
      <p:sp>
        <p:nvSpPr>
          <p:cNvPr id="11" name="Text Placeholder 2"/>
          <p:cNvSpPr>
            <a:spLocks noGrp="1"/>
          </p:cNvSpPr>
          <p:nvPr>
            <p:ph type="body" idx="1"/>
          </p:nvPr>
        </p:nvSpPr>
        <p:spPr>
          <a:xfrm>
            <a:off x="805337" y="2774299"/>
            <a:ext cx="17526000" cy="7251700"/>
          </a:xfrm>
          <a:prstGeom prst="rect">
            <a:avLst/>
          </a:prstGeom>
        </p:spPr>
        <p:txBody>
          <a:bodyPr vert="horz" lIns="91440" tIns="45720" rIns="91440" bIns="45720" rtlCol="0">
            <a:normAutofit/>
          </a:bodyPr>
          <a:lstStyle/>
          <a:p>
            <a:pPr lvl="0"/>
            <a:r>
              <a:rPr lang="en-US" noProof="0" dirty="0"/>
              <a:t>Edit Master text styles</a:t>
            </a:r>
          </a:p>
          <a:p>
            <a:pPr lvl="1"/>
            <a:r>
              <a:rPr lang="en-US" noProof="0" dirty="0"/>
              <a:t>Second level</a:t>
            </a:r>
          </a:p>
          <a:p>
            <a:pPr lvl="2"/>
            <a:r>
              <a:rPr lang="en-US" noProof="0" dirty="0"/>
              <a:t>Third level</a:t>
            </a:r>
          </a:p>
        </p:txBody>
      </p:sp>
      <p:sp>
        <p:nvSpPr>
          <p:cNvPr id="12" name="Text Placeholder 6"/>
          <p:cNvSpPr txBox="1">
            <a:spLocks/>
          </p:cNvSpPr>
          <p:nvPr/>
        </p:nvSpPr>
        <p:spPr>
          <a:xfrm>
            <a:off x="805337" y="10539980"/>
            <a:ext cx="2670528" cy="338137"/>
          </a:xfrm>
          <a:prstGeom prst="rect">
            <a:avLst/>
          </a:prstGeom>
        </p:spPr>
        <p:txBody>
          <a:bodyPr/>
          <a:lstStyle>
            <a:lvl1pPr marL="0" indent="0" algn="r" defTabSz="1371600" rtl="0" eaLnBrk="1" latinLnBrk="0" hangingPunct="1">
              <a:lnSpc>
                <a:spcPct val="90000"/>
              </a:lnSpc>
              <a:spcBef>
                <a:spcPts val="1500"/>
              </a:spcBef>
              <a:buFont typeface="Arial" panose="020B0604020202020204" pitchFamily="34" charset="0"/>
              <a:buNone/>
              <a:defRPr sz="1600" kern="1200">
                <a:solidFill>
                  <a:schemeClr val="bg1"/>
                </a:solidFill>
                <a:latin typeface="Calibri" panose="020F0502020204030204" pitchFamily="34" charset="0"/>
                <a:ea typeface="+mn-ea"/>
                <a:cs typeface="Calibri" panose="020F0502020204030204" pitchFamily="34" charset="0"/>
              </a:defRPr>
            </a:lvl1pPr>
            <a:lvl2pPr marL="1028700" indent="-342900" algn="l" defTabSz="1371600" rtl="0" eaLnBrk="1" latinLnBrk="0" hangingPunct="1">
              <a:lnSpc>
                <a:spcPct val="90000"/>
              </a:lnSpc>
              <a:spcBef>
                <a:spcPts val="750"/>
              </a:spcBef>
              <a:buFont typeface="Arial" panose="020B0604020202020204" pitchFamily="34" charset="0"/>
              <a:buChar char="•"/>
              <a:defRPr sz="3600" kern="1200">
                <a:solidFill>
                  <a:schemeClr val="tx1"/>
                </a:solidFill>
                <a:latin typeface="Calibri" panose="020F0502020204030204" pitchFamily="34" charset="0"/>
                <a:ea typeface="+mn-ea"/>
                <a:cs typeface="Calibri" panose="020F0502020204030204" pitchFamily="34" charset="0"/>
              </a:defRPr>
            </a:lvl2pPr>
            <a:lvl3pPr marL="1714500" indent="-342900" algn="l" defTabSz="1371600" rtl="0" eaLnBrk="1" latinLnBrk="0" hangingPunct="1">
              <a:lnSpc>
                <a:spcPct val="90000"/>
              </a:lnSpc>
              <a:spcBef>
                <a:spcPts val="750"/>
              </a:spcBef>
              <a:buFont typeface="Arial" panose="020B0604020202020204" pitchFamily="34" charset="0"/>
              <a:buChar char="•"/>
              <a:defRPr sz="3000" kern="1200">
                <a:solidFill>
                  <a:schemeClr val="tx1"/>
                </a:solidFill>
                <a:latin typeface="Calibri" panose="020F0502020204030204" pitchFamily="34" charset="0"/>
                <a:ea typeface="+mn-ea"/>
                <a:cs typeface="Calibri" panose="020F0502020204030204" pitchFamily="34" charset="0"/>
              </a:defRPr>
            </a:lvl3pPr>
            <a:lvl4pPr marL="24003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Calibri" panose="020F0502020204030204" pitchFamily="34" charset="0"/>
                <a:ea typeface="+mn-ea"/>
                <a:cs typeface="Calibri" panose="020F0502020204030204" pitchFamily="34" charset="0"/>
              </a:defRPr>
            </a:lvl4pPr>
            <a:lvl5pPr marL="30861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Calibri" panose="020F0502020204030204" pitchFamily="34" charset="0"/>
                <a:ea typeface="+mn-ea"/>
                <a:cs typeface="Calibri" panose="020F0502020204030204" pitchFamily="34" charset="0"/>
              </a:defRPr>
            </a:lvl5pPr>
            <a:lvl6pPr marL="37719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mn-lt"/>
                <a:ea typeface="+mn-ea"/>
                <a:cs typeface="+mn-cs"/>
              </a:defRPr>
            </a:lvl6pPr>
            <a:lvl7pPr marL="44577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mn-lt"/>
                <a:ea typeface="+mn-ea"/>
                <a:cs typeface="+mn-cs"/>
              </a:defRPr>
            </a:lvl7pPr>
            <a:lvl8pPr marL="51435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mn-lt"/>
                <a:ea typeface="+mn-ea"/>
                <a:cs typeface="+mn-cs"/>
              </a:defRPr>
            </a:lvl8pPr>
            <a:lvl9pPr marL="58293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mn-lt"/>
                <a:ea typeface="+mn-ea"/>
                <a:cs typeface="+mn-cs"/>
              </a:defRPr>
            </a:lvl9pPr>
          </a:lstStyle>
          <a:p>
            <a:pPr algn="l" fontAlgn="auto">
              <a:spcAft>
                <a:spcPts val="0"/>
              </a:spcAft>
              <a:defRPr/>
            </a:pPr>
            <a:r>
              <a:rPr lang="en-GB" sz="1800" dirty="0">
                <a:solidFill>
                  <a:srgbClr val="F76C6C"/>
                </a:solidFill>
              </a:rPr>
              <a:t>www.keoghs.co.uk</a:t>
            </a:r>
          </a:p>
        </p:txBody>
      </p:sp>
      <p:cxnSp>
        <p:nvCxnSpPr>
          <p:cNvPr id="13" name="Straight Connector 12"/>
          <p:cNvCxnSpPr/>
          <p:nvPr/>
        </p:nvCxnSpPr>
        <p:spPr>
          <a:xfrm>
            <a:off x="2837964" y="10762225"/>
            <a:ext cx="16077565" cy="0"/>
          </a:xfrm>
          <a:prstGeom prst="line">
            <a:avLst/>
          </a:prstGeom>
          <a:ln w="19050">
            <a:solidFill>
              <a:srgbClr val="F76C6C"/>
            </a:solidFill>
          </a:ln>
        </p:spPr>
        <p:style>
          <a:lnRef idx="1">
            <a:schemeClr val="accent1"/>
          </a:lnRef>
          <a:fillRef idx="0">
            <a:schemeClr val="accent1"/>
          </a:fillRef>
          <a:effectRef idx="0">
            <a:schemeClr val="accent1"/>
          </a:effectRef>
          <a:fontRef idx="minor">
            <a:schemeClr val="tx1"/>
          </a:fontRef>
        </p:style>
      </p:cxnSp>
      <p:sp>
        <p:nvSpPr>
          <p:cNvPr id="14" name="Rectangle: Rounded Corners 3">
            <a:extLst>
              <a:ext uri="{FF2B5EF4-FFF2-40B4-BE49-F238E27FC236}">
                <a16:creationId xmlns:a16="http://schemas.microsoft.com/office/drawing/2014/main" id="{66414C07-D923-4E88-B165-1162BD3EF6E9}"/>
              </a:ext>
            </a:extLst>
          </p:cNvPr>
          <p:cNvSpPr/>
          <p:nvPr/>
        </p:nvSpPr>
        <p:spPr>
          <a:xfrm>
            <a:off x="19177392" y="10525687"/>
            <a:ext cx="363361" cy="361950"/>
          </a:xfrm>
          <a:prstGeom prst="roundRect">
            <a:avLst>
              <a:gd name="adj" fmla="val 50000"/>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371532" eaLnBrk="1" fontAlgn="auto" hangingPunct="1">
              <a:spcBef>
                <a:spcPts val="0"/>
              </a:spcBef>
              <a:spcAft>
                <a:spcPts val="0"/>
              </a:spcAft>
              <a:defRPr/>
            </a:pPr>
            <a:endParaRPr lang="en-US" sz="3200"/>
          </a:p>
        </p:txBody>
      </p:sp>
      <p:sp>
        <p:nvSpPr>
          <p:cNvPr id="15" name="Slide Number Placeholder 5"/>
          <p:cNvSpPr txBox="1">
            <a:spLocks/>
          </p:cNvSpPr>
          <p:nvPr/>
        </p:nvSpPr>
        <p:spPr>
          <a:xfrm>
            <a:off x="19101544" y="10514575"/>
            <a:ext cx="532694" cy="373062"/>
          </a:xfrm>
          <a:prstGeom prst="rect">
            <a:avLst/>
          </a:prstGeom>
        </p:spPr>
        <p:txBody>
          <a:bodyPr anchor="ctr"/>
          <a:lstStyle>
            <a:defPPr>
              <a:defRPr lang="en-US"/>
            </a:defPPr>
            <a:lvl1pPr marL="0" algn="ctr" defTabSz="457189" rtl="0" eaLnBrk="1" latinLnBrk="0" hangingPunct="1">
              <a:defRPr sz="900" kern="1200">
                <a:solidFill>
                  <a:schemeClr val="tx1">
                    <a:tint val="75000"/>
                  </a:schemeClr>
                </a:solidFill>
                <a:latin typeface="+mn-lt"/>
                <a:ea typeface="+mn-ea"/>
                <a:cs typeface="+mn-cs"/>
              </a:defRPr>
            </a:lvl1pPr>
            <a:lvl2pPr marL="457189" algn="l" defTabSz="457189" rtl="0" eaLnBrk="1" latinLnBrk="0" hangingPunct="1">
              <a:defRPr sz="1800" kern="1200">
                <a:solidFill>
                  <a:schemeClr val="tx1"/>
                </a:solidFill>
                <a:latin typeface="+mn-lt"/>
                <a:ea typeface="+mn-ea"/>
                <a:cs typeface="+mn-cs"/>
              </a:defRPr>
            </a:lvl2pPr>
            <a:lvl3pPr marL="914378" algn="l" defTabSz="457189" rtl="0" eaLnBrk="1" latinLnBrk="0" hangingPunct="1">
              <a:defRPr sz="1800" kern="1200">
                <a:solidFill>
                  <a:schemeClr val="tx1"/>
                </a:solidFill>
                <a:latin typeface="+mn-lt"/>
                <a:ea typeface="+mn-ea"/>
                <a:cs typeface="+mn-cs"/>
              </a:defRPr>
            </a:lvl3pPr>
            <a:lvl4pPr marL="1371566" algn="l" defTabSz="457189" rtl="0" eaLnBrk="1" latinLnBrk="0" hangingPunct="1">
              <a:defRPr sz="1800" kern="1200">
                <a:solidFill>
                  <a:schemeClr val="tx1"/>
                </a:solidFill>
                <a:latin typeface="+mn-lt"/>
                <a:ea typeface="+mn-ea"/>
                <a:cs typeface="+mn-cs"/>
              </a:defRPr>
            </a:lvl4pPr>
            <a:lvl5pPr marL="1828754" algn="l" defTabSz="457189" rtl="0" eaLnBrk="1" latinLnBrk="0" hangingPunct="1">
              <a:defRPr sz="1800" kern="1200">
                <a:solidFill>
                  <a:schemeClr val="tx1"/>
                </a:solidFill>
                <a:latin typeface="+mn-lt"/>
                <a:ea typeface="+mn-ea"/>
                <a:cs typeface="+mn-cs"/>
              </a:defRPr>
            </a:lvl5pPr>
            <a:lvl6pPr marL="2285943" algn="l" defTabSz="457189" rtl="0" eaLnBrk="1" latinLnBrk="0" hangingPunct="1">
              <a:defRPr sz="1800" kern="1200">
                <a:solidFill>
                  <a:schemeClr val="tx1"/>
                </a:solidFill>
                <a:latin typeface="+mn-lt"/>
                <a:ea typeface="+mn-ea"/>
                <a:cs typeface="+mn-cs"/>
              </a:defRPr>
            </a:lvl6pPr>
            <a:lvl7pPr marL="2743132" algn="l" defTabSz="457189" rtl="0" eaLnBrk="1" latinLnBrk="0" hangingPunct="1">
              <a:defRPr sz="1800" kern="1200">
                <a:solidFill>
                  <a:schemeClr val="tx1"/>
                </a:solidFill>
                <a:latin typeface="+mn-lt"/>
                <a:ea typeface="+mn-ea"/>
                <a:cs typeface="+mn-cs"/>
              </a:defRPr>
            </a:lvl7pPr>
            <a:lvl8pPr marL="3200320" algn="l" defTabSz="457189" rtl="0" eaLnBrk="1" latinLnBrk="0" hangingPunct="1">
              <a:defRPr sz="1800" kern="1200">
                <a:solidFill>
                  <a:schemeClr val="tx1"/>
                </a:solidFill>
                <a:latin typeface="+mn-lt"/>
                <a:ea typeface="+mn-ea"/>
                <a:cs typeface="+mn-cs"/>
              </a:defRPr>
            </a:lvl8pPr>
            <a:lvl9pPr marL="3657509" algn="l" defTabSz="457189" rtl="0" eaLnBrk="1" latinLnBrk="0" hangingPunct="1">
              <a:defRPr sz="1800" kern="1200">
                <a:solidFill>
                  <a:schemeClr val="tx1"/>
                </a:solidFill>
                <a:latin typeface="+mn-lt"/>
                <a:ea typeface="+mn-ea"/>
                <a:cs typeface="+mn-cs"/>
              </a:defRPr>
            </a:lvl9pPr>
          </a:lstStyle>
          <a:p>
            <a:pPr fontAlgn="auto">
              <a:spcBef>
                <a:spcPts val="0"/>
              </a:spcBef>
              <a:spcAft>
                <a:spcPts val="0"/>
              </a:spcAft>
              <a:defRPr/>
            </a:pPr>
            <a:fld id="{F6916BCA-710C-45E5-A502-29FB0CFC6D63}" type="slidenum">
              <a:rPr lang="en-US" sz="1800" smtClean="0">
                <a:solidFill>
                  <a:srgbClr val="F76C6C"/>
                </a:solidFill>
              </a:rPr>
              <a:pPr fontAlgn="auto">
                <a:spcBef>
                  <a:spcPts val="0"/>
                </a:spcBef>
                <a:spcAft>
                  <a:spcPts val="0"/>
                </a:spcAft>
                <a:defRPr/>
              </a:pPr>
              <a:t>‹#›</a:t>
            </a:fld>
            <a:endParaRPr lang="en-US" sz="1600" dirty="0">
              <a:solidFill>
                <a:srgbClr val="F76C6C"/>
              </a:solidFill>
            </a:endParaRPr>
          </a:p>
        </p:txBody>
      </p:sp>
      <p:pic>
        <p:nvPicPr>
          <p:cNvPr id="9" name="Picture 8"/>
          <p:cNvPicPr>
            <a:picLocks noChangeAspect="1"/>
          </p:cNvPicPr>
          <p:nvPr userDrawn="1"/>
        </p:nvPicPr>
        <p:blipFill>
          <a:blip r:embed="rId9" cstate="email">
            <a:extLst>
              <a:ext uri="{28A0092B-C50C-407E-A947-70E740481C1C}">
                <a14:useLocalDpi xmlns:a14="http://schemas.microsoft.com/office/drawing/2010/main" val="0"/>
              </a:ext>
            </a:extLst>
          </a:blip>
          <a:stretch>
            <a:fillRect/>
          </a:stretch>
        </p:blipFill>
        <p:spPr>
          <a:xfrm>
            <a:off x="17294937" y="748510"/>
            <a:ext cx="2354541" cy="766038"/>
          </a:xfrm>
          <a:prstGeom prst="rect">
            <a:avLst/>
          </a:prstGeom>
        </p:spPr>
      </p:pic>
      <p:pic>
        <p:nvPicPr>
          <p:cNvPr id="10" name="Picture 8"/>
          <p:cNvPicPr>
            <a:picLocks noChangeAspect="1"/>
          </p:cNvPicPr>
          <p:nvPr userDrawn="1"/>
        </p:nvPicPr>
        <p:blipFill rotWithShape="1">
          <a:blip r:embed="rId10" cstate="email">
            <a:extLst>
              <a:ext uri="{28A0092B-C50C-407E-A947-70E740481C1C}">
                <a14:useLocalDpi xmlns:a14="http://schemas.microsoft.com/office/drawing/2010/main" val="0"/>
              </a:ext>
            </a:extLst>
          </a:blip>
          <a:srcRect l="36418" r="56547" b="-9352"/>
          <a:stretch/>
        </p:blipFill>
        <p:spPr bwMode="auto">
          <a:xfrm>
            <a:off x="17004889" y="878090"/>
            <a:ext cx="290053" cy="66832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2" name="Picture 1"/>
          <p:cNvPicPr>
            <a:picLocks noChangeAspect="1"/>
          </p:cNvPicPr>
          <p:nvPr userDrawn="1"/>
        </p:nvPicPr>
        <p:blipFill>
          <a:blip r:embed="rId11" cstate="email">
            <a:extLst>
              <a:ext uri="{28A0092B-C50C-407E-A947-70E740481C1C}">
                <a14:useLocalDpi xmlns:a14="http://schemas.microsoft.com/office/drawing/2010/main" val="0"/>
              </a:ext>
            </a:extLst>
          </a:blip>
          <a:stretch>
            <a:fillRect/>
          </a:stretch>
        </p:blipFill>
        <p:spPr>
          <a:xfrm>
            <a:off x="15415166" y="974358"/>
            <a:ext cx="1444699" cy="314341"/>
          </a:xfrm>
          <a:prstGeom prst="rect">
            <a:avLst/>
          </a:prstGeom>
        </p:spPr>
      </p:pic>
    </p:spTree>
    <p:extLst>
      <p:ext uri="{BB962C8B-B14F-4D97-AF65-F5344CB8AC3E}">
        <p14:creationId xmlns:p14="http://schemas.microsoft.com/office/powerpoint/2010/main" val="3372193230"/>
      </p:ext>
    </p:extLst>
  </p:cSld>
  <p:clrMap bg1="lt1" tx1="dk1" bg2="lt2" tx2="dk2" accent1="accent1" accent2="accent2" accent3="accent3" accent4="accent4" accent5="accent5" accent6="accent6" hlink="hlink" folHlink="folHlink"/>
  <p:sldLayoutIdLst>
    <p:sldLayoutId id="2147484109" r:id="rId1"/>
    <p:sldLayoutId id="2147484110" r:id="rId2"/>
    <p:sldLayoutId id="2147484144" r:id="rId3"/>
    <p:sldLayoutId id="2147484111" r:id="rId4"/>
    <p:sldLayoutId id="2147484112" r:id="rId5"/>
    <p:sldLayoutId id="2147484113" r:id="rId6"/>
    <p:sldLayoutId id="2147484114" r:id="rId7"/>
  </p:sldLayoutIdLst>
  <p:hf hdr="0" ftr="0" dt="0"/>
  <p:txStyles>
    <p:titleStyle>
      <a:lvl1pPr algn="l" defTabSz="1371587" rtl="0" eaLnBrk="1" fontAlgn="base" hangingPunct="1">
        <a:lnSpc>
          <a:spcPct val="90000"/>
        </a:lnSpc>
        <a:spcBef>
          <a:spcPct val="0"/>
        </a:spcBef>
        <a:spcAft>
          <a:spcPct val="0"/>
        </a:spcAft>
        <a:defRPr sz="6600" b="1" kern="1200">
          <a:solidFill>
            <a:srgbClr val="F76C6C"/>
          </a:solidFill>
          <a:latin typeface="Calibri" panose="020F0502020204030204" pitchFamily="34" charset="0"/>
          <a:ea typeface="+mj-ea"/>
          <a:cs typeface="Calibri" panose="020F0502020204030204" pitchFamily="34" charset="0"/>
        </a:defRPr>
      </a:lvl1pPr>
      <a:lvl2pPr algn="l" defTabSz="1371587" rtl="0" eaLnBrk="1" fontAlgn="base" hangingPunct="1">
        <a:lnSpc>
          <a:spcPct val="90000"/>
        </a:lnSpc>
        <a:spcBef>
          <a:spcPct val="0"/>
        </a:spcBef>
        <a:spcAft>
          <a:spcPct val="0"/>
        </a:spcAft>
        <a:defRPr sz="6600" b="1">
          <a:solidFill>
            <a:srgbClr val="F76C6C"/>
          </a:solidFill>
          <a:latin typeface="Calibri" panose="020F0502020204030204" pitchFamily="34" charset="0"/>
          <a:cs typeface="Calibri" panose="020F0502020204030204" pitchFamily="34" charset="0"/>
        </a:defRPr>
      </a:lvl2pPr>
      <a:lvl3pPr algn="l" defTabSz="1371587" rtl="0" eaLnBrk="1" fontAlgn="base" hangingPunct="1">
        <a:lnSpc>
          <a:spcPct val="90000"/>
        </a:lnSpc>
        <a:spcBef>
          <a:spcPct val="0"/>
        </a:spcBef>
        <a:spcAft>
          <a:spcPct val="0"/>
        </a:spcAft>
        <a:defRPr sz="6600" b="1">
          <a:solidFill>
            <a:srgbClr val="F76C6C"/>
          </a:solidFill>
          <a:latin typeface="Calibri" panose="020F0502020204030204" pitchFamily="34" charset="0"/>
          <a:cs typeface="Calibri" panose="020F0502020204030204" pitchFamily="34" charset="0"/>
        </a:defRPr>
      </a:lvl3pPr>
      <a:lvl4pPr algn="l" defTabSz="1371587" rtl="0" eaLnBrk="1" fontAlgn="base" hangingPunct="1">
        <a:lnSpc>
          <a:spcPct val="90000"/>
        </a:lnSpc>
        <a:spcBef>
          <a:spcPct val="0"/>
        </a:spcBef>
        <a:spcAft>
          <a:spcPct val="0"/>
        </a:spcAft>
        <a:defRPr sz="6600" b="1">
          <a:solidFill>
            <a:srgbClr val="F76C6C"/>
          </a:solidFill>
          <a:latin typeface="Calibri" panose="020F0502020204030204" pitchFamily="34" charset="0"/>
          <a:cs typeface="Calibri" panose="020F0502020204030204" pitchFamily="34" charset="0"/>
        </a:defRPr>
      </a:lvl4pPr>
      <a:lvl5pPr algn="l" defTabSz="1371587" rtl="0" eaLnBrk="1" fontAlgn="base" hangingPunct="1">
        <a:lnSpc>
          <a:spcPct val="90000"/>
        </a:lnSpc>
        <a:spcBef>
          <a:spcPct val="0"/>
        </a:spcBef>
        <a:spcAft>
          <a:spcPct val="0"/>
        </a:spcAft>
        <a:defRPr sz="6600" b="1">
          <a:solidFill>
            <a:srgbClr val="F76C6C"/>
          </a:solidFill>
          <a:latin typeface="Calibri" panose="020F0502020204030204" pitchFamily="34" charset="0"/>
          <a:cs typeface="Calibri" panose="020F0502020204030204" pitchFamily="34" charset="0"/>
        </a:defRPr>
      </a:lvl5pPr>
      <a:lvl6pPr marL="457196" algn="l" defTabSz="1371587" rtl="0" eaLnBrk="1" fontAlgn="base" hangingPunct="1">
        <a:lnSpc>
          <a:spcPct val="90000"/>
        </a:lnSpc>
        <a:spcBef>
          <a:spcPct val="0"/>
        </a:spcBef>
        <a:spcAft>
          <a:spcPct val="0"/>
        </a:spcAft>
        <a:defRPr sz="6600" b="1">
          <a:solidFill>
            <a:srgbClr val="F76C6C"/>
          </a:solidFill>
          <a:latin typeface="Calibri" panose="020F0502020204030204" pitchFamily="34" charset="0"/>
          <a:cs typeface="Calibri" panose="020F0502020204030204" pitchFamily="34" charset="0"/>
        </a:defRPr>
      </a:lvl6pPr>
      <a:lvl7pPr marL="914391" algn="l" defTabSz="1371587" rtl="0" eaLnBrk="1" fontAlgn="base" hangingPunct="1">
        <a:lnSpc>
          <a:spcPct val="90000"/>
        </a:lnSpc>
        <a:spcBef>
          <a:spcPct val="0"/>
        </a:spcBef>
        <a:spcAft>
          <a:spcPct val="0"/>
        </a:spcAft>
        <a:defRPr sz="6600" b="1">
          <a:solidFill>
            <a:srgbClr val="F76C6C"/>
          </a:solidFill>
          <a:latin typeface="Calibri" panose="020F0502020204030204" pitchFamily="34" charset="0"/>
          <a:cs typeface="Calibri" panose="020F0502020204030204" pitchFamily="34" charset="0"/>
        </a:defRPr>
      </a:lvl7pPr>
      <a:lvl8pPr marL="1371587" algn="l" defTabSz="1371587" rtl="0" eaLnBrk="1" fontAlgn="base" hangingPunct="1">
        <a:lnSpc>
          <a:spcPct val="90000"/>
        </a:lnSpc>
        <a:spcBef>
          <a:spcPct val="0"/>
        </a:spcBef>
        <a:spcAft>
          <a:spcPct val="0"/>
        </a:spcAft>
        <a:defRPr sz="6600" b="1">
          <a:solidFill>
            <a:srgbClr val="F76C6C"/>
          </a:solidFill>
          <a:latin typeface="Calibri" panose="020F0502020204030204" pitchFamily="34" charset="0"/>
          <a:cs typeface="Calibri" panose="020F0502020204030204" pitchFamily="34" charset="0"/>
        </a:defRPr>
      </a:lvl8pPr>
      <a:lvl9pPr marL="1828782" algn="l" defTabSz="1371587" rtl="0" eaLnBrk="1" fontAlgn="base" hangingPunct="1">
        <a:lnSpc>
          <a:spcPct val="90000"/>
        </a:lnSpc>
        <a:spcBef>
          <a:spcPct val="0"/>
        </a:spcBef>
        <a:spcAft>
          <a:spcPct val="0"/>
        </a:spcAft>
        <a:defRPr sz="6600" b="1">
          <a:solidFill>
            <a:srgbClr val="F76C6C"/>
          </a:solidFill>
          <a:latin typeface="Calibri" panose="020F0502020204030204" pitchFamily="34" charset="0"/>
          <a:cs typeface="Calibri" panose="020F0502020204030204" pitchFamily="34" charset="0"/>
        </a:defRPr>
      </a:lvl9pPr>
    </p:titleStyle>
    <p:bodyStyle>
      <a:lvl1pPr marL="342896" indent="-342896" algn="l" defTabSz="1371587" rtl="0" eaLnBrk="1" fontAlgn="base" hangingPunct="1">
        <a:lnSpc>
          <a:spcPct val="90000"/>
        </a:lnSpc>
        <a:spcBef>
          <a:spcPts val="1500"/>
        </a:spcBef>
        <a:spcAft>
          <a:spcPct val="0"/>
        </a:spcAft>
        <a:buClr>
          <a:schemeClr val="bg2"/>
        </a:buClr>
        <a:buFont typeface="Wingdings" panose="05000000000000000000" pitchFamily="2" charset="2"/>
        <a:buChar char="§"/>
        <a:defRPr sz="4200" kern="1200">
          <a:solidFill>
            <a:schemeClr val="tx1"/>
          </a:solidFill>
          <a:latin typeface="+mn-lt"/>
          <a:ea typeface="+mn-ea"/>
          <a:cs typeface="+mn-cs"/>
        </a:defRPr>
      </a:lvl1pPr>
      <a:lvl2pPr marL="1028690" indent="-342896" algn="l" defTabSz="1371587" rtl="0" eaLnBrk="1" fontAlgn="base" hangingPunct="1">
        <a:lnSpc>
          <a:spcPct val="90000"/>
        </a:lnSpc>
        <a:spcBef>
          <a:spcPts val="750"/>
        </a:spcBef>
        <a:spcAft>
          <a:spcPct val="0"/>
        </a:spcAft>
        <a:buClr>
          <a:schemeClr val="bg2"/>
        </a:buClr>
        <a:buFont typeface="Wingdings" panose="05000000000000000000" pitchFamily="2" charset="2"/>
        <a:buChar char="§"/>
        <a:defRPr sz="3600" kern="1200">
          <a:solidFill>
            <a:srgbClr val="54565A"/>
          </a:solidFill>
          <a:latin typeface="+mn-lt"/>
          <a:ea typeface="+mn-ea"/>
          <a:cs typeface="+mn-cs"/>
        </a:defRPr>
      </a:lvl2pPr>
      <a:lvl3pPr marL="1714483" indent="-342896" algn="l" defTabSz="1371587" rtl="0" eaLnBrk="1" fontAlgn="base" hangingPunct="1">
        <a:lnSpc>
          <a:spcPct val="90000"/>
        </a:lnSpc>
        <a:spcBef>
          <a:spcPts val="750"/>
        </a:spcBef>
        <a:spcAft>
          <a:spcPct val="0"/>
        </a:spcAft>
        <a:buClr>
          <a:schemeClr val="bg2"/>
        </a:buClr>
        <a:buFont typeface="Wingdings" panose="05000000000000000000" pitchFamily="2" charset="2"/>
        <a:buChar char="§"/>
        <a:defRPr sz="3000" kern="1200">
          <a:solidFill>
            <a:srgbClr val="54565A"/>
          </a:solidFill>
          <a:latin typeface="+mn-lt"/>
          <a:ea typeface="+mn-ea"/>
          <a:cs typeface="+mn-cs"/>
        </a:defRPr>
      </a:lvl3pPr>
      <a:lvl4pPr marL="2400276" indent="-342896" algn="l" defTabSz="1371587" rtl="0" eaLnBrk="1" fontAlgn="base" hangingPunct="1">
        <a:lnSpc>
          <a:spcPct val="90000"/>
        </a:lnSpc>
        <a:spcBef>
          <a:spcPts val="750"/>
        </a:spcBef>
        <a:spcAft>
          <a:spcPct val="0"/>
        </a:spcAft>
        <a:buClr>
          <a:schemeClr val="bg2"/>
        </a:buClr>
        <a:buFont typeface="Wingdings" panose="05000000000000000000" pitchFamily="2" charset="2"/>
        <a:buChar char="§"/>
        <a:defRPr sz="2700" kern="1200">
          <a:solidFill>
            <a:srgbClr val="54565A"/>
          </a:solidFill>
          <a:latin typeface="+mn-lt"/>
          <a:ea typeface="+mn-ea"/>
          <a:cs typeface="+mn-cs"/>
        </a:defRPr>
      </a:lvl4pPr>
      <a:lvl5pPr marL="3086069" indent="-342896" algn="l" defTabSz="1371587" rtl="0" eaLnBrk="1" fontAlgn="base" hangingPunct="1">
        <a:lnSpc>
          <a:spcPct val="90000"/>
        </a:lnSpc>
        <a:spcBef>
          <a:spcPts val="750"/>
        </a:spcBef>
        <a:spcAft>
          <a:spcPct val="0"/>
        </a:spcAft>
        <a:buClr>
          <a:schemeClr val="bg2"/>
        </a:buClr>
        <a:buFont typeface="Wingdings" panose="05000000000000000000" pitchFamily="2" charset="2"/>
        <a:buChar char="§"/>
        <a:defRPr sz="2700" kern="1200">
          <a:solidFill>
            <a:srgbClr val="54565A"/>
          </a:solidFill>
          <a:latin typeface="+mn-lt"/>
          <a:ea typeface="+mn-ea"/>
          <a:cs typeface="+mn-cs"/>
        </a:defRPr>
      </a:lvl5pPr>
      <a:lvl6pPr marL="3771862" indent="-342896" algn="l" defTabSz="1371587" rtl="0" eaLnBrk="1" latinLnBrk="0" hangingPunct="1">
        <a:lnSpc>
          <a:spcPct val="90000"/>
        </a:lnSpc>
        <a:spcBef>
          <a:spcPts val="750"/>
        </a:spcBef>
        <a:buFont typeface="Arial" panose="020B0604020202020204" pitchFamily="34" charset="0"/>
        <a:buChar char="•"/>
        <a:defRPr sz="2700" kern="1200">
          <a:solidFill>
            <a:schemeClr val="tx1"/>
          </a:solidFill>
          <a:latin typeface="+mn-lt"/>
          <a:ea typeface="+mn-ea"/>
          <a:cs typeface="+mn-cs"/>
        </a:defRPr>
      </a:lvl6pPr>
      <a:lvl7pPr marL="4457655" indent="-342896" algn="l" defTabSz="1371587" rtl="0" eaLnBrk="1" latinLnBrk="0" hangingPunct="1">
        <a:lnSpc>
          <a:spcPct val="90000"/>
        </a:lnSpc>
        <a:spcBef>
          <a:spcPts val="750"/>
        </a:spcBef>
        <a:buFont typeface="Arial" panose="020B0604020202020204" pitchFamily="34" charset="0"/>
        <a:buChar char="•"/>
        <a:defRPr sz="2700" kern="1200">
          <a:solidFill>
            <a:schemeClr val="tx1"/>
          </a:solidFill>
          <a:latin typeface="+mn-lt"/>
          <a:ea typeface="+mn-ea"/>
          <a:cs typeface="+mn-cs"/>
        </a:defRPr>
      </a:lvl7pPr>
      <a:lvl8pPr marL="5143449" indent="-342896" algn="l" defTabSz="1371587" rtl="0" eaLnBrk="1" latinLnBrk="0" hangingPunct="1">
        <a:lnSpc>
          <a:spcPct val="90000"/>
        </a:lnSpc>
        <a:spcBef>
          <a:spcPts val="750"/>
        </a:spcBef>
        <a:buFont typeface="Arial" panose="020B0604020202020204" pitchFamily="34" charset="0"/>
        <a:buChar char="•"/>
        <a:defRPr sz="2700" kern="1200">
          <a:solidFill>
            <a:schemeClr val="tx1"/>
          </a:solidFill>
          <a:latin typeface="+mn-lt"/>
          <a:ea typeface="+mn-ea"/>
          <a:cs typeface="+mn-cs"/>
        </a:defRPr>
      </a:lvl8pPr>
      <a:lvl9pPr marL="5829242" indent="-342896" algn="l" defTabSz="1371587" rtl="0" eaLnBrk="1" latinLnBrk="0" hangingPunct="1">
        <a:lnSpc>
          <a:spcPct val="90000"/>
        </a:lnSpc>
        <a:spcBef>
          <a:spcPts val="750"/>
        </a:spcBef>
        <a:buFont typeface="Arial" panose="020B0604020202020204" pitchFamily="34" charset="0"/>
        <a:buChar char="•"/>
        <a:defRPr sz="2700" kern="1200">
          <a:solidFill>
            <a:schemeClr val="tx1"/>
          </a:solidFill>
          <a:latin typeface="+mn-lt"/>
          <a:ea typeface="+mn-ea"/>
          <a:cs typeface="+mn-cs"/>
        </a:defRPr>
      </a:lvl9pPr>
    </p:bodyStyle>
    <p:otherStyle>
      <a:defPPr>
        <a:defRPr lang="en-US"/>
      </a:defPPr>
      <a:lvl1pPr marL="0" algn="l" defTabSz="1371587" rtl="0" eaLnBrk="1" latinLnBrk="0" hangingPunct="1">
        <a:defRPr sz="2700" kern="1200">
          <a:solidFill>
            <a:schemeClr val="tx1"/>
          </a:solidFill>
          <a:latin typeface="+mn-lt"/>
          <a:ea typeface="+mn-ea"/>
          <a:cs typeface="+mn-cs"/>
        </a:defRPr>
      </a:lvl1pPr>
      <a:lvl2pPr marL="685793" algn="l" defTabSz="1371587" rtl="0" eaLnBrk="1" latinLnBrk="0" hangingPunct="1">
        <a:defRPr sz="2700" kern="1200">
          <a:solidFill>
            <a:schemeClr val="tx1"/>
          </a:solidFill>
          <a:latin typeface="+mn-lt"/>
          <a:ea typeface="+mn-ea"/>
          <a:cs typeface="+mn-cs"/>
        </a:defRPr>
      </a:lvl2pPr>
      <a:lvl3pPr marL="1371587" algn="l" defTabSz="1371587" rtl="0" eaLnBrk="1" latinLnBrk="0" hangingPunct="1">
        <a:defRPr sz="2700" kern="1200">
          <a:solidFill>
            <a:schemeClr val="tx1"/>
          </a:solidFill>
          <a:latin typeface="+mn-lt"/>
          <a:ea typeface="+mn-ea"/>
          <a:cs typeface="+mn-cs"/>
        </a:defRPr>
      </a:lvl3pPr>
      <a:lvl4pPr marL="2057379" algn="l" defTabSz="1371587" rtl="0" eaLnBrk="1" latinLnBrk="0" hangingPunct="1">
        <a:defRPr sz="2700" kern="1200">
          <a:solidFill>
            <a:schemeClr val="tx1"/>
          </a:solidFill>
          <a:latin typeface="+mn-lt"/>
          <a:ea typeface="+mn-ea"/>
          <a:cs typeface="+mn-cs"/>
        </a:defRPr>
      </a:lvl4pPr>
      <a:lvl5pPr marL="2743173" algn="l" defTabSz="1371587" rtl="0" eaLnBrk="1" latinLnBrk="0" hangingPunct="1">
        <a:defRPr sz="2700" kern="1200">
          <a:solidFill>
            <a:schemeClr val="tx1"/>
          </a:solidFill>
          <a:latin typeface="+mn-lt"/>
          <a:ea typeface="+mn-ea"/>
          <a:cs typeface="+mn-cs"/>
        </a:defRPr>
      </a:lvl5pPr>
      <a:lvl6pPr marL="3428966" algn="l" defTabSz="1371587" rtl="0" eaLnBrk="1" latinLnBrk="0" hangingPunct="1">
        <a:defRPr sz="2700" kern="1200">
          <a:solidFill>
            <a:schemeClr val="tx1"/>
          </a:solidFill>
          <a:latin typeface="+mn-lt"/>
          <a:ea typeface="+mn-ea"/>
          <a:cs typeface="+mn-cs"/>
        </a:defRPr>
      </a:lvl6pPr>
      <a:lvl7pPr marL="4114759" algn="l" defTabSz="1371587" rtl="0" eaLnBrk="1" latinLnBrk="0" hangingPunct="1">
        <a:defRPr sz="2700" kern="1200">
          <a:solidFill>
            <a:schemeClr val="tx1"/>
          </a:solidFill>
          <a:latin typeface="+mn-lt"/>
          <a:ea typeface="+mn-ea"/>
          <a:cs typeface="+mn-cs"/>
        </a:defRPr>
      </a:lvl7pPr>
      <a:lvl8pPr marL="4800552" algn="l" defTabSz="1371587" rtl="0" eaLnBrk="1" latinLnBrk="0" hangingPunct="1">
        <a:defRPr sz="2700" kern="1200">
          <a:solidFill>
            <a:schemeClr val="tx1"/>
          </a:solidFill>
          <a:latin typeface="+mn-lt"/>
          <a:ea typeface="+mn-ea"/>
          <a:cs typeface="+mn-cs"/>
        </a:defRPr>
      </a:lvl8pPr>
      <a:lvl9pPr marL="5486345" algn="l" defTabSz="1371587" rtl="0" eaLnBrk="1" latinLnBrk="0" hangingPunct="1">
        <a:defRPr sz="27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8" name="Title Placeholder 1"/>
          <p:cNvSpPr>
            <a:spLocks noGrp="1"/>
          </p:cNvSpPr>
          <p:nvPr>
            <p:ph type="title"/>
          </p:nvPr>
        </p:nvSpPr>
        <p:spPr bwMode="auto">
          <a:xfrm>
            <a:off x="805337" y="837001"/>
            <a:ext cx="17526000" cy="12207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altLang="en-US" dirty="0"/>
              <a:t>Click to edit Master title style</a:t>
            </a:r>
            <a:endParaRPr lang="en-GB" altLang="en-US" dirty="0"/>
          </a:p>
        </p:txBody>
      </p:sp>
      <p:sp>
        <p:nvSpPr>
          <p:cNvPr id="9" name="Text Placeholder 2"/>
          <p:cNvSpPr>
            <a:spLocks noGrp="1"/>
          </p:cNvSpPr>
          <p:nvPr>
            <p:ph type="body" idx="1"/>
          </p:nvPr>
        </p:nvSpPr>
        <p:spPr>
          <a:xfrm>
            <a:off x="805337" y="2774299"/>
            <a:ext cx="17526000" cy="7251700"/>
          </a:xfrm>
          <a:prstGeom prst="rect">
            <a:avLst/>
          </a:prstGeom>
        </p:spPr>
        <p:txBody>
          <a:bodyPr vert="horz" lIns="91440" tIns="45720" rIns="91440" bIns="45720" rtlCol="0">
            <a:normAutofit/>
          </a:bodyPr>
          <a:lstStyle/>
          <a:p>
            <a:pPr lvl="0"/>
            <a:r>
              <a:rPr lang="en-US" noProof="0" dirty="0"/>
              <a:t>Edit Master text styles</a:t>
            </a:r>
          </a:p>
          <a:p>
            <a:pPr lvl="1"/>
            <a:r>
              <a:rPr lang="en-US" noProof="0" dirty="0"/>
              <a:t>Second level</a:t>
            </a:r>
          </a:p>
          <a:p>
            <a:pPr lvl="2"/>
            <a:r>
              <a:rPr lang="en-US" noProof="0" dirty="0"/>
              <a:t>Third level</a:t>
            </a:r>
          </a:p>
        </p:txBody>
      </p:sp>
      <p:sp>
        <p:nvSpPr>
          <p:cNvPr id="10" name="Text Placeholder 6"/>
          <p:cNvSpPr txBox="1">
            <a:spLocks/>
          </p:cNvSpPr>
          <p:nvPr userDrawn="1"/>
        </p:nvSpPr>
        <p:spPr>
          <a:xfrm>
            <a:off x="805337" y="10539980"/>
            <a:ext cx="2670528" cy="338137"/>
          </a:xfrm>
          <a:prstGeom prst="rect">
            <a:avLst/>
          </a:prstGeom>
        </p:spPr>
        <p:txBody>
          <a:bodyPr/>
          <a:lstStyle>
            <a:lvl1pPr marL="0" indent="0" algn="r" defTabSz="1371600" rtl="0" eaLnBrk="1" latinLnBrk="0" hangingPunct="1">
              <a:lnSpc>
                <a:spcPct val="90000"/>
              </a:lnSpc>
              <a:spcBef>
                <a:spcPts val="1500"/>
              </a:spcBef>
              <a:buFont typeface="Arial" panose="020B0604020202020204" pitchFamily="34" charset="0"/>
              <a:buNone/>
              <a:defRPr sz="1600" kern="1200">
                <a:solidFill>
                  <a:schemeClr val="bg1"/>
                </a:solidFill>
                <a:latin typeface="Calibri" panose="020F0502020204030204" pitchFamily="34" charset="0"/>
                <a:ea typeface="+mn-ea"/>
                <a:cs typeface="Calibri" panose="020F0502020204030204" pitchFamily="34" charset="0"/>
              </a:defRPr>
            </a:lvl1pPr>
            <a:lvl2pPr marL="1028700" indent="-342900" algn="l" defTabSz="1371600" rtl="0" eaLnBrk="1" latinLnBrk="0" hangingPunct="1">
              <a:lnSpc>
                <a:spcPct val="90000"/>
              </a:lnSpc>
              <a:spcBef>
                <a:spcPts val="750"/>
              </a:spcBef>
              <a:buFont typeface="Arial" panose="020B0604020202020204" pitchFamily="34" charset="0"/>
              <a:buChar char="•"/>
              <a:defRPr sz="3600" kern="1200">
                <a:solidFill>
                  <a:schemeClr val="tx1"/>
                </a:solidFill>
                <a:latin typeface="Calibri" panose="020F0502020204030204" pitchFamily="34" charset="0"/>
                <a:ea typeface="+mn-ea"/>
                <a:cs typeface="Calibri" panose="020F0502020204030204" pitchFamily="34" charset="0"/>
              </a:defRPr>
            </a:lvl2pPr>
            <a:lvl3pPr marL="1714500" indent="-342900" algn="l" defTabSz="1371600" rtl="0" eaLnBrk="1" latinLnBrk="0" hangingPunct="1">
              <a:lnSpc>
                <a:spcPct val="90000"/>
              </a:lnSpc>
              <a:spcBef>
                <a:spcPts val="750"/>
              </a:spcBef>
              <a:buFont typeface="Arial" panose="020B0604020202020204" pitchFamily="34" charset="0"/>
              <a:buChar char="•"/>
              <a:defRPr sz="3000" kern="1200">
                <a:solidFill>
                  <a:schemeClr val="tx1"/>
                </a:solidFill>
                <a:latin typeface="Calibri" panose="020F0502020204030204" pitchFamily="34" charset="0"/>
                <a:ea typeface="+mn-ea"/>
                <a:cs typeface="Calibri" panose="020F0502020204030204" pitchFamily="34" charset="0"/>
              </a:defRPr>
            </a:lvl3pPr>
            <a:lvl4pPr marL="24003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Calibri" panose="020F0502020204030204" pitchFamily="34" charset="0"/>
                <a:ea typeface="+mn-ea"/>
                <a:cs typeface="Calibri" panose="020F0502020204030204" pitchFamily="34" charset="0"/>
              </a:defRPr>
            </a:lvl4pPr>
            <a:lvl5pPr marL="30861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Calibri" panose="020F0502020204030204" pitchFamily="34" charset="0"/>
                <a:ea typeface="+mn-ea"/>
                <a:cs typeface="Calibri" panose="020F0502020204030204" pitchFamily="34" charset="0"/>
              </a:defRPr>
            </a:lvl5pPr>
            <a:lvl6pPr marL="37719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mn-lt"/>
                <a:ea typeface="+mn-ea"/>
                <a:cs typeface="+mn-cs"/>
              </a:defRPr>
            </a:lvl6pPr>
            <a:lvl7pPr marL="44577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mn-lt"/>
                <a:ea typeface="+mn-ea"/>
                <a:cs typeface="+mn-cs"/>
              </a:defRPr>
            </a:lvl7pPr>
            <a:lvl8pPr marL="51435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mn-lt"/>
                <a:ea typeface="+mn-ea"/>
                <a:cs typeface="+mn-cs"/>
              </a:defRPr>
            </a:lvl8pPr>
            <a:lvl9pPr marL="58293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mn-lt"/>
                <a:ea typeface="+mn-ea"/>
                <a:cs typeface="+mn-cs"/>
              </a:defRPr>
            </a:lvl9pPr>
          </a:lstStyle>
          <a:p>
            <a:pPr algn="l" fontAlgn="auto">
              <a:spcAft>
                <a:spcPts val="0"/>
              </a:spcAft>
              <a:defRPr/>
            </a:pPr>
            <a:r>
              <a:rPr lang="en-GB" sz="1800" dirty="0">
                <a:solidFill>
                  <a:srgbClr val="F76C6C"/>
                </a:solidFill>
              </a:rPr>
              <a:t>www.keoghs.co.uk</a:t>
            </a:r>
          </a:p>
        </p:txBody>
      </p:sp>
      <p:cxnSp>
        <p:nvCxnSpPr>
          <p:cNvPr id="11" name="Straight Connector 10"/>
          <p:cNvCxnSpPr/>
          <p:nvPr userDrawn="1"/>
        </p:nvCxnSpPr>
        <p:spPr>
          <a:xfrm>
            <a:off x="2837964" y="10762225"/>
            <a:ext cx="16077565" cy="0"/>
          </a:xfrm>
          <a:prstGeom prst="line">
            <a:avLst/>
          </a:prstGeom>
          <a:ln w="19050">
            <a:solidFill>
              <a:srgbClr val="F76C6C"/>
            </a:solidFill>
          </a:ln>
        </p:spPr>
        <p:style>
          <a:lnRef idx="1">
            <a:schemeClr val="accent1"/>
          </a:lnRef>
          <a:fillRef idx="0">
            <a:schemeClr val="accent1"/>
          </a:fillRef>
          <a:effectRef idx="0">
            <a:schemeClr val="accent1"/>
          </a:effectRef>
          <a:fontRef idx="minor">
            <a:schemeClr val="tx1"/>
          </a:fontRef>
        </p:style>
      </p:cxnSp>
      <p:sp>
        <p:nvSpPr>
          <p:cNvPr id="12" name="Rectangle: Rounded Corners 3">
            <a:extLst>
              <a:ext uri="{FF2B5EF4-FFF2-40B4-BE49-F238E27FC236}">
                <a16:creationId xmlns:a16="http://schemas.microsoft.com/office/drawing/2014/main" id="{66414C07-D923-4E88-B165-1162BD3EF6E9}"/>
              </a:ext>
            </a:extLst>
          </p:cNvPr>
          <p:cNvSpPr/>
          <p:nvPr userDrawn="1"/>
        </p:nvSpPr>
        <p:spPr>
          <a:xfrm>
            <a:off x="19177392" y="10525687"/>
            <a:ext cx="363361" cy="361950"/>
          </a:xfrm>
          <a:prstGeom prst="roundRect">
            <a:avLst>
              <a:gd name="adj" fmla="val 50000"/>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371532" eaLnBrk="1" fontAlgn="auto" hangingPunct="1">
              <a:spcBef>
                <a:spcPts val="0"/>
              </a:spcBef>
              <a:spcAft>
                <a:spcPts val="0"/>
              </a:spcAft>
              <a:defRPr/>
            </a:pPr>
            <a:endParaRPr lang="en-US" sz="3200"/>
          </a:p>
        </p:txBody>
      </p:sp>
      <p:sp>
        <p:nvSpPr>
          <p:cNvPr id="13" name="Slide Number Placeholder 5"/>
          <p:cNvSpPr txBox="1">
            <a:spLocks/>
          </p:cNvSpPr>
          <p:nvPr userDrawn="1"/>
        </p:nvSpPr>
        <p:spPr>
          <a:xfrm>
            <a:off x="19101544" y="10514575"/>
            <a:ext cx="532694" cy="373062"/>
          </a:xfrm>
          <a:prstGeom prst="rect">
            <a:avLst/>
          </a:prstGeom>
        </p:spPr>
        <p:txBody>
          <a:bodyPr anchor="ctr"/>
          <a:lstStyle>
            <a:defPPr>
              <a:defRPr lang="en-US"/>
            </a:defPPr>
            <a:lvl1pPr marL="0" algn="ctr" defTabSz="457189" rtl="0" eaLnBrk="1" latinLnBrk="0" hangingPunct="1">
              <a:defRPr sz="900" kern="1200">
                <a:solidFill>
                  <a:schemeClr val="tx1">
                    <a:tint val="75000"/>
                  </a:schemeClr>
                </a:solidFill>
                <a:latin typeface="+mn-lt"/>
                <a:ea typeface="+mn-ea"/>
                <a:cs typeface="+mn-cs"/>
              </a:defRPr>
            </a:lvl1pPr>
            <a:lvl2pPr marL="457189" algn="l" defTabSz="457189" rtl="0" eaLnBrk="1" latinLnBrk="0" hangingPunct="1">
              <a:defRPr sz="1800" kern="1200">
                <a:solidFill>
                  <a:schemeClr val="tx1"/>
                </a:solidFill>
                <a:latin typeface="+mn-lt"/>
                <a:ea typeface="+mn-ea"/>
                <a:cs typeface="+mn-cs"/>
              </a:defRPr>
            </a:lvl2pPr>
            <a:lvl3pPr marL="914378" algn="l" defTabSz="457189" rtl="0" eaLnBrk="1" latinLnBrk="0" hangingPunct="1">
              <a:defRPr sz="1800" kern="1200">
                <a:solidFill>
                  <a:schemeClr val="tx1"/>
                </a:solidFill>
                <a:latin typeface="+mn-lt"/>
                <a:ea typeface="+mn-ea"/>
                <a:cs typeface="+mn-cs"/>
              </a:defRPr>
            </a:lvl3pPr>
            <a:lvl4pPr marL="1371566" algn="l" defTabSz="457189" rtl="0" eaLnBrk="1" latinLnBrk="0" hangingPunct="1">
              <a:defRPr sz="1800" kern="1200">
                <a:solidFill>
                  <a:schemeClr val="tx1"/>
                </a:solidFill>
                <a:latin typeface="+mn-lt"/>
                <a:ea typeface="+mn-ea"/>
                <a:cs typeface="+mn-cs"/>
              </a:defRPr>
            </a:lvl4pPr>
            <a:lvl5pPr marL="1828754" algn="l" defTabSz="457189" rtl="0" eaLnBrk="1" latinLnBrk="0" hangingPunct="1">
              <a:defRPr sz="1800" kern="1200">
                <a:solidFill>
                  <a:schemeClr val="tx1"/>
                </a:solidFill>
                <a:latin typeface="+mn-lt"/>
                <a:ea typeface="+mn-ea"/>
                <a:cs typeface="+mn-cs"/>
              </a:defRPr>
            </a:lvl5pPr>
            <a:lvl6pPr marL="2285943" algn="l" defTabSz="457189" rtl="0" eaLnBrk="1" latinLnBrk="0" hangingPunct="1">
              <a:defRPr sz="1800" kern="1200">
                <a:solidFill>
                  <a:schemeClr val="tx1"/>
                </a:solidFill>
                <a:latin typeface="+mn-lt"/>
                <a:ea typeface="+mn-ea"/>
                <a:cs typeface="+mn-cs"/>
              </a:defRPr>
            </a:lvl6pPr>
            <a:lvl7pPr marL="2743132" algn="l" defTabSz="457189" rtl="0" eaLnBrk="1" latinLnBrk="0" hangingPunct="1">
              <a:defRPr sz="1800" kern="1200">
                <a:solidFill>
                  <a:schemeClr val="tx1"/>
                </a:solidFill>
                <a:latin typeface="+mn-lt"/>
                <a:ea typeface="+mn-ea"/>
                <a:cs typeface="+mn-cs"/>
              </a:defRPr>
            </a:lvl7pPr>
            <a:lvl8pPr marL="3200320" algn="l" defTabSz="457189" rtl="0" eaLnBrk="1" latinLnBrk="0" hangingPunct="1">
              <a:defRPr sz="1800" kern="1200">
                <a:solidFill>
                  <a:schemeClr val="tx1"/>
                </a:solidFill>
                <a:latin typeface="+mn-lt"/>
                <a:ea typeface="+mn-ea"/>
                <a:cs typeface="+mn-cs"/>
              </a:defRPr>
            </a:lvl8pPr>
            <a:lvl9pPr marL="3657509" algn="l" defTabSz="457189" rtl="0" eaLnBrk="1" latinLnBrk="0" hangingPunct="1">
              <a:defRPr sz="1800" kern="1200">
                <a:solidFill>
                  <a:schemeClr val="tx1"/>
                </a:solidFill>
                <a:latin typeface="+mn-lt"/>
                <a:ea typeface="+mn-ea"/>
                <a:cs typeface="+mn-cs"/>
              </a:defRPr>
            </a:lvl9pPr>
          </a:lstStyle>
          <a:p>
            <a:pPr fontAlgn="auto">
              <a:spcBef>
                <a:spcPts val="0"/>
              </a:spcBef>
              <a:spcAft>
                <a:spcPts val="0"/>
              </a:spcAft>
              <a:defRPr/>
            </a:pPr>
            <a:fld id="{F6916BCA-710C-45E5-A502-29FB0CFC6D63}" type="slidenum">
              <a:rPr lang="en-US" sz="1800" smtClean="0">
                <a:solidFill>
                  <a:srgbClr val="F76C6C"/>
                </a:solidFill>
              </a:rPr>
              <a:pPr fontAlgn="auto">
                <a:spcBef>
                  <a:spcPts val="0"/>
                </a:spcBef>
                <a:spcAft>
                  <a:spcPts val="0"/>
                </a:spcAft>
                <a:defRPr/>
              </a:pPr>
              <a:t>‹#›</a:t>
            </a:fld>
            <a:endParaRPr lang="en-US" sz="1600" dirty="0">
              <a:solidFill>
                <a:srgbClr val="F76C6C"/>
              </a:solidFill>
            </a:endParaRPr>
          </a:p>
        </p:txBody>
      </p:sp>
      <p:pic>
        <p:nvPicPr>
          <p:cNvPr id="15" name="Picture 14"/>
          <p:cNvPicPr>
            <a:picLocks noChangeAspect="1"/>
          </p:cNvPicPr>
          <p:nvPr userDrawn="1"/>
        </p:nvPicPr>
        <p:blipFill rotWithShape="1">
          <a:blip r:embed="rId10" cstate="email">
            <a:extLst>
              <a:ext uri="{28A0092B-C50C-407E-A947-70E740481C1C}">
                <a14:useLocalDpi xmlns:a14="http://schemas.microsoft.com/office/drawing/2010/main" val="0"/>
              </a:ext>
            </a:extLst>
          </a:blip>
          <a:srcRect l="35150" b="-1455"/>
          <a:stretch/>
        </p:blipFill>
        <p:spPr>
          <a:xfrm>
            <a:off x="17022726" y="972910"/>
            <a:ext cx="2493582" cy="483749"/>
          </a:xfrm>
          <a:prstGeom prst="rect">
            <a:avLst/>
          </a:prstGeom>
        </p:spPr>
      </p:pic>
    </p:spTree>
    <p:extLst>
      <p:ext uri="{BB962C8B-B14F-4D97-AF65-F5344CB8AC3E}">
        <p14:creationId xmlns:p14="http://schemas.microsoft.com/office/powerpoint/2010/main" val="1974570385"/>
      </p:ext>
    </p:extLst>
  </p:cSld>
  <p:clrMap bg1="lt1" tx1="dk1" bg2="lt2" tx2="dk2" accent1="accent1" accent2="accent2" accent3="accent3" accent4="accent4" accent5="accent5" accent6="accent6" hlink="hlink" folHlink="folHlink"/>
  <p:sldLayoutIdLst>
    <p:sldLayoutId id="2147484139" r:id="rId1"/>
    <p:sldLayoutId id="2147484141" r:id="rId2"/>
    <p:sldLayoutId id="2147484140" r:id="rId3"/>
    <p:sldLayoutId id="2147484142" r:id="rId4"/>
    <p:sldLayoutId id="2147484143" r:id="rId5"/>
    <p:sldLayoutId id="2147484145" r:id="rId6"/>
    <p:sldLayoutId id="2147484191" r:id="rId7"/>
    <p:sldLayoutId id="2147484269" r:id="rId8"/>
  </p:sldLayoutIdLst>
  <p:txStyles>
    <p:titleStyle>
      <a:lvl1pPr algn="l" defTabSz="914400" rtl="0" eaLnBrk="1" latinLnBrk="0" hangingPunct="1">
        <a:lnSpc>
          <a:spcPct val="90000"/>
        </a:lnSpc>
        <a:spcBef>
          <a:spcPct val="0"/>
        </a:spcBef>
        <a:buNone/>
        <a:defRPr sz="4800" b="1" kern="1200">
          <a:solidFill>
            <a:schemeClr val="bg2"/>
          </a:solidFill>
          <a:latin typeface="+mn-lt"/>
          <a:ea typeface="+mj-ea"/>
          <a:cs typeface="+mj-cs"/>
        </a:defRPr>
      </a:lvl1pPr>
    </p:titleStyle>
    <p:bodyStyle>
      <a:lvl1pPr marL="228600" indent="-228600" algn="l" defTabSz="914400" rtl="0" eaLnBrk="1" latinLnBrk="0" hangingPunct="1">
        <a:lnSpc>
          <a:spcPct val="90000"/>
        </a:lnSpc>
        <a:spcBef>
          <a:spcPts val="1000"/>
        </a:spcBef>
        <a:buClr>
          <a:schemeClr val="bg2"/>
        </a:buClr>
        <a:buFont typeface="Wingdings" panose="05000000000000000000" pitchFamily="2" charset="2"/>
        <a:buChar char="§"/>
        <a:defRPr sz="44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Clr>
          <a:schemeClr val="bg2"/>
        </a:buClr>
        <a:buFont typeface="Wingdings" panose="05000000000000000000" pitchFamily="2" charset="2"/>
        <a:buChar char="§"/>
        <a:defRPr sz="4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Clr>
          <a:schemeClr val="bg2"/>
        </a:buClr>
        <a:buFont typeface="Wingdings" panose="05000000000000000000" pitchFamily="2" charset="2"/>
        <a:buChar char="§"/>
        <a:defRPr sz="32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Clr>
          <a:schemeClr val="bg2"/>
        </a:buClr>
        <a:buFont typeface="Wingdings" panose="05000000000000000000" pitchFamily="2" charset="2"/>
        <a:buChar char="§"/>
        <a:defRPr sz="18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Clr>
          <a:schemeClr val="bg2"/>
        </a:buClr>
        <a:buFont typeface="Wingdings" panose="05000000000000000000" pitchFamily="2" charset="2"/>
        <a:buChar char="§"/>
        <a:defRPr sz="18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176199944"/>
      </p:ext>
    </p:extLst>
  </p:cSld>
  <p:clrMap bg1="lt1" tx1="dk1" bg2="lt2" tx2="dk2" accent1="accent1" accent2="accent2" accent3="accent3" accent4="accent4" accent5="accent5" accent6="accent6" hlink="hlink" folHlink="folHlink"/>
  <p:sldLayoutIdLst>
    <p:sldLayoutId id="2147484124" r:id="rId1"/>
    <p:sldLayoutId id="2147484125" r:id="rId2"/>
    <p:sldLayoutId id="2147484126" r:id="rId3"/>
    <p:sldLayoutId id="2147484152" r:id="rId4"/>
    <p:sldLayoutId id="2147484153" r:id="rId5"/>
    <p:sldLayoutId id="2147484154" r:id="rId6"/>
    <p:sldLayoutId id="2147484193" r:id="rId7"/>
  </p:sldLayoutIdLst>
  <p:txStyles>
    <p:titleStyle>
      <a:lvl1pPr algn="ctr" defTabSz="914400" rtl="0" eaLnBrk="1" latinLnBrk="0" hangingPunct="1">
        <a:lnSpc>
          <a:spcPct val="90000"/>
        </a:lnSpc>
        <a:spcBef>
          <a:spcPct val="0"/>
        </a:spcBef>
        <a:buNone/>
        <a:defRPr sz="7200" b="1" kern="1200">
          <a:solidFill>
            <a:schemeClr val="tx1"/>
          </a:solidFill>
          <a:latin typeface="+mn-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pic>
        <p:nvPicPr>
          <p:cNvPr id="3074" name="Picture 6"/>
          <p:cNvPicPr>
            <a:picLocks noChangeAspect="1"/>
          </p:cNvPicPr>
          <p:nvPr/>
        </p:nvPicPr>
        <p:blipFill>
          <a:blip r:embed="rId5" cstate="email">
            <a:extLst>
              <a:ext uri="{28A0092B-C50C-407E-A947-70E740481C1C}">
                <a14:useLocalDpi xmlns:a14="http://schemas.microsoft.com/office/drawing/2010/main"/>
              </a:ext>
            </a:extLst>
          </a:blip>
          <a:srcRect/>
          <a:stretch>
            <a:fillRect/>
          </a:stretch>
        </p:blipFill>
        <p:spPr bwMode="auto">
          <a:xfrm>
            <a:off x="0" y="-15875"/>
            <a:ext cx="20320000" cy="114458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Rectangle 7"/>
          <p:cNvSpPr/>
          <p:nvPr userDrawn="1"/>
        </p:nvSpPr>
        <p:spPr>
          <a:xfrm>
            <a:off x="18145" y="1"/>
            <a:ext cx="20319999" cy="11430000"/>
          </a:xfrm>
          <a:prstGeom prst="rect">
            <a:avLst/>
          </a:prstGeom>
          <a:gradFill flip="none" rotWithShape="1">
            <a:gsLst>
              <a:gs pos="7000">
                <a:srgbClr val="114B5F"/>
              </a:gs>
              <a:gs pos="100000">
                <a:srgbClr val="F76C6C">
                  <a:alpha val="32000"/>
                </a:srgbClr>
              </a:gs>
            </a:gsLst>
            <a:lin ang="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371532" eaLnBrk="1" fontAlgn="auto" hangingPunct="1">
              <a:spcBef>
                <a:spcPts val="0"/>
              </a:spcBef>
              <a:spcAft>
                <a:spcPts val="0"/>
              </a:spcAft>
              <a:defRPr/>
            </a:pPr>
            <a:endParaRPr lang="en-GB" sz="2700"/>
          </a:p>
        </p:txBody>
      </p:sp>
      <p:sp>
        <p:nvSpPr>
          <p:cNvPr id="10" name="Title 1"/>
          <p:cNvSpPr txBox="1">
            <a:spLocks/>
          </p:cNvSpPr>
          <p:nvPr/>
        </p:nvSpPr>
        <p:spPr>
          <a:xfrm>
            <a:off x="17639" y="5303520"/>
            <a:ext cx="20320000" cy="2746693"/>
          </a:xfrm>
          <a:prstGeom prst="rect">
            <a:avLst/>
          </a:prstGeom>
        </p:spPr>
        <p:txBody>
          <a:bodyPr/>
          <a:lstStyle>
            <a:lvl1pPr>
              <a:defRPr sz="2700">
                <a:solidFill>
                  <a:schemeClr val="tx1"/>
                </a:solidFill>
                <a:latin typeface="Calibri" panose="020F0502020204030204" pitchFamily="34" charset="0"/>
              </a:defRPr>
            </a:lvl1pPr>
            <a:lvl2pPr marL="742950" indent="-285750">
              <a:defRPr sz="2700">
                <a:solidFill>
                  <a:schemeClr val="tx1"/>
                </a:solidFill>
                <a:latin typeface="Calibri" panose="020F0502020204030204" pitchFamily="34" charset="0"/>
              </a:defRPr>
            </a:lvl2pPr>
            <a:lvl3pPr marL="1143000" indent="-228600">
              <a:defRPr sz="2700">
                <a:solidFill>
                  <a:schemeClr val="tx1"/>
                </a:solidFill>
                <a:latin typeface="Calibri" panose="020F0502020204030204" pitchFamily="34" charset="0"/>
              </a:defRPr>
            </a:lvl3pPr>
            <a:lvl4pPr marL="1600200" indent="-228600">
              <a:defRPr sz="2700">
                <a:solidFill>
                  <a:schemeClr val="tx1"/>
                </a:solidFill>
                <a:latin typeface="Calibri" panose="020F0502020204030204" pitchFamily="34" charset="0"/>
              </a:defRPr>
            </a:lvl4pPr>
            <a:lvl5pPr marL="2057400" indent="-228600">
              <a:defRPr sz="2700">
                <a:solidFill>
                  <a:schemeClr val="tx1"/>
                </a:solidFill>
                <a:latin typeface="Calibri" panose="020F0502020204030204" pitchFamily="34" charset="0"/>
              </a:defRPr>
            </a:lvl5pPr>
            <a:lvl6pPr marL="2514600" indent="-228600" fontAlgn="base">
              <a:spcBef>
                <a:spcPct val="0"/>
              </a:spcBef>
              <a:spcAft>
                <a:spcPct val="0"/>
              </a:spcAft>
              <a:defRPr sz="2700">
                <a:solidFill>
                  <a:schemeClr val="tx1"/>
                </a:solidFill>
                <a:latin typeface="Calibri" panose="020F0502020204030204" pitchFamily="34" charset="0"/>
              </a:defRPr>
            </a:lvl6pPr>
            <a:lvl7pPr marL="2971800" indent="-228600" fontAlgn="base">
              <a:spcBef>
                <a:spcPct val="0"/>
              </a:spcBef>
              <a:spcAft>
                <a:spcPct val="0"/>
              </a:spcAft>
              <a:defRPr sz="2700">
                <a:solidFill>
                  <a:schemeClr val="tx1"/>
                </a:solidFill>
                <a:latin typeface="Calibri" panose="020F0502020204030204" pitchFamily="34" charset="0"/>
              </a:defRPr>
            </a:lvl7pPr>
            <a:lvl8pPr marL="3429000" indent="-228600" fontAlgn="base">
              <a:spcBef>
                <a:spcPct val="0"/>
              </a:spcBef>
              <a:spcAft>
                <a:spcPct val="0"/>
              </a:spcAft>
              <a:defRPr sz="2700">
                <a:solidFill>
                  <a:schemeClr val="tx1"/>
                </a:solidFill>
                <a:latin typeface="Calibri" panose="020F0502020204030204" pitchFamily="34" charset="0"/>
              </a:defRPr>
            </a:lvl8pPr>
            <a:lvl9pPr marL="3886200" indent="-228600" fontAlgn="base">
              <a:spcBef>
                <a:spcPct val="0"/>
              </a:spcBef>
              <a:spcAft>
                <a:spcPct val="0"/>
              </a:spcAft>
              <a:defRPr sz="2700">
                <a:solidFill>
                  <a:schemeClr val="tx1"/>
                </a:solidFill>
                <a:latin typeface="Calibri" panose="020F0502020204030204" pitchFamily="34" charset="0"/>
              </a:defRPr>
            </a:lvl9pPr>
          </a:lstStyle>
          <a:p>
            <a:pPr algn="ctr" defTabSz="914391" eaLnBrk="1" hangingPunct="1">
              <a:lnSpc>
                <a:spcPct val="90000"/>
              </a:lnSpc>
            </a:pPr>
            <a:r>
              <a:rPr lang="en-GB" altLang="en-US" sz="9600" b="1" dirty="0">
                <a:solidFill>
                  <a:schemeClr val="bg1"/>
                </a:solidFill>
                <a:latin typeface="Calibri" panose="020F0502020204030204" pitchFamily="34" charset="0"/>
                <a:cs typeface="Calibri" panose="020F0502020204030204" pitchFamily="34" charset="0"/>
              </a:rPr>
              <a:t>Questions and Answers</a:t>
            </a:r>
          </a:p>
        </p:txBody>
      </p:sp>
      <p:pic>
        <p:nvPicPr>
          <p:cNvPr id="6" name="Picture 8"/>
          <p:cNvPicPr>
            <a:picLocks noChangeAspect="1"/>
          </p:cNvPicPr>
          <p:nvPr userDrawn="1"/>
        </p:nvPicPr>
        <p:blipFill>
          <a:blip r:embed="rId6" cstate="email">
            <a:extLst>
              <a:ext uri="{28A0092B-C50C-407E-A947-70E740481C1C}">
                <a14:useLocalDpi xmlns:a14="http://schemas.microsoft.com/office/drawing/2010/main"/>
              </a:ext>
            </a:extLst>
          </a:blip>
          <a:stretch>
            <a:fillRect/>
          </a:stretch>
        </p:blipFill>
        <p:spPr bwMode="auto">
          <a:xfrm>
            <a:off x="17220756" y="740766"/>
            <a:ext cx="2440850" cy="6699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951790285"/>
      </p:ext>
    </p:extLst>
  </p:cSld>
  <p:clrMap bg1="lt1" tx1="dk1" bg2="lt2" tx2="dk2" accent1="accent1" accent2="accent2" accent3="accent3" accent4="accent4" accent5="accent5" accent6="accent6" hlink="hlink" folHlink="folHlink"/>
  <p:sldLayoutIdLst>
    <p:sldLayoutId id="2147484128" r:id="rId1"/>
    <p:sldLayoutId id="2147484306" r:id="rId2"/>
    <p:sldLayoutId id="2147484307" r:id="rId3"/>
  </p:sldLayoutIdLst>
  <p:txStyles>
    <p:titleStyle>
      <a:lvl1pPr algn="l" rtl="0" eaLnBrk="1" fontAlgn="base" hangingPunct="1">
        <a:lnSpc>
          <a:spcPct val="90000"/>
        </a:lnSpc>
        <a:spcBef>
          <a:spcPct val="0"/>
        </a:spcBef>
        <a:spcAft>
          <a:spcPct val="0"/>
        </a:spcAft>
        <a:defRPr sz="4400" kern="1200">
          <a:solidFill>
            <a:schemeClr val="tx1"/>
          </a:solidFill>
          <a:latin typeface="+mj-lt"/>
          <a:ea typeface="+mj-ea"/>
          <a:cs typeface="+mj-cs"/>
        </a:defRPr>
      </a:lvl1pPr>
      <a:lvl2pPr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2pPr>
      <a:lvl3pPr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3pPr>
      <a:lvl4pPr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4pPr>
      <a:lvl5pPr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5pPr>
      <a:lvl6pPr marL="457196"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6pPr>
      <a:lvl7pPr marL="914391"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7pPr>
      <a:lvl8pPr marL="1371587"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8pPr>
      <a:lvl9pPr marL="1828782"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9pPr>
    </p:titleStyle>
    <p:bodyStyle>
      <a:lvl1pPr marL="228597" indent="-228597" algn="l" rtl="0" eaLnBrk="1" fontAlgn="base" hangingPunct="1">
        <a:lnSpc>
          <a:spcPct val="90000"/>
        </a:lnSpc>
        <a:spcBef>
          <a:spcPts val="1000"/>
        </a:spcBef>
        <a:spcAft>
          <a:spcPct val="0"/>
        </a:spcAft>
        <a:buFont typeface="Arial" panose="020B0604020202020204" pitchFamily="34" charset="0"/>
        <a:buChar char="•"/>
        <a:defRPr sz="2800" kern="1200">
          <a:solidFill>
            <a:schemeClr val="tx1"/>
          </a:solidFill>
          <a:latin typeface="+mn-lt"/>
          <a:ea typeface="+mn-ea"/>
          <a:cs typeface="+mn-cs"/>
        </a:defRPr>
      </a:lvl1pPr>
      <a:lvl2pPr marL="685793" indent="-228597" algn="l" rtl="0" eaLnBrk="1" fontAlgn="base" hangingPunct="1">
        <a:lnSpc>
          <a:spcPct val="90000"/>
        </a:lnSpc>
        <a:spcBef>
          <a:spcPts val="500"/>
        </a:spcBef>
        <a:spcAft>
          <a:spcPct val="0"/>
        </a:spcAft>
        <a:buFont typeface="Arial" panose="020B0604020202020204" pitchFamily="34" charset="0"/>
        <a:buChar char="•"/>
        <a:defRPr sz="2400" kern="1200">
          <a:solidFill>
            <a:schemeClr val="tx1"/>
          </a:solidFill>
          <a:latin typeface="+mn-lt"/>
          <a:ea typeface="+mn-ea"/>
          <a:cs typeface="+mn-cs"/>
        </a:defRPr>
      </a:lvl2pPr>
      <a:lvl3pPr marL="1142988" indent="-228597" algn="l" rtl="0" eaLnBrk="1" fontAlgn="base" hangingPunct="1">
        <a:lnSpc>
          <a:spcPct val="90000"/>
        </a:lnSpc>
        <a:spcBef>
          <a:spcPts val="500"/>
        </a:spcBef>
        <a:spcAft>
          <a:spcPct val="0"/>
        </a:spcAft>
        <a:buFont typeface="Arial" panose="020B0604020202020204" pitchFamily="34" charset="0"/>
        <a:buChar char="•"/>
        <a:defRPr sz="2000" kern="1200">
          <a:solidFill>
            <a:schemeClr val="tx1"/>
          </a:solidFill>
          <a:latin typeface="+mn-lt"/>
          <a:ea typeface="+mn-ea"/>
          <a:cs typeface="+mn-cs"/>
        </a:defRPr>
      </a:lvl3pPr>
      <a:lvl4pPr marL="1600184" indent="-228597" algn="l" rtl="0" eaLnBrk="1" fontAlgn="base" hangingPunct="1">
        <a:lnSpc>
          <a:spcPct val="90000"/>
        </a:lnSpc>
        <a:spcBef>
          <a:spcPts val="500"/>
        </a:spcBef>
        <a:spcAft>
          <a:spcPct val="0"/>
        </a:spcAft>
        <a:buFont typeface="Arial" panose="020B0604020202020204" pitchFamily="34" charset="0"/>
        <a:buChar char="•"/>
        <a:defRPr kern="1200">
          <a:solidFill>
            <a:schemeClr val="tx1"/>
          </a:solidFill>
          <a:latin typeface="+mn-lt"/>
          <a:ea typeface="+mn-ea"/>
          <a:cs typeface="+mn-cs"/>
        </a:defRPr>
      </a:lvl4pPr>
      <a:lvl5pPr marL="2057379" indent="-228597" algn="l" rtl="0" eaLnBrk="1" fontAlgn="base" hangingPunct="1">
        <a:lnSpc>
          <a:spcPct val="90000"/>
        </a:lnSpc>
        <a:spcBef>
          <a:spcPts val="500"/>
        </a:spcBef>
        <a:spcAft>
          <a:spcPct val="0"/>
        </a:spcAft>
        <a:buFont typeface="Arial" panose="020B0604020202020204" pitchFamily="34" charset="0"/>
        <a:buChar char="•"/>
        <a:defRPr kern="1200">
          <a:solidFill>
            <a:schemeClr val="tx1"/>
          </a:solidFill>
          <a:latin typeface="+mn-lt"/>
          <a:ea typeface="+mn-ea"/>
          <a:cs typeface="+mn-cs"/>
        </a:defRPr>
      </a:lvl5pPr>
      <a:lvl6pPr marL="2514575" indent="-228597" algn="l" defTabSz="914391"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770" indent="-228597" algn="l" defTabSz="914391"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966" indent="-228597" algn="l" defTabSz="914391"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161" indent="-228597" algn="l" defTabSz="914391"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391" rtl="0" eaLnBrk="1" latinLnBrk="0" hangingPunct="1">
        <a:defRPr sz="1800" kern="1200">
          <a:solidFill>
            <a:schemeClr val="tx1"/>
          </a:solidFill>
          <a:latin typeface="+mn-lt"/>
          <a:ea typeface="+mn-ea"/>
          <a:cs typeface="+mn-cs"/>
        </a:defRPr>
      </a:lvl1pPr>
      <a:lvl2pPr marL="457196" algn="l" defTabSz="914391" rtl="0" eaLnBrk="1" latinLnBrk="0" hangingPunct="1">
        <a:defRPr sz="1800" kern="1200">
          <a:solidFill>
            <a:schemeClr val="tx1"/>
          </a:solidFill>
          <a:latin typeface="+mn-lt"/>
          <a:ea typeface="+mn-ea"/>
          <a:cs typeface="+mn-cs"/>
        </a:defRPr>
      </a:lvl2pPr>
      <a:lvl3pPr marL="914391" algn="l" defTabSz="914391" rtl="0" eaLnBrk="1" latinLnBrk="0" hangingPunct="1">
        <a:defRPr sz="1800" kern="1200">
          <a:solidFill>
            <a:schemeClr val="tx1"/>
          </a:solidFill>
          <a:latin typeface="+mn-lt"/>
          <a:ea typeface="+mn-ea"/>
          <a:cs typeface="+mn-cs"/>
        </a:defRPr>
      </a:lvl3pPr>
      <a:lvl4pPr marL="1371587" algn="l" defTabSz="914391" rtl="0" eaLnBrk="1" latinLnBrk="0" hangingPunct="1">
        <a:defRPr sz="1800" kern="1200">
          <a:solidFill>
            <a:schemeClr val="tx1"/>
          </a:solidFill>
          <a:latin typeface="+mn-lt"/>
          <a:ea typeface="+mn-ea"/>
          <a:cs typeface="+mn-cs"/>
        </a:defRPr>
      </a:lvl4pPr>
      <a:lvl5pPr marL="1828782" algn="l" defTabSz="914391" rtl="0" eaLnBrk="1" latinLnBrk="0" hangingPunct="1">
        <a:defRPr sz="1800" kern="1200">
          <a:solidFill>
            <a:schemeClr val="tx1"/>
          </a:solidFill>
          <a:latin typeface="+mn-lt"/>
          <a:ea typeface="+mn-ea"/>
          <a:cs typeface="+mn-cs"/>
        </a:defRPr>
      </a:lvl5pPr>
      <a:lvl6pPr marL="2285978" algn="l" defTabSz="914391" rtl="0" eaLnBrk="1" latinLnBrk="0" hangingPunct="1">
        <a:defRPr sz="1800" kern="1200">
          <a:solidFill>
            <a:schemeClr val="tx1"/>
          </a:solidFill>
          <a:latin typeface="+mn-lt"/>
          <a:ea typeface="+mn-ea"/>
          <a:cs typeface="+mn-cs"/>
        </a:defRPr>
      </a:lvl6pPr>
      <a:lvl7pPr marL="2743173" algn="l" defTabSz="914391" rtl="0" eaLnBrk="1" latinLnBrk="0" hangingPunct="1">
        <a:defRPr sz="1800" kern="1200">
          <a:solidFill>
            <a:schemeClr val="tx1"/>
          </a:solidFill>
          <a:latin typeface="+mn-lt"/>
          <a:ea typeface="+mn-ea"/>
          <a:cs typeface="+mn-cs"/>
        </a:defRPr>
      </a:lvl7pPr>
      <a:lvl8pPr marL="3200368" algn="l" defTabSz="914391" rtl="0" eaLnBrk="1" latinLnBrk="0" hangingPunct="1">
        <a:defRPr sz="1800" kern="1200">
          <a:solidFill>
            <a:schemeClr val="tx1"/>
          </a:solidFill>
          <a:latin typeface="+mn-lt"/>
          <a:ea typeface="+mn-ea"/>
          <a:cs typeface="+mn-cs"/>
        </a:defRPr>
      </a:lvl8pPr>
      <a:lvl9pPr marL="3657563" algn="l" defTabSz="914391"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7" name="Picture 15"/>
          <p:cNvPicPr>
            <a:picLocks noChangeAspect="1"/>
          </p:cNvPicPr>
          <p:nvPr userDrawn="1"/>
        </p:nvPicPr>
        <p:blipFill>
          <a:blip r:embed="rId3" cstate="email">
            <a:extLst>
              <a:ext uri="{28A0092B-C50C-407E-A947-70E740481C1C}">
                <a14:useLocalDpi xmlns:a14="http://schemas.microsoft.com/office/drawing/2010/main"/>
              </a:ext>
            </a:extLst>
          </a:blip>
          <a:stretch>
            <a:fillRect/>
          </a:stretch>
        </p:blipFill>
        <p:spPr bwMode="auto">
          <a:xfrm>
            <a:off x="16467721" y="750893"/>
            <a:ext cx="2400544" cy="6826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0" name="Text Placeholder 6"/>
          <p:cNvSpPr txBox="1">
            <a:spLocks/>
          </p:cNvSpPr>
          <p:nvPr userDrawn="1"/>
        </p:nvSpPr>
        <p:spPr>
          <a:xfrm>
            <a:off x="1464028" y="10701343"/>
            <a:ext cx="2670528" cy="338137"/>
          </a:xfrm>
          <a:prstGeom prst="rect">
            <a:avLst/>
          </a:prstGeom>
        </p:spPr>
        <p:txBody>
          <a:bodyPr/>
          <a:lstStyle>
            <a:lvl1pPr marL="0" indent="0" algn="r" defTabSz="1371600" rtl="0" eaLnBrk="1" latinLnBrk="0" hangingPunct="1">
              <a:lnSpc>
                <a:spcPct val="90000"/>
              </a:lnSpc>
              <a:spcBef>
                <a:spcPts val="1500"/>
              </a:spcBef>
              <a:buFont typeface="Arial" panose="020B0604020202020204" pitchFamily="34" charset="0"/>
              <a:buNone/>
              <a:defRPr sz="1600" kern="1200">
                <a:solidFill>
                  <a:schemeClr val="bg1"/>
                </a:solidFill>
                <a:latin typeface="Calibri" panose="020F0502020204030204" pitchFamily="34" charset="0"/>
                <a:ea typeface="+mn-ea"/>
                <a:cs typeface="Calibri" panose="020F0502020204030204" pitchFamily="34" charset="0"/>
              </a:defRPr>
            </a:lvl1pPr>
            <a:lvl2pPr marL="1028700" indent="-342900" algn="l" defTabSz="1371600" rtl="0" eaLnBrk="1" latinLnBrk="0" hangingPunct="1">
              <a:lnSpc>
                <a:spcPct val="90000"/>
              </a:lnSpc>
              <a:spcBef>
                <a:spcPts val="750"/>
              </a:spcBef>
              <a:buFont typeface="Arial" panose="020B0604020202020204" pitchFamily="34" charset="0"/>
              <a:buChar char="•"/>
              <a:defRPr sz="3600" kern="1200">
                <a:solidFill>
                  <a:schemeClr val="tx1"/>
                </a:solidFill>
                <a:latin typeface="Calibri" panose="020F0502020204030204" pitchFamily="34" charset="0"/>
                <a:ea typeface="+mn-ea"/>
                <a:cs typeface="Calibri" panose="020F0502020204030204" pitchFamily="34" charset="0"/>
              </a:defRPr>
            </a:lvl2pPr>
            <a:lvl3pPr marL="1714500" indent="-342900" algn="l" defTabSz="1371600" rtl="0" eaLnBrk="1" latinLnBrk="0" hangingPunct="1">
              <a:lnSpc>
                <a:spcPct val="90000"/>
              </a:lnSpc>
              <a:spcBef>
                <a:spcPts val="750"/>
              </a:spcBef>
              <a:buFont typeface="Arial" panose="020B0604020202020204" pitchFamily="34" charset="0"/>
              <a:buChar char="•"/>
              <a:defRPr sz="3000" kern="1200">
                <a:solidFill>
                  <a:schemeClr val="tx1"/>
                </a:solidFill>
                <a:latin typeface="Calibri" panose="020F0502020204030204" pitchFamily="34" charset="0"/>
                <a:ea typeface="+mn-ea"/>
                <a:cs typeface="Calibri" panose="020F0502020204030204" pitchFamily="34" charset="0"/>
              </a:defRPr>
            </a:lvl3pPr>
            <a:lvl4pPr marL="24003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Calibri" panose="020F0502020204030204" pitchFamily="34" charset="0"/>
                <a:ea typeface="+mn-ea"/>
                <a:cs typeface="Calibri" panose="020F0502020204030204" pitchFamily="34" charset="0"/>
              </a:defRPr>
            </a:lvl4pPr>
            <a:lvl5pPr marL="30861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Calibri" panose="020F0502020204030204" pitchFamily="34" charset="0"/>
                <a:ea typeface="+mn-ea"/>
                <a:cs typeface="Calibri" panose="020F0502020204030204" pitchFamily="34" charset="0"/>
              </a:defRPr>
            </a:lvl5pPr>
            <a:lvl6pPr marL="37719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mn-lt"/>
                <a:ea typeface="+mn-ea"/>
                <a:cs typeface="+mn-cs"/>
              </a:defRPr>
            </a:lvl6pPr>
            <a:lvl7pPr marL="44577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mn-lt"/>
                <a:ea typeface="+mn-ea"/>
                <a:cs typeface="+mn-cs"/>
              </a:defRPr>
            </a:lvl7pPr>
            <a:lvl8pPr marL="51435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mn-lt"/>
                <a:ea typeface="+mn-ea"/>
                <a:cs typeface="+mn-cs"/>
              </a:defRPr>
            </a:lvl8pPr>
            <a:lvl9pPr marL="58293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mn-lt"/>
                <a:ea typeface="+mn-ea"/>
                <a:cs typeface="+mn-cs"/>
              </a:defRPr>
            </a:lvl9pPr>
          </a:lstStyle>
          <a:p>
            <a:pPr algn="l" fontAlgn="auto">
              <a:spcAft>
                <a:spcPts val="0"/>
              </a:spcAft>
              <a:defRPr/>
            </a:pPr>
            <a:r>
              <a:rPr lang="en-GB" sz="1800" dirty="0">
                <a:solidFill>
                  <a:srgbClr val="F76C6C"/>
                </a:solidFill>
              </a:rPr>
              <a:t>www.keoghs.co.uk</a:t>
            </a:r>
          </a:p>
        </p:txBody>
      </p:sp>
      <p:cxnSp>
        <p:nvCxnSpPr>
          <p:cNvPr id="11" name="Straight Connector 10"/>
          <p:cNvCxnSpPr/>
          <p:nvPr userDrawn="1"/>
        </p:nvCxnSpPr>
        <p:spPr>
          <a:xfrm>
            <a:off x="3608918" y="10923588"/>
            <a:ext cx="14389806" cy="0"/>
          </a:xfrm>
          <a:prstGeom prst="line">
            <a:avLst/>
          </a:prstGeom>
          <a:ln w="19050">
            <a:solidFill>
              <a:srgbClr val="F76C6C"/>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4100514734"/>
      </p:ext>
    </p:extLst>
  </p:cSld>
  <p:clrMap bg1="lt1" tx1="dk1" bg2="lt2" tx2="dk2" accent1="accent1" accent2="accent2" accent3="accent3" accent4="accent4" accent5="accent5" accent6="accent6" hlink="hlink" folHlink="folHlink"/>
  <p:sldLayoutIdLst>
    <p:sldLayoutId id="2147484137" r:id="rId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Pr>
        <a:solidFill>
          <a:srgbClr val="114B5F"/>
        </a:solidFill>
        <a:effectLst/>
      </p:bgPr>
    </p:bg>
    <p:spTree>
      <p:nvGrpSpPr>
        <p:cNvPr id="1" name=""/>
        <p:cNvGrpSpPr/>
        <p:nvPr/>
      </p:nvGrpSpPr>
      <p:grpSpPr>
        <a:xfrm>
          <a:off x="0" y="0"/>
          <a:ext cx="0" cy="0"/>
          <a:chOff x="0" y="0"/>
          <a:chExt cx="0" cy="0"/>
        </a:xfrm>
      </p:grpSpPr>
      <p:sp>
        <p:nvSpPr>
          <p:cNvPr id="2050" name="TextBox 6"/>
          <p:cNvSpPr txBox="1">
            <a:spLocks noChangeArrowheads="1"/>
          </p:cNvSpPr>
          <p:nvPr/>
        </p:nvSpPr>
        <p:spPr bwMode="auto">
          <a:xfrm>
            <a:off x="1127127" y="8115300"/>
            <a:ext cx="11497028" cy="175432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700">
                <a:solidFill>
                  <a:schemeClr val="tx1"/>
                </a:solidFill>
                <a:latin typeface="Calibri" panose="020F0502020204030204" pitchFamily="34" charset="0"/>
              </a:defRPr>
            </a:lvl1pPr>
            <a:lvl2pPr marL="742950" indent="-285750">
              <a:defRPr sz="2700">
                <a:solidFill>
                  <a:schemeClr val="tx1"/>
                </a:solidFill>
                <a:latin typeface="Calibri" panose="020F0502020204030204" pitchFamily="34" charset="0"/>
              </a:defRPr>
            </a:lvl2pPr>
            <a:lvl3pPr marL="1143000" indent="-228600">
              <a:defRPr sz="2700">
                <a:solidFill>
                  <a:schemeClr val="tx1"/>
                </a:solidFill>
                <a:latin typeface="Calibri" panose="020F0502020204030204" pitchFamily="34" charset="0"/>
              </a:defRPr>
            </a:lvl3pPr>
            <a:lvl4pPr marL="1600200" indent="-228600">
              <a:defRPr sz="2700">
                <a:solidFill>
                  <a:schemeClr val="tx1"/>
                </a:solidFill>
                <a:latin typeface="Calibri" panose="020F0502020204030204" pitchFamily="34" charset="0"/>
              </a:defRPr>
            </a:lvl4pPr>
            <a:lvl5pPr marL="2057400" indent="-228600">
              <a:defRPr sz="2700">
                <a:solidFill>
                  <a:schemeClr val="tx1"/>
                </a:solidFill>
                <a:latin typeface="Calibri" panose="020F0502020204030204" pitchFamily="34" charset="0"/>
              </a:defRPr>
            </a:lvl5pPr>
            <a:lvl6pPr marL="2514600" indent="-228600" defTabSz="1370013" fontAlgn="base">
              <a:spcBef>
                <a:spcPct val="0"/>
              </a:spcBef>
              <a:spcAft>
                <a:spcPct val="0"/>
              </a:spcAft>
              <a:defRPr sz="2700">
                <a:solidFill>
                  <a:schemeClr val="tx1"/>
                </a:solidFill>
                <a:latin typeface="Calibri" panose="020F0502020204030204" pitchFamily="34" charset="0"/>
              </a:defRPr>
            </a:lvl6pPr>
            <a:lvl7pPr marL="2971800" indent="-228600" defTabSz="1370013" fontAlgn="base">
              <a:spcBef>
                <a:spcPct val="0"/>
              </a:spcBef>
              <a:spcAft>
                <a:spcPct val="0"/>
              </a:spcAft>
              <a:defRPr sz="2700">
                <a:solidFill>
                  <a:schemeClr val="tx1"/>
                </a:solidFill>
                <a:latin typeface="Calibri" panose="020F0502020204030204" pitchFamily="34" charset="0"/>
              </a:defRPr>
            </a:lvl7pPr>
            <a:lvl8pPr marL="3429000" indent="-228600" defTabSz="1370013" fontAlgn="base">
              <a:spcBef>
                <a:spcPct val="0"/>
              </a:spcBef>
              <a:spcAft>
                <a:spcPct val="0"/>
              </a:spcAft>
              <a:defRPr sz="2700">
                <a:solidFill>
                  <a:schemeClr val="tx1"/>
                </a:solidFill>
                <a:latin typeface="Calibri" panose="020F0502020204030204" pitchFamily="34" charset="0"/>
              </a:defRPr>
            </a:lvl8pPr>
            <a:lvl9pPr marL="3886200" indent="-228600" defTabSz="1370013" fontAlgn="base">
              <a:spcBef>
                <a:spcPct val="0"/>
              </a:spcBef>
              <a:spcAft>
                <a:spcPct val="0"/>
              </a:spcAft>
              <a:defRPr sz="2700">
                <a:solidFill>
                  <a:schemeClr val="tx1"/>
                </a:solidFill>
                <a:latin typeface="Calibri" panose="020F0502020204030204" pitchFamily="34" charset="0"/>
              </a:defRPr>
            </a:lvl9pPr>
          </a:lstStyle>
          <a:p>
            <a:pPr eaLnBrk="1" hangingPunct="1"/>
            <a:r>
              <a:rPr lang="en-GB" altLang="en-US" sz="2700" b="1">
                <a:solidFill>
                  <a:schemeClr val="bg1"/>
                </a:solidFill>
              </a:rPr>
              <a:t>Head office: </a:t>
            </a:r>
          </a:p>
          <a:p>
            <a:pPr eaLnBrk="1" hangingPunct="1"/>
            <a:r>
              <a:rPr lang="en-GB" altLang="en-US" sz="2700">
                <a:solidFill>
                  <a:schemeClr val="bg1"/>
                </a:solidFill>
              </a:rPr>
              <a:t>2 The Parklands </a:t>
            </a:r>
          </a:p>
          <a:p>
            <a:pPr eaLnBrk="1" hangingPunct="1"/>
            <a:r>
              <a:rPr lang="en-GB" altLang="en-US" sz="2700">
                <a:solidFill>
                  <a:schemeClr val="bg1"/>
                </a:solidFill>
              </a:rPr>
              <a:t>Bolton </a:t>
            </a:r>
          </a:p>
          <a:p>
            <a:pPr eaLnBrk="1" hangingPunct="1"/>
            <a:r>
              <a:rPr lang="en-GB" altLang="en-US" sz="2700">
                <a:solidFill>
                  <a:schemeClr val="bg1"/>
                </a:solidFill>
              </a:rPr>
              <a:t>BL6 4SE </a:t>
            </a:r>
          </a:p>
        </p:txBody>
      </p:sp>
      <p:sp>
        <p:nvSpPr>
          <p:cNvPr id="2051" name="Rectangle 7"/>
          <p:cNvSpPr>
            <a:spLocks noChangeArrowheads="1"/>
          </p:cNvSpPr>
          <p:nvPr/>
        </p:nvSpPr>
        <p:spPr bwMode="auto">
          <a:xfrm>
            <a:off x="1127125" y="10072690"/>
            <a:ext cx="15338778" cy="5232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sz="2700">
                <a:solidFill>
                  <a:schemeClr val="tx1"/>
                </a:solidFill>
                <a:latin typeface="Calibri" panose="020F0502020204030204" pitchFamily="34" charset="0"/>
              </a:defRPr>
            </a:lvl1pPr>
            <a:lvl2pPr marL="742950" indent="-285750">
              <a:defRPr sz="2700">
                <a:solidFill>
                  <a:schemeClr val="tx1"/>
                </a:solidFill>
                <a:latin typeface="Calibri" panose="020F0502020204030204" pitchFamily="34" charset="0"/>
              </a:defRPr>
            </a:lvl2pPr>
            <a:lvl3pPr marL="1143000" indent="-228600">
              <a:defRPr sz="2700">
                <a:solidFill>
                  <a:schemeClr val="tx1"/>
                </a:solidFill>
                <a:latin typeface="Calibri" panose="020F0502020204030204" pitchFamily="34" charset="0"/>
              </a:defRPr>
            </a:lvl3pPr>
            <a:lvl4pPr marL="1600200" indent="-228600">
              <a:defRPr sz="2700">
                <a:solidFill>
                  <a:schemeClr val="tx1"/>
                </a:solidFill>
                <a:latin typeface="Calibri" panose="020F0502020204030204" pitchFamily="34" charset="0"/>
              </a:defRPr>
            </a:lvl4pPr>
            <a:lvl5pPr marL="2057400" indent="-228600">
              <a:defRPr sz="2700">
                <a:solidFill>
                  <a:schemeClr val="tx1"/>
                </a:solidFill>
                <a:latin typeface="Calibri" panose="020F0502020204030204" pitchFamily="34" charset="0"/>
              </a:defRPr>
            </a:lvl5pPr>
            <a:lvl6pPr marL="2514600" indent="-228600" defTabSz="1370013" fontAlgn="base">
              <a:spcBef>
                <a:spcPct val="0"/>
              </a:spcBef>
              <a:spcAft>
                <a:spcPct val="0"/>
              </a:spcAft>
              <a:defRPr sz="2700">
                <a:solidFill>
                  <a:schemeClr val="tx1"/>
                </a:solidFill>
                <a:latin typeface="Calibri" panose="020F0502020204030204" pitchFamily="34" charset="0"/>
              </a:defRPr>
            </a:lvl6pPr>
            <a:lvl7pPr marL="2971800" indent="-228600" defTabSz="1370013" fontAlgn="base">
              <a:spcBef>
                <a:spcPct val="0"/>
              </a:spcBef>
              <a:spcAft>
                <a:spcPct val="0"/>
              </a:spcAft>
              <a:defRPr sz="2700">
                <a:solidFill>
                  <a:schemeClr val="tx1"/>
                </a:solidFill>
                <a:latin typeface="Calibri" panose="020F0502020204030204" pitchFamily="34" charset="0"/>
              </a:defRPr>
            </a:lvl7pPr>
            <a:lvl8pPr marL="3429000" indent="-228600" defTabSz="1370013" fontAlgn="base">
              <a:spcBef>
                <a:spcPct val="0"/>
              </a:spcBef>
              <a:spcAft>
                <a:spcPct val="0"/>
              </a:spcAft>
              <a:defRPr sz="2700">
                <a:solidFill>
                  <a:schemeClr val="tx1"/>
                </a:solidFill>
                <a:latin typeface="Calibri" panose="020F0502020204030204" pitchFamily="34" charset="0"/>
              </a:defRPr>
            </a:lvl8pPr>
            <a:lvl9pPr marL="3886200" indent="-228600" defTabSz="1370013" fontAlgn="base">
              <a:spcBef>
                <a:spcPct val="0"/>
              </a:spcBef>
              <a:spcAft>
                <a:spcPct val="0"/>
              </a:spcAft>
              <a:defRPr sz="2700">
                <a:solidFill>
                  <a:schemeClr val="tx1"/>
                </a:solidFill>
                <a:latin typeface="Calibri" panose="020F0502020204030204" pitchFamily="34" charset="0"/>
              </a:defRPr>
            </a:lvl9pPr>
          </a:lstStyle>
          <a:p>
            <a:pPr eaLnBrk="1" hangingPunct="1"/>
            <a:r>
              <a:rPr lang="en-GB" altLang="en-US" sz="2800" b="1" baseline="30000">
                <a:solidFill>
                  <a:schemeClr val="bg1"/>
                </a:solidFill>
              </a:rPr>
              <a:t>Belfast </a:t>
            </a:r>
            <a:r>
              <a:rPr lang="en-GB" altLang="en-US" sz="2800" b="1" baseline="30000">
                <a:solidFill>
                  <a:srgbClr val="F76C6C"/>
                </a:solidFill>
              </a:rPr>
              <a:t>|</a:t>
            </a:r>
            <a:r>
              <a:rPr lang="en-GB" altLang="en-US" sz="2800" b="1">
                <a:solidFill>
                  <a:schemeClr val="bg1"/>
                </a:solidFill>
              </a:rPr>
              <a:t> </a:t>
            </a:r>
            <a:r>
              <a:rPr lang="en-GB" altLang="en-US" sz="2800" b="1" baseline="30000">
                <a:solidFill>
                  <a:schemeClr val="bg1"/>
                </a:solidFill>
              </a:rPr>
              <a:t>Bolton  </a:t>
            </a:r>
            <a:r>
              <a:rPr lang="en-GB" altLang="en-US" sz="2800" b="1" baseline="30000">
                <a:solidFill>
                  <a:srgbClr val="F76C6C"/>
                </a:solidFill>
              </a:rPr>
              <a:t>|</a:t>
            </a:r>
            <a:r>
              <a:rPr lang="en-GB" altLang="en-US" sz="2800" b="1" baseline="30000">
                <a:solidFill>
                  <a:schemeClr val="bg1"/>
                </a:solidFill>
              </a:rPr>
              <a:t>  Bristol </a:t>
            </a:r>
            <a:r>
              <a:rPr lang="en-GB" altLang="en-US" sz="2800" b="1" baseline="30000">
                <a:solidFill>
                  <a:srgbClr val="F76C6C"/>
                </a:solidFill>
              </a:rPr>
              <a:t>|</a:t>
            </a:r>
            <a:r>
              <a:rPr lang="en-GB" altLang="en-US" sz="2800" b="1" baseline="30000">
                <a:solidFill>
                  <a:schemeClr val="bg1"/>
                </a:solidFill>
              </a:rPr>
              <a:t>  Coventry </a:t>
            </a:r>
            <a:r>
              <a:rPr lang="en-GB" altLang="en-US" sz="2800" b="1" baseline="30000">
                <a:solidFill>
                  <a:srgbClr val="F76C6C"/>
                </a:solidFill>
              </a:rPr>
              <a:t>|</a:t>
            </a:r>
            <a:r>
              <a:rPr lang="en-GB" altLang="en-US" sz="2800" b="1" baseline="30000">
                <a:solidFill>
                  <a:schemeClr val="bg1"/>
                </a:solidFill>
              </a:rPr>
              <a:t>  Glasgow </a:t>
            </a:r>
            <a:r>
              <a:rPr lang="en-GB" altLang="en-US" sz="2800" b="1" baseline="30000">
                <a:solidFill>
                  <a:srgbClr val="F76C6C"/>
                </a:solidFill>
              </a:rPr>
              <a:t>| </a:t>
            </a:r>
            <a:r>
              <a:rPr lang="en-GB" altLang="en-US" sz="2800" b="1" baseline="30000">
                <a:solidFill>
                  <a:schemeClr val="bg1"/>
                </a:solidFill>
              </a:rPr>
              <a:t> Newcastle </a:t>
            </a:r>
            <a:r>
              <a:rPr lang="en-GB" altLang="en-US" sz="2800" b="1" baseline="30000">
                <a:solidFill>
                  <a:srgbClr val="F76C6C"/>
                </a:solidFill>
              </a:rPr>
              <a:t>|</a:t>
            </a:r>
            <a:r>
              <a:rPr lang="en-GB" altLang="en-US" sz="2800" b="1" baseline="30000">
                <a:solidFill>
                  <a:schemeClr val="bg1"/>
                </a:solidFill>
              </a:rPr>
              <a:t> Liverpool </a:t>
            </a:r>
            <a:r>
              <a:rPr lang="en-GB" altLang="en-US" sz="2800" b="1" baseline="30000">
                <a:solidFill>
                  <a:srgbClr val="F76C6C"/>
                </a:solidFill>
              </a:rPr>
              <a:t>|</a:t>
            </a:r>
            <a:r>
              <a:rPr lang="en-GB" altLang="en-US" sz="2800" b="1" baseline="30000">
                <a:solidFill>
                  <a:schemeClr val="bg1"/>
                </a:solidFill>
              </a:rPr>
              <a:t>  London </a:t>
            </a:r>
            <a:r>
              <a:rPr lang="en-GB" altLang="en-US" sz="2800" b="1" baseline="30000">
                <a:solidFill>
                  <a:srgbClr val="F76C6C"/>
                </a:solidFill>
              </a:rPr>
              <a:t>|</a:t>
            </a:r>
            <a:r>
              <a:rPr lang="en-GB" altLang="en-US" sz="2800" b="1" baseline="30000">
                <a:solidFill>
                  <a:schemeClr val="bg1"/>
                </a:solidFill>
              </a:rPr>
              <a:t>  Manchester </a:t>
            </a:r>
            <a:r>
              <a:rPr lang="en-GB" altLang="en-US" sz="2800" b="1" baseline="30000">
                <a:solidFill>
                  <a:srgbClr val="F76C6C"/>
                </a:solidFill>
              </a:rPr>
              <a:t>| </a:t>
            </a:r>
            <a:r>
              <a:rPr lang="en-GB" altLang="en-US" sz="2800" b="1" baseline="30000">
                <a:solidFill>
                  <a:schemeClr val="bg1"/>
                </a:solidFill>
              </a:rPr>
              <a:t> Southampton</a:t>
            </a:r>
          </a:p>
        </p:txBody>
      </p:sp>
      <p:pic>
        <p:nvPicPr>
          <p:cNvPr id="2052" name="Picture 8"/>
          <p:cNvPicPr>
            <a:picLocks noChangeAspect="1"/>
          </p:cNvPicPr>
          <p:nvPr/>
        </p:nvPicPr>
        <p:blipFill>
          <a:blip r:embed="rId5" cstate="email">
            <a:extLst>
              <a:ext uri="{28A0092B-C50C-407E-A947-70E740481C1C}">
                <a14:useLocalDpi xmlns:a14="http://schemas.microsoft.com/office/drawing/2010/main"/>
              </a:ext>
            </a:extLst>
          </a:blip>
          <a:stretch>
            <a:fillRect/>
          </a:stretch>
        </p:blipFill>
        <p:spPr bwMode="auto">
          <a:xfrm>
            <a:off x="1142306" y="1190626"/>
            <a:ext cx="2440850" cy="6699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1452949168"/>
      </p:ext>
    </p:extLst>
  </p:cSld>
  <p:clrMap bg1="lt1" tx1="dk1" bg2="lt2" tx2="dk2" accent1="accent1" accent2="accent2" accent3="accent3" accent4="accent4" accent5="accent5" accent6="accent6" hlink="hlink" folHlink="folHlink"/>
  <p:sldLayoutIdLst>
    <p:sldLayoutId id="2147484130" r:id="rId1"/>
    <p:sldLayoutId id="2147484304" r:id="rId2"/>
    <p:sldLayoutId id="2147484305" r:id="rId3"/>
  </p:sldLayoutIdLst>
  <p:txStyles>
    <p:titleStyle>
      <a:lvl1pPr algn="l" rtl="0" eaLnBrk="1" fontAlgn="base" hangingPunct="1">
        <a:lnSpc>
          <a:spcPct val="90000"/>
        </a:lnSpc>
        <a:spcBef>
          <a:spcPct val="0"/>
        </a:spcBef>
        <a:spcAft>
          <a:spcPct val="0"/>
        </a:spcAft>
        <a:defRPr sz="4400" kern="1200">
          <a:solidFill>
            <a:schemeClr val="tx1"/>
          </a:solidFill>
          <a:latin typeface="+mj-lt"/>
          <a:ea typeface="+mj-ea"/>
          <a:cs typeface="+mj-cs"/>
        </a:defRPr>
      </a:lvl1pPr>
      <a:lvl2pPr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2pPr>
      <a:lvl3pPr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3pPr>
      <a:lvl4pPr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4pPr>
      <a:lvl5pPr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5pPr>
      <a:lvl6pPr marL="457196"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6pPr>
      <a:lvl7pPr marL="914391"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7pPr>
      <a:lvl8pPr marL="1371587"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8pPr>
      <a:lvl9pPr marL="1828782" algn="l" rtl="0" eaLnBrk="1" fontAlgn="base" hangingPunct="1">
        <a:lnSpc>
          <a:spcPct val="90000"/>
        </a:lnSpc>
        <a:spcBef>
          <a:spcPct val="0"/>
        </a:spcBef>
        <a:spcAft>
          <a:spcPct val="0"/>
        </a:spcAft>
        <a:defRPr sz="4400">
          <a:solidFill>
            <a:schemeClr val="tx1"/>
          </a:solidFill>
          <a:latin typeface="Calibri Light" panose="020F0302020204030204" pitchFamily="34" charset="0"/>
        </a:defRPr>
      </a:lvl9pPr>
    </p:titleStyle>
    <p:bodyStyle>
      <a:lvl1pPr marL="228597" indent="-228597" algn="l" rtl="0" eaLnBrk="1" fontAlgn="base" hangingPunct="1">
        <a:lnSpc>
          <a:spcPct val="90000"/>
        </a:lnSpc>
        <a:spcBef>
          <a:spcPts val="1000"/>
        </a:spcBef>
        <a:spcAft>
          <a:spcPct val="0"/>
        </a:spcAft>
        <a:buFont typeface="Arial" panose="020B0604020202020204" pitchFamily="34" charset="0"/>
        <a:buChar char="•"/>
        <a:defRPr sz="2800" kern="1200">
          <a:solidFill>
            <a:schemeClr val="tx1"/>
          </a:solidFill>
          <a:latin typeface="+mn-lt"/>
          <a:ea typeface="+mn-ea"/>
          <a:cs typeface="+mn-cs"/>
        </a:defRPr>
      </a:lvl1pPr>
      <a:lvl2pPr marL="685793" indent="-228597" algn="l" rtl="0" eaLnBrk="1" fontAlgn="base" hangingPunct="1">
        <a:lnSpc>
          <a:spcPct val="90000"/>
        </a:lnSpc>
        <a:spcBef>
          <a:spcPts val="500"/>
        </a:spcBef>
        <a:spcAft>
          <a:spcPct val="0"/>
        </a:spcAft>
        <a:buFont typeface="Arial" panose="020B0604020202020204" pitchFamily="34" charset="0"/>
        <a:buChar char="•"/>
        <a:defRPr sz="2400" kern="1200">
          <a:solidFill>
            <a:schemeClr val="tx1"/>
          </a:solidFill>
          <a:latin typeface="+mn-lt"/>
          <a:ea typeface="+mn-ea"/>
          <a:cs typeface="+mn-cs"/>
        </a:defRPr>
      </a:lvl2pPr>
      <a:lvl3pPr marL="1142988" indent="-228597" algn="l" rtl="0" eaLnBrk="1" fontAlgn="base" hangingPunct="1">
        <a:lnSpc>
          <a:spcPct val="90000"/>
        </a:lnSpc>
        <a:spcBef>
          <a:spcPts val="500"/>
        </a:spcBef>
        <a:spcAft>
          <a:spcPct val="0"/>
        </a:spcAft>
        <a:buFont typeface="Arial" panose="020B0604020202020204" pitchFamily="34" charset="0"/>
        <a:buChar char="•"/>
        <a:defRPr sz="2000" kern="1200">
          <a:solidFill>
            <a:schemeClr val="tx1"/>
          </a:solidFill>
          <a:latin typeface="+mn-lt"/>
          <a:ea typeface="+mn-ea"/>
          <a:cs typeface="+mn-cs"/>
        </a:defRPr>
      </a:lvl3pPr>
      <a:lvl4pPr marL="1600184" indent="-228597" algn="l" rtl="0" eaLnBrk="1" fontAlgn="base" hangingPunct="1">
        <a:lnSpc>
          <a:spcPct val="90000"/>
        </a:lnSpc>
        <a:spcBef>
          <a:spcPts val="500"/>
        </a:spcBef>
        <a:spcAft>
          <a:spcPct val="0"/>
        </a:spcAft>
        <a:buFont typeface="Arial" panose="020B0604020202020204" pitchFamily="34" charset="0"/>
        <a:buChar char="•"/>
        <a:defRPr kern="1200">
          <a:solidFill>
            <a:schemeClr val="tx1"/>
          </a:solidFill>
          <a:latin typeface="+mn-lt"/>
          <a:ea typeface="+mn-ea"/>
          <a:cs typeface="+mn-cs"/>
        </a:defRPr>
      </a:lvl4pPr>
      <a:lvl5pPr marL="2057379" indent="-228597" algn="l" rtl="0" eaLnBrk="1" fontAlgn="base" hangingPunct="1">
        <a:lnSpc>
          <a:spcPct val="90000"/>
        </a:lnSpc>
        <a:spcBef>
          <a:spcPts val="500"/>
        </a:spcBef>
        <a:spcAft>
          <a:spcPct val="0"/>
        </a:spcAft>
        <a:buFont typeface="Arial" panose="020B0604020202020204" pitchFamily="34" charset="0"/>
        <a:buChar char="•"/>
        <a:defRPr kern="1200">
          <a:solidFill>
            <a:schemeClr val="tx1"/>
          </a:solidFill>
          <a:latin typeface="+mn-lt"/>
          <a:ea typeface="+mn-ea"/>
          <a:cs typeface="+mn-cs"/>
        </a:defRPr>
      </a:lvl5pPr>
      <a:lvl6pPr marL="2514575" indent="-228597" algn="l" defTabSz="914391"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770" indent="-228597" algn="l" defTabSz="914391"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8966" indent="-228597" algn="l" defTabSz="914391"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161" indent="-228597" algn="l" defTabSz="914391"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391" rtl="0" eaLnBrk="1" latinLnBrk="0" hangingPunct="1">
        <a:defRPr sz="1800" kern="1200">
          <a:solidFill>
            <a:schemeClr val="tx1"/>
          </a:solidFill>
          <a:latin typeface="+mn-lt"/>
          <a:ea typeface="+mn-ea"/>
          <a:cs typeface="+mn-cs"/>
        </a:defRPr>
      </a:lvl1pPr>
      <a:lvl2pPr marL="457196" algn="l" defTabSz="914391" rtl="0" eaLnBrk="1" latinLnBrk="0" hangingPunct="1">
        <a:defRPr sz="1800" kern="1200">
          <a:solidFill>
            <a:schemeClr val="tx1"/>
          </a:solidFill>
          <a:latin typeface="+mn-lt"/>
          <a:ea typeface="+mn-ea"/>
          <a:cs typeface="+mn-cs"/>
        </a:defRPr>
      </a:lvl2pPr>
      <a:lvl3pPr marL="914391" algn="l" defTabSz="914391" rtl="0" eaLnBrk="1" latinLnBrk="0" hangingPunct="1">
        <a:defRPr sz="1800" kern="1200">
          <a:solidFill>
            <a:schemeClr val="tx1"/>
          </a:solidFill>
          <a:latin typeface="+mn-lt"/>
          <a:ea typeface="+mn-ea"/>
          <a:cs typeface="+mn-cs"/>
        </a:defRPr>
      </a:lvl3pPr>
      <a:lvl4pPr marL="1371587" algn="l" defTabSz="914391" rtl="0" eaLnBrk="1" latinLnBrk="0" hangingPunct="1">
        <a:defRPr sz="1800" kern="1200">
          <a:solidFill>
            <a:schemeClr val="tx1"/>
          </a:solidFill>
          <a:latin typeface="+mn-lt"/>
          <a:ea typeface="+mn-ea"/>
          <a:cs typeface="+mn-cs"/>
        </a:defRPr>
      </a:lvl4pPr>
      <a:lvl5pPr marL="1828782" algn="l" defTabSz="914391" rtl="0" eaLnBrk="1" latinLnBrk="0" hangingPunct="1">
        <a:defRPr sz="1800" kern="1200">
          <a:solidFill>
            <a:schemeClr val="tx1"/>
          </a:solidFill>
          <a:latin typeface="+mn-lt"/>
          <a:ea typeface="+mn-ea"/>
          <a:cs typeface="+mn-cs"/>
        </a:defRPr>
      </a:lvl5pPr>
      <a:lvl6pPr marL="2285978" algn="l" defTabSz="914391" rtl="0" eaLnBrk="1" latinLnBrk="0" hangingPunct="1">
        <a:defRPr sz="1800" kern="1200">
          <a:solidFill>
            <a:schemeClr val="tx1"/>
          </a:solidFill>
          <a:latin typeface="+mn-lt"/>
          <a:ea typeface="+mn-ea"/>
          <a:cs typeface="+mn-cs"/>
        </a:defRPr>
      </a:lvl6pPr>
      <a:lvl7pPr marL="2743173" algn="l" defTabSz="914391" rtl="0" eaLnBrk="1" latinLnBrk="0" hangingPunct="1">
        <a:defRPr sz="1800" kern="1200">
          <a:solidFill>
            <a:schemeClr val="tx1"/>
          </a:solidFill>
          <a:latin typeface="+mn-lt"/>
          <a:ea typeface="+mn-ea"/>
          <a:cs typeface="+mn-cs"/>
        </a:defRPr>
      </a:lvl7pPr>
      <a:lvl8pPr marL="3200368" algn="l" defTabSz="914391" rtl="0" eaLnBrk="1" latinLnBrk="0" hangingPunct="1">
        <a:defRPr sz="1800" kern="1200">
          <a:solidFill>
            <a:schemeClr val="tx1"/>
          </a:solidFill>
          <a:latin typeface="+mn-lt"/>
          <a:ea typeface="+mn-ea"/>
          <a:cs typeface="+mn-cs"/>
        </a:defRPr>
      </a:lvl8pPr>
      <a:lvl9pPr marL="3657563" algn="l" defTabSz="914391" rtl="0" eaLnBrk="1" latinLnBrk="0" hangingPunct="1">
        <a:defRPr sz="1800" kern="1200">
          <a:solidFill>
            <a:schemeClr val="tx1"/>
          </a:solidFill>
          <a:latin typeface="+mn-lt"/>
          <a:ea typeface="+mn-ea"/>
          <a:cs typeface="+mn-cs"/>
        </a:defRPr>
      </a:lvl9pPr>
    </p:otherStyle>
  </p:txStyles>
</p:sldMaster>
</file>

<file path=ppt/slideMasters/slideMaster8.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8" name="Title Placeholder 1"/>
          <p:cNvSpPr>
            <a:spLocks noGrp="1"/>
          </p:cNvSpPr>
          <p:nvPr>
            <p:ph type="title"/>
          </p:nvPr>
        </p:nvSpPr>
        <p:spPr bwMode="auto">
          <a:xfrm>
            <a:off x="805337" y="837001"/>
            <a:ext cx="17526000" cy="12207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altLang="en-US"/>
              <a:t>Click to edit Master title style</a:t>
            </a:r>
            <a:endParaRPr lang="en-GB" altLang="en-US"/>
          </a:p>
        </p:txBody>
      </p:sp>
      <p:sp>
        <p:nvSpPr>
          <p:cNvPr id="9" name="Text Placeholder 2"/>
          <p:cNvSpPr>
            <a:spLocks noGrp="1"/>
          </p:cNvSpPr>
          <p:nvPr>
            <p:ph type="body" idx="1"/>
          </p:nvPr>
        </p:nvSpPr>
        <p:spPr>
          <a:xfrm>
            <a:off x="805337" y="2774299"/>
            <a:ext cx="17526000" cy="7251700"/>
          </a:xfrm>
          <a:prstGeom prst="rect">
            <a:avLst/>
          </a:prstGeom>
        </p:spPr>
        <p:txBody>
          <a:bodyPr vert="horz" lIns="91440" tIns="45720" rIns="91440" bIns="45720" rtlCol="0">
            <a:normAutofit/>
          </a:bodyPr>
          <a:lstStyle/>
          <a:p>
            <a:pPr lvl="0"/>
            <a:r>
              <a:rPr lang="en-US" noProof="0"/>
              <a:t>Edit Master text styles</a:t>
            </a:r>
          </a:p>
          <a:p>
            <a:pPr lvl="1"/>
            <a:r>
              <a:rPr lang="en-US" noProof="0"/>
              <a:t>Second level</a:t>
            </a:r>
          </a:p>
          <a:p>
            <a:pPr lvl="2"/>
            <a:r>
              <a:rPr lang="en-US" noProof="0"/>
              <a:t>Third level</a:t>
            </a:r>
          </a:p>
        </p:txBody>
      </p:sp>
      <p:sp>
        <p:nvSpPr>
          <p:cNvPr id="10" name="Text Placeholder 6"/>
          <p:cNvSpPr txBox="1">
            <a:spLocks/>
          </p:cNvSpPr>
          <p:nvPr userDrawn="1"/>
        </p:nvSpPr>
        <p:spPr>
          <a:xfrm>
            <a:off x="805337" y="10539980"/>
            <a:ext cx="2670528" cy="338137"/>
          </a:xfrm>
          <a:prstGeom prst="rect">
            <a:avLst/>
          </a:prstGeom>
        </p:spPr>
        <p:txBody>
          <a:bodyPr/>
          <a:lstStyle>
            <a:lvl1pPr marL="0" indent="0" algn="r" defTabSz="1371600" rtl="0" eaLnBrk="1" latinLnBrk="0" hangingPunct="1">
              <a:lnSpc>
                <a:spcPct val="90000"/>
              </a:lnSpc>
              <a:spcBef>
                <a:spcPts val="1500"/>
              </a:spcBef>
              <a:buFont typeface="Arial" panose="020B0604020202020204" pitchFamily="34" charset="0"/>
              <a:buNone/>
              <a:defRPr sz="1600" kern="1200">
                <a:solidFill>
                  <a:schemeClr val="bg1"/>
                </a:solidFill>
                <a:latin typeface="Calibri" panose="020F0502020204030204" pitchFamily="34" charset="0"/>
                <a:ea typeface="+mn-ea"/>
                <a:cs typeface="Calibri" panose="020F0502020204030204" pitchFamily="34" charset="0"/>
              </a:defRPr>
            </a:lvl1pPr>
            <a:lvl2pPr marL="1028700" indent="-342900" algn="l" defTabSz="1371600" rtl="0" eaLnBrk="1" latinLnBrk="0" hangingPunct="1">
              <a:lnSpc>
                <a:spcPct val="90000"/>
              </a:lnSpc>
              <a:spcBef>
                <a:spcPts val="750"/>
              </a:spcBef>
              <a:buFont typeface="Arial" panose="020B0604020202020204" pitchFamily="34" charset="0"/>
              <a:buChar char="•"/>
              <a:defRPr sz="3600" kern="1200">
                <a:solidFill>
                  <a:schemeClr val="tx1"/>
                </a:solidFill>
                <a:latin typeface="Calibri" panose="020F0502020204030204" pitchFamily="34" charset="0"/>
                <a:ea typeface="+mn-ea"/>
                <a:cs typeface="Calibri" panose="020F0502020204030204" pitchFamily="34" charset="0"/>
              </a:defRPr>
            </a:lvl2pPr>
            <a:lvl3pPr marL="1714500" indent="-342900" algn="l" defTabSz="1371600" rtl="0" eaLnBrk="1" latinLnBrk="0" hangingPunct="1">
              <a:lnSpc>
                <a:spcPct val="90000"/>
              </a:lnSpc>
              <a:spcBef>
                <a:spcPts val="750"/>
              </a:spcBef>
              <a:buFont typeface="Arial" panose="020B0604020202020204" pitchFamily="34" charset="0"/>
              <a:buChar char="•"/>
              <a:defRPr sz="3000" kern="1200">
                <a:solidFill>
                  <a:schemeClr val="tx1"/>
                </a:solidFill>
                <a:latin typeface="Calibri" panose="020F0502020204030204" pitchFamily="34" charset="0"/>
                <a:ea typeface="+mn-ea"/>
                <a:cs typeface="Calibri" panose="020F0502020204030204" pitchFamily="34" charset="0"/>
              </a:defRPr>
            </a:lvl3pPr>
            <a:lvl4pPr marL="24003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Calibri" panose="020F0502020204030204" pitchFamily="34" charset="0"/>
                <a:ea typeface="+mn-ea"/>
                <a:cs typeface="Calibri" panose="020F0502020204030204" pitchFamily="34" charset="0"/>
              </a:defRPr>
            </a:lvl4pPr>
            <a:lvl5pPr marL="30861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Calibri" panose="020F0502020204030204" pitchFamily="34" charset="0"/>
                <a:ea typeface="+mn-ea"/>
                <a:cs typeface="Calibri" panose="020F0502020204030204" pitchFamily="34" charset="0"/>
              </a:defRPr>
            </a:lvl5pPr>
            <a:lvl6pPr marL="37719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mn-lt"/>
                <a:ea typeface="+mn-ea"/>
                <a:cs typeface="+mn-cs"/>
              </a:defRPr>
            </a:lvl6pPr>
            <a:lvl7pPr marL="44577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mn-lt"/>
                <a:ea typeface="+mn-ea"/>
                <a:cs typeface="+mn-cs"/>
              </a:defRPr>
            </a:lvl7pPr>
            <a:lvl8pPr marL="51435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mn-lt"/>
                <a:ea typeface="+mn-ea"/>
                <a:cs typeface="+mn-cs"/>
              </a:defRPr>
            </a:lvl8pPr>
            <a:lvl9pPr marL="5829300" indent="-342900" algn="l" defTabSz="1371600" rtl="0" eaLnBrk="1" latinLnBrk="0" hangingPunct="1">
              <a:lnSpc>
                <a:spcPct val="90000"/>
              </a:lnSpc>
              <a:spcBef>
                <a:spcPts val="750"/>
              </a:spcBef>
              <a:buFont typeface="Arial" panose="020B0604020202020204" pitchFamily="34" charset="0"/>
              <a:buChar char="•"/>
              <a:defRPr sz="2700" kern="1200">
                <a:solidFill>
                  <a:schemeClr val="tx1"/>
                </a:solidFill>
                <a:latin typeface="+mn-lt"/>
                <a:ea typeface="+mn-ea"/>
                <a:cs typeface="+mn-cs"/>
              </a:defRPr>
            </a:lvl9pPr>
          </a:lstStyle>
          <a:p>
            <a:pPr algn="l" fontAlgn="auto">
              <a:spcAft>
                <a:spcPts val="0"/>
              </a:spcAft>
              <a:defRPr/>
            </a:pPr>
            <a:r>
              <a:rPr lang="en-GB" sz="1800">
                <a:solidFill>
                  <a:srgbClr val="F76C6C"/>
                </a:solidFill>
              </a:rPr>
              <a:t>www.keoghs.co.uk</a:t>
            </a:r>
          </a:p>
        </p:txBody>
      </p:sp>
      <p:cxnSp>
        <p:nvCxnSpPr>
          <p:cNvPr id="11" name="Straight Connector 10"/>
          <p:cNvCxnSpPr/>
          <p:nvPr userDrawn="1"/>
        </p:nvCxnSpPr>
        <p:spPr>
          <a:xfrm>
            <a:off x="2837964" y="10762225"/>
            <a:ext cx="16077565" cy="0"/>
          </a:xfrm>
          <a:prstGeom prst="line">
            <a:avLst/>
          </a:prstGeom>
          <a:ln w="19050">
            <a:solidFill>
              <a:srgbClr val="F76C6C"/>
            </a:solidFill>
          </a:ln>
        </p:spPr>
        <p:style>
          <a:lnRef idx="1">
            <a:schemeClr val="accent1"/>
          </a:lnRef>
          <a:fillRef idx="0">
            <a:schemeClr val="accent1"/>
          </a:fillRef>
          <a:effectRef idx="0">
            <a:schemeClr val="accent1"/>
          </a:effectRef>
          <a:fontRef idx="minor">
            <a:schemeClr val="tx1"/>
          </a:fontRef>
        </p:style>
      </p:cxnSp>
      <p:sp>
        <p:nvSpPr>
          <p:cNvPr id="12" name="Rectangle: Rounded Corners 3">
            <a:extLst>
              <a:ext uri="{FF2B5EF4-FFF2-40B4-BE49-F238E27FC236}">
                <a16:creationId xmlns:a16="http://schemas.microsoft.com/office/drawing/2014/main" id="{66414C07-D923-4E88-B165-1162BD3EF6E9}"/>
              </a:ext>
            </a:extLst>
          </p:cNvPr>
          <p:cNvSpPr/>
          <p:nvPr userDrawn="1"/>
        </p:nvSpPr>
        <p:spPr>
          <a:xfrm>
            <a:off x="19177392" y="10525687"/>
            <a:ext cx="363361" cy="361950"/>
          </a:xfrm>
          <a:prstGeom prst="roundRect">
            <a:avLst>
              <a:gd name="adj" fmla="val 50000"/>
            </a:avLst>
          </a:prstGeom>
          <a:noFill/>
          <a:ln>
            <a:solidFill>
              <a:srgbClr val="F76C6C"/>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defTabSz="1371532" eaLnBrk="1" fontAlgn="auto" hangingPunct="1">
              <a:spcBef>
                <a:spcPts val="0"/>
              </a:spcBef>
              <a:spcAft>
                <a:spcPts val="0"/>
              </a:spcAft>
              <a:defRPr/>
            </a:pPr>
            <a:endParaRPr lang="en-US" sz="3200"/>
          </a:p>
        </p:txBody>
      </p:sp>
      <p:sp>
        <p:nvSpPr>
          <p:cNvPr id="13" name="Slide Number Placeholder 5"/>
          <p:cNvSpPr txBox="1">
            <a:spLocks/>
          </p:cNvSpPr>
          <p:nvPr userDrawn="1"/>
        </p:nvSpPr>
        <p:spPr>
          <a:xfrm>
            <a:off x="19101544" y="10514575"/>
            <a:ext cx="532694" cy="373062"/>
          </a:xfrm>
          <a:prstGeom prst="rect">
            <a:avLst/>
          </a:prstGeom>
        </p:spPr>
        <p:txBody>
          <a:bodyPr anchor="ctr"/>
          <a:lstStyle>
            <a:defPPr>
              <a:defRPr lang="en-US"/>
            </a:defPPr>
            <a:lvl1pPr marL="0" algn="ctr" defTabSz="457189" rtl="0" eaLnBrk="1" latinLnBrk="0" hangingPunct="1">
              <a:defRPr sz="900" kern="1200">
                <a:solidFill>
                  <a:schemeClr val="tx1">
                    <a:tint val="75000"/>
                  </a:schemeClr>
                </a:solidFill>
                <a:latin typeface="+mn-lt"/>
                <a:ea typeface="+mn-ea"/>
                <a:cs typeface="+mn-cs"/>
              </a:defRPr>
            </a:lvl1pPr>
            <a:lvl2pPr marL="457189" algn="l" defTabSz="457189" rtl="0" eaLnBrk="1" latinLnBrk="0" hangingPunct="1">
              <a:defRPr sz="1800" kern="1200">
                <a:solidFill>
                  <a:schemeClr val="tx1"/>
                </a:solidFill>
                <a:latin typeface="+mn-lt"/>
                <a:ea typeface="+mn-ea"/>
                <a:cs typeface="+mn-cs"/>
              </a:defRPr>
            </a:lvl2pPr>
            <a:lvl3pPr marL="914378" algn="l" defTabSz="457189" rtl="0" eaLnBrk="1" latinLnBrk="0" hangingPunct="1">
              <a:defRPr sz="1800" kern="1200">
                <a:solidFill>
                  <a:schemeClr val="tx1"/>
                </a:solidFill>
                <a:latin typeface="+mn-lt"/>
                <a:ea typeface="+mn-ea"/>
                <a:cs typeface="+mn-cs"/>
              </a:defRPr>
            </a:lvl3pPr>
            <a:lvl4pPr marL="1371566" algn="l" defTabSz="457189" rtl="0" eaLnBrk="1" latinLnBrk="0" hangingPunct="1">
              <a:defRPr sz="1800" kern="1200">
                <a:solidFill>
                  <a:schemeClr val="tx1"/>
                </a:solidFill>
                <a:latin typeface="+mn-lt"/>
                <a:ea typeface="+mn-ea"/>
                <a:cs typeface="+mn-cs"/>
              </a:defRPr>
            </a:lvl4pPr>
            <a:lvl5pPr marL="1828754" algn="l" defTabSz="457189" rtl="0" eaLnBrk="1" latinLnBrk="0" hangingPunct="1">
              <a:defRPr sz="1800" kern="1200">
                <a:solidFill>
                  <a:schemeClr val="tx1"/>
                </a:solidFill>
                <a:latin typeface="+mn-lt"/>
                <a:ea typeface="+mn-ea"/>
                <a:cs typeface="+mn-cs"/>
              </a:defRPr>
            </a:lvl5pPr>
            <a:lvl6pPr marL="2285943" algn="l" defTabSz="457189" rtl="0" eaLnBrk="1" latinLnBrk="0" hangingPunct="1">
              <a:defRPr sz="1800" kern="1200">
                <a:solidFill>
                  <a:schemeClr val="tx1"/>
                </a:solidFill>
                <a:latin typeface="+mn-lt"/>
                <a:ea typeface="+mn-ea"/>
                <a:cs typeface="+mn-cs"/>
              </a:defRPr>
            </a:lvl6pPr>
            <a:lvl7pPr marL="2743132" algn="l" defTabSz="457189" rtl="0" eaLnBrk="1" latinLnBrk="0" hangingPunct="1">
              <a:defRPr sz="1800" kern="1200">
                <a:solidFill>
                  <a:schemeClr val="tx1"/>
                </a:solidFill>
                <a:latin typeface="+mn-lt"/>
                <a:ea typeface="+mn-ea"/>
                <a:cs typeface="+mn-cs"/>
              </a:defRPr>
            </a:lvl7pPr>
            <a:lvl8pPr marL="3200320" algn="l" defTabSz="457189" rtl="0" eaLnBrk="1" latinLnBrk="0" hangingPunct="1">
              <a:defRPr sz="1800" kern="1200">
                <a:solidFill>
                  <a:schemeClr val="tx1"/>
                </a:solidFill>
                <a:latin typeface="+mn-lt"/>
                <a:ea typeface="+mn-ea"/>
                <a:cs typeface="+mn-cs"/>
              </a:defRPr>
            </a:lvl8pPr>
            <a:lvl9pPr marL="3657509" algn="l" defTabSz="457189" rtl="0" eaLnBrk="1" latinLnBrk="0" hangingPunct="1">
              <a:defRPr sz="1800" kern="1200">
                <a:solidFill>
                  <a:schemeClr val="tx1"/>
                </a:solidFill>
                <a:latin typeface="+mn-lt"/>
                <a:ea typeface="+mn-ea"/>
                <a:cs typeface="+mn-cs"/>
              </a:defRPr>
            </a:lvl9pPr>
          </a:lstStyle>
          <a:p>
            <a:pPr fontAlgn="auto">
              <a:spcBef>
                <a:spcPts val="0"/>
              </a:spcBef>
              <a:spcAft>
                <a:spcPts val="0"/>
              </a:spcAft>
              <a:defRPr/>
            </a:pPr>
            <a:fld id="{F6916BCA-710C-45E5-A502-29FB0CFC6D63}" type="slidenum">
              <a:rPr lang="en-US" sz="1800" smtClean="0">
                <a:solidFill>
                  <a:srgbClr val="F76C6C"/>
                </a:solidFill>
              </a:rPr>
              <a:pPr fontAlgn="auto">
                <a:spcBef>
                  <a:spcPts val="0"/>
                </a:spcBef>
                <a:spcAft>
                  <a:spcPts val="0"/>
                </a:spcAft>
                <a:defRPr/>
              </a:pPr>
              <a:t>‹#›</a:t>
            </a:fld>
            <a:endParaRPr lang="en-US" sz="1600">
              <a:solidFill>
                <a:srgbClr val="F76C6C"/>
              </a:solidFill>
            </a:endParaRPr>
          </a:p>
        </p:txBody>
      </p:sp>
      <p:pic>
        <p:nvPicPr>
          <p:cNvPr id="16" name="image" descr="{&quot;templafy&quot;:{&quot;id&quot;:&quot;6a04da7f-acf5-433c-86ed-fb44c9b230da&quot;}}">
            <a:extLst>
              <a:ext uri="{FF2B5EF4-FFF2-40B4-BE49-F238E27FC236}">
                <a16:creationId xmlns:a16="http://schemas.microsoft.com/office/drawing/2014/main" id="{02AA7467-37FB-42DA-9719-E41C09E0A1ED}"/>
              </a:ext>
            </a:extLst>
          </p:cNvPr>
          <p:cNvPicPr>
            <a:picLocks noChangeAspect="1"/>
          </p:cNvPicPr>
          <p:nvPr userDrawn="1"/>
        </p:nvPicPr>
        <p:blipFill>
          <a:blip r:embed="rId22"/>
          <a:stretch>
            <a:fillRect/>
          </a:stretch>
        </p:blipFill>
        <p:spPr>
          <a:xfrm>
            <a:off x="16967075" y="906316"/>
            <a:ext cx="2563688" cy="751080"/>
          </a:xfrm>
          <a:prstGeom prst="rect">
            <a:avLst/>
          </a:prstGeom>
        </p:spPr>
      </p:pic>
    </p:spTree>
    <p:extLst>
      <p:ext uri="{BB962C8B-B14F-4D97-AF65-F5344CB8AC3E}">
        <p14:creationId xmlns:p14="http://schemas.microsoft.com/office/powerpoint/2010/main" val="1892642410"/>
      </p:ext>
    </p:extLst>
  </p:cSld>
  <p:clrMap bg1="lt1" tx1="dk1" bg2="lt2" tx2="dk2" accent1="accent1" accent2="accent2" accent3="accent3" accent4="accent4" accent5="accent5" accent6="accent6" hlink="hlink" folHlink="folHlink"/>
  <p:sldLayoutIdLst>
    <p:sldLayoutId id="2147484234" r:id="rId1"/>
    <p:sldLayoutId id="2147484235" r:id="rId2"/>
    <p:sldLayoutId id="2147484236" r:id="rId3"/>
    <p:sldLayoutId id="2147484237" r:id="rId4"/>
    <p:sldLayoutId id="2147484238" r:id="rId5"/>
    <p:sldLayoutId id="2147484239" r:id="rId6"/>
    <p:sldLayoutId id="2147484240" r:id="rId7"/>
    <p:sldLayoutId id="2147484241" r:id="rId8"/>
    <p:sldLayoutId id="2147484242" r:id="rId9"/>
    <p:sldLayoutId id="2147484248" r:id="rId10"/>
    <p:sldLayoutId id="2147484258" r:id="rId11"/>
    <p:sldLayoutId id="2147484259" r:id="rId12"/>
    <p:sldLayoutId id="2147484261" r:id="rId13"/>
    <p:sldLayoutId id="2147484262" r:id="rId14"/>
    <p:sldLayoutId id="2147484263" r:id="rId15"/>
    <p:sldLayoutId id="2147484264" r:id="rId16"/>
    <p:sldLayoutId id="2147484265" r:id="rId17"/>
    <p:sldLayoutId id="2147484266" r:id="rId18"/>
    <p:sldLayoutId id="2147484267" r:id="rId19"/>
    <p:sldLayoutId id="2147484268" r:id="rId20"/>
  </p:sldLayoutIdLst>
  <p:txStyles>
    <p:titleStyle>
      <a:lvl1pPr algn="l" defTabSz="914400" rtl="0" eaLnBrk="1" latinLnBrk="0" hangingPunct="1">
        <a:lnSpc>
          <a:spcPct val="90000"/>
        </a:lnSpc>
        <a:spcBef>
          <a:spcPct val="0"/>
        </a:spcBef>
        <a:buNone/>
        <a:defRPr sz="4800" b="1" kern="1200">
          <a:solidFill>
            <a:schemeClr val="bg2"/>
          </a:solidFill>
          <a:latin typeface="+mn-lt"/>
          <a:ea typeface="+mj-ea"/>
          <a:cs typeface="+mj-cs"/>
        </a:defRPr>
      </a:lvl1pPr>
    </p:titleStyle>
    <p:bodyStyle>
      <a:lvl1pPr marL="228600" indent="-228600" algn="l" defTabSz="914400" rtl="0" eaLnBrk="1" latinLnBrk="0" hangingPunct="1">
        <a:lnSpc>
          <a:spcPct val="90000"/>
        </a:lnSpc>
        <a:spcBef>
          <a:spcPts val="1000"/>
        </a:spcBef>
        <a:buClr>
          <a:schemeClr val="bg2"/>
        </a:buClr>
        <a:buFont typeface="Wingdings" panose="05000000000000000000" pitchFamily="2" charset="2"/>
        <a:buChar char="§"/>
        <a:defRPr sz="44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Clr>
          <a:schemeClr val="bg2"/>
        </a:buClr>
        <a:buFont typeface="Wingdings" panose="05000000000000000000" pitchFamily="2" charset="2"/>
        <a:buChar char="§"/>
        <a:defRPr sz="40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Clr>
          <a:schemeClr val="bg2"/>
        </a:buClr>
        <a:buFont typeface="Wingdings" panose="05000000000000000000" pitchFamily="2" charset="2"/>
        <a:buChar char="§"/>
        <a:defRPr sz="32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Clr>
          <a:schemeClr val="bg2"/>
        </a:buClr>
        <a:buFont typeface="Wingdings" panose="05000000000000000000" pitchFamily="2" charset="2"/>
        <a:buChar char="§"/>
        <a:defRPr sz="1800" kern="1200">
          <a:solidFill>
            <a:schemeClr val="bg1"/>
          </a:solidFill>
          <a:latin typeface="+mn-lt"/>
          <a:ea typeface="+mn-ea"/>
          <a:cs typeface="+mn-cs"/>
        </a:defRPr>
      </a:lvl4pPr>
      <a:lvl5pPr marL="2057400" indent="-228600" algn="l" defTabSz="914400" rtl="0" eaLnBrk="1" latinLnBrk="0" hangingPunct="1">
        <a:lnSpc>
          <a:spcPct val="90000"/>
        </a:lnSpc>
        <a:spcBef>
          <a:spcPts val="500"/>
        </a:spcBef>
        <a:buClr>
          <a:schemeClr val="bg2"/>
        </a:buClr>
        <a:buFont typeface="Wingdings" panose="05000000000000000000" pitchFamily="2" charset="2"/>
        <a:buChar char="§"/>
        <a:defRPr sz="1800" kern="1200">
          <a:solidFill>
            <a:schemeClr val="bg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9.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4049546995"/>
      </p:ext>
    </p:extLst>
  </p:cSld>
  <p:clrMap bg1="lt1" tx1="dk1" bg2="lt2" tx2="dk2" accent1="accent1" accent2="accent2" accent3="accent3" accent4="accent4" accent5="accent5" accent6="accent6" hlink="hlink" folHlink="folHlink"/>
  <p:sldLayoutIdLst>
    <p:sldLayoutId id="2147484271" r:id="rId1"/>
    <p:sldLayoutId id="2147484272" r:id="rId2"/>
    <p:sldLayoutId id="2147484273" r:id="rId3"/>
    <p:sldLayoutId id="2147484274" r:id="rId4"/>
    <p:sldLayoutId id="2147484275" r:id="rId5"/>
    <p:sldLayoutId id="2147484276" r:id="rId6"/>
    <p:sldLayoutId id="2147484277" r:id="rId7"/>
    <p:sldLayoutId id="2147484278" r:id="rId8"/>
    <p:sldLayoutId id="2147484279" r:id="rId9"/>
    <p:sldLayoutId id="2147484280" r:id="rId10"/>
    <p:sldLayoutId id="2147484281" r:id="rId11"/>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8" Type="http://schemas.openxmlformats.org/officeDocument/2006/relationships/image" Target="../media/image39.png"/><Relationship Id="rId3" Type="http://schemas.openxmlformats.org/officeDocument/2006/relationships/image" Target="../media/image21.png"/><Relationship Id="rId7" Type="http://schemas.openxmlformats.org/officeDocument/2006/relationships/image" Target="../media/image38.png"/><Relationship Id="rId2" Type="http://schemas.openxmlformats.org/officeDocument/2006/relationships/notesSlide" Target="../notesSlides/notesSlide1.xml"/><Relationship Id="rId1" Type="http://schemas.openxmlformats.org/officeDocument/2006/relationships/slideLayout" Target="../slideLayouts/slideLayout84.xml"/><Relationship Id="rId6" Type="http://schemas.openxmlformats.org/officeDocument/2006/relationships/image" Target="../media/image37.png"/><Relationship Id="rId5" Type="http://schemas.openxmlformats.org/officeDocument/2006/relationships/image" Target="../media/image36.png"/><Relationship Id="rId4" Type="http://schemas.openxmlformats.org/officeDocument/2006/relationships/image" Target="../media/image35.png"/></Relationships>
</file>

<file path=ppt/slides/_rels/slide10.xml.rels><?xml version="1.0" encoding="UTF-8" standalone="yes"?>
<Relationships xmlns="http://schemas.openxmlformats.org/package/2006/relationships"><Relationship Id="rId8" Type="http://schemas.openxmlformats.org/officeDocument/2006/relationships/image" Target="../media/image56.png"/><Relationship Id="rId3" Type="http://schemas.openxmlformats.org/officeDocument/2006/relationships/image" Target="../media/image68.svg"/><Relationship Id="rId7" Type="http://schemas.openxmlformats.org/officeDocument/2006/relationships/image" Target="../media/image72.svg"/><Relationship Id="rId2" Type="http://schemas.openxmlformats.org/officeDocument/2006/relationships/image" Target="../media/image53.png"/><Relationship Id="rId1" Type="http://schemas.openxmlformats.org/officeDocument/2006/relationships/slideLayout" Target="../slideLayouts/slideLayout1.xml"/><Relationship Id="rId6" Type="http://schemas.openxmlformats.org/officeDocument/2006/relationships/image" Target="../media/image55.png"/><Relationship Id="rId11" Type="http://schemas.openxmlformats.org/officeDocument/2006/relationships/image" Target="../media/image76.svg"/><Relationship Id="rId5" Type="http://schemas.openxmlformats.org/officeDocument/2006/relationships/image" Target="../media/image70.svg"/><Relationship Id="rId10" Type="http://schemas.openxmlformats.org/officeDocument/2006/relationships/image" Target="../media/image57.png"/><Relationship Id="rId4" Type="http://schemas.openxmlformats.org/officeDocument/2006/relationships/image" Target="../media/image54.png"/><Relationship Id="rId9" Type="http://schemas.openxmlformats.org/officeDocument/2006/relationships/image" Target="../media/image74.svg"/></Relationships>
</file>

<file path=ppt/slides/_rels/slide11.xml.rels><?xml version="1.0" encoding="UTF-8" standalone="yes"?>
<Relationships xmlns="http://schemas.openxmlformats.org/package/2006/relationships"><Relationship Id="rId13" Type="http://schemas.openxmlformats.org/officeDocument/2006/relationships/tags" Target="../tags/tag29.xml"/><Relationship Id="rId18" Type="http://schemas.openxmlformats.org/officeDocument/2006/relationships/tags" Target="../tags/tag34.xml"/><Relationship Id="rId26" Type="http://schemas.openxmlformats.org/officeDocument/2006/relationships/tags" Target="../tags/tag42.xml"/><Relationship Id="rId39" Type="http://schemas.openxmlformats.org/officeDocument/2006/relationships/tags" Target="../tags/tag55.xml"/><Relationship Id="rId21" Type="http://schemas.openxmlformats.org/officeDocument/2006/relationships/tags" Target="../tags/tag37.xml"/><Relationship Id="rId34" Type="http://schemas.openxmlformats.org/officeDocument/2006/relationships/tags" Target="../tags/tag50.xml"/><Relationship Id="rId42" Type="http://schemas.openxmlformats.org/officeDocument/2006/relationships/tags" Target="../tags/tag58.xml"/><Relationship Id="rId47" Type="http://schemas.openxmlformats.org/officeDocument/2006/relationships/tags" Target="../tags/tag63.xml"/><Relationship Id="rId50" Type="http://schemas.openxmlformats.org/officeDocument/2006/relationships/tags" Target="../tags/tag66.xml"/><Relationship Id="rId55" Type="http://schemas.openxmlformats.org/officeDocument/2006/relationships/slideLayout" Target="../slideLayouts/slideLayout3.xml"/><Relationship Id="rId7" Type="http://schemas.openxmlformats.org/officeDocument/2006/relationships/tags" Target="../tags/tag23.xml"/><Relationship Id="rId12" Type="http://schemas.openxmlformats.org/officeDocument/2006/relationships/tags" Target="../tags/tag28.xml"/><Relationship Id="rId17" Type="http://schemas.openxmlformats.org/officeDocument/2006/relationships/tags" Target="../tags/tag33.xml"/><Relationship Id="rId25" Type="http://schemas.openxmlformats.org/officeDocument/2006/relationships/tags" Target="../tags/tag41.xml"/><Relationship Id="rId33" Type="http://schemas.openxmlformats.org/officeDocument/2006/relationships/tags" Target="../tags/tag49.xml"/><Relationship Id="rId38" Type="http://schemas.openxmlformats.org/officeDocument/2006/relationships/tags" Target="../tags/tag54.xml"/><Relationship Id="rId46" Type="http://schemas.openxmlformats.org/officeDocument/2006/relationships/tags" Target="../tags/tag62.xml"/><Relationship Id="rId2" Type="http://schemas.openxmlformats.org/officeDocument/2006/relationships/tags" Target="../tags/tag18.xml"/><Relationship Id="rId16" Type="http://schemas.openxmlformats.org/officeDocument/2006/relationships/tags" Target="../tags/tag32.xml"/><Relationship Id="rId20" Type="http://schemas.openxmlformats.org/officeDocument/2006/relationships/tags" Target="../tags/tag36.xml"/><Relationship Id="rId29" Type="http://schemas.openxmlformats.org/officeDocument/2006/relationships/tags" Target="../tags/tag45.xml"/><Relationship Id="rId41" Type="http://schemas.openxmlformats.org/officeDocument/2006/relationships/tags" Target="../tags/tag57.xml"/><Relationship Id="rId54" Type="http://schemas.openxmlformats.org/officeDocument/2006/relationships/tags" Target="../tags/tag70.xml"/><Relationship Id="rId1" Type="http://schemas.openxmlformats.org/officeDocument/2006/relationships/tags" Target="../tags/tag17.xml"/><Relationship Id="rId6" Type="http://schemas.openxmlformats.org/officeDocument/2006/relationships/tags" Target="../tags/tag22.xml"/><Relationship Id="rId11" Type="http://schemas.openxmlformats.org/officeDocument/2006/relationships/tags" Target="../tags/tag27.xml"/><Relationship Id="rId24" Type="http://schemas.openxmlformats.org/officeDocument/2006/relationships/tags" Target="../tags/tag40.xml"/><Relationship Id="rId32" Type="http://schemas.openxmlformats.org/officeDocument/2006/relationships/tags" Target="../tags/tag48.xml"/><Relationship Id="rId37" Type="http://schemas.openxmlformats.org/officeDocument/2006/relationships/tags" Target="../tags/tag53.xml"/><Relationship Id="rId40" Type="http://schemas.openxmlformats.org/officeDocument/2006/relationships/tags" Target="../tags/tag56.xml"/><Relationship Id="rId45" Type="http://schemas.openxmlformats.org/officeDocument/2006/relationships/tags" Target="../tags/tag61.xml"/><Relationship Id="rId53" Type="http://schemas.openxmlformats.org/officeDocument/2006/relationships/tags" Target="../tags/tag69.xml"/><Relationship Id="rId5" Type="http://schemas.openxmlformats.org/officeDocument/2006/relationships/tags" Target="../tags/tag21.xml"/><Relationship Id="rId15" Type="http://schemas.openxmlformats.org/officeDocument/2006/relationships/tags" Target="../tags/tag31.xml"/><Relationship Id="rId23" Type="http://schemas.openxmlformats.org/officeDocument/2006/relationships/tags" Target="../tags/tag39.xml"/><Relationship Id="rId28" Type="http://schemas.openxmlformats.org/officeDocument/2006/relationships/tags" Target="../tags/tag44.xml"/><Relationship Id="rId36" Type="http://schemas.openxmlformats.org/officeDocument/2006/relationships/tags" Target="../tags/tag52.xml"/><Relationship Id="rId49" Type="http://schemas.openxmlformats.org/officeDocument/2006/relationships/tags" Target="../tags/tag65.xml"/><Relationship Id="rId10" Type="http://schemas.openxmlformats.org/officeDocument/2006/relationships/tags" Target="../tags/tag26.xml"/><Relationship Id="rId19" Type="http://schemas.openxmlformats.org/officeDocument/2006/relationships/tags" Target="../tags/tag35.xml"/><Relationship Id="rId31" Type="http://schemas.openxmlformats.org/officeDocument/2006/relationships/tags" Target="../tags/tag47.xml"/><Relationship Id="rId44" Type="http://schemas.openxmlformats.org/officeDocument/2006/relationships/tags" Target="../tags/tag60.xml"/><Relationship Id="rId52" Type="http://schemas.openxmlformats.org/officeDocument/2006/relationships/tags" Target="../tags/tag68.xml"/><Relationship Id="rId4" Type="http://schemas.openxmlformats.org/officeDocument/2006/relationships/tags" Target="../tags/tag20.xml"/><Relationship Id="rId9" Type="http://schemas.openxmlformats.org/officeDocument/2006/relationships/tags" Target="../tags/tag25.xml"/><Relationship Id="rId14" Type="http://schemas.openxmlformats.org/officeDocument/2006/relationships/tags" Target="../tags/tag30.xml"/><Relationship Id="rId22" Type="http://schemas.openxmlformats.org/officeDocument/2006/relationships/tags" Target="../tags/tag38.xml"/><Relationship Id="rId27" Type="http://schemas.openxmlformats.org/officeDocument/2006/relationships/tags" Target="../tags/tag43.xml"/><Relationship Id="rId30" Type="http://schemas.openxmlformats.org/officeDocument/2006/relationships/tags" Target="../tags/tag46.xml"/><Relationship Id="rId35" Type="http://schemas.openxmlformats.org/officeDocument/2006/relationships/tags" Target="../tags/tag51.xml"/><Relationship Id="rId43" Type="http://schemas.openxmlformats.org/officeDocument/2006/relationships/tags" Target="../tags/tag59.xml"/><Relationship Id="rId48" Type="http://schemas.openxmlformats.org/officeDocument/2006/relationships/tags" Target="../tags/tag64.xml"/><Relationship Id="rId56" Type="http://schemas.openxmlformats.org/officeDocument/2006/relationships/notesSlide" Target="../notesSlides/notesSlide2.xml"/><Relationship Id="rId8" Type="http://schemas.openxmlformats.org/officeDocument/2006/relationships/tags" Target="../tags/tag24.xml"/><Relationship Id="rId51" Type="http://schemas.openxmlformats.org/officeDocument/2006/relationships/tags" Target="../tags/tag67.xml"/><Relationship Id="rId3" Type="http://schemas.openxmlformats.org/officeDocument/2006/relationships/tags" Target="../tags/tag19.xml"/></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3.xml"/><Relationship Id="rId1" Type="http://schemas.openxmlformats.org/officeDocument/2006/relationships/tags" Target="../tags/tag71.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5.xml.rels><?xml version="1.0" encoding="UTF-8" standalone="yes"?>
<Relationships xmlns="http://schemas.openxmlformats.org/package/2006/relationships"><Relationship Id="rId3" Type="http://schemas.openxmlformats.org/officeDocument/2006/relationships/image" Target="../media/image59.png"/><Relationship Id="rId2" Type="http://schemas.openxmlformats.org/officeDocument/2006/relationships/image" Target="../media/image58.png"/><Relationship Id="rId1" Type="http://schemas.openxmlformats.org/officeDocument/2006/relationships/slideLayout" Target="../slideLayouts/slideLayout2.xml"/><Relationship Id="rId4" Type="http://schemas.openxmlformats.org/officeDocument/2006/relationships/image" Target="../media/image60.png"/></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3.xml.rels><?xml version="1.0" encoding="UTF-8" standalone="yes"?>
<Relationships xmlns="http://schemas.openxmlformats.org/package/2006/relationships"><Relationship Id="rId3" Type="http://schemas.openxmlformats.org/officeDocument/2006/relationships/image" Target="../media/image44.svg"/><Relationship Id="rId7" Type="http://schemas.openxmlformats.org/officeDocument/2006/relationships/image" Target="../media/image48.svg"/><Relationship Id="rId2" Type="http://schemas.openxmlformats.org/officeDocument/2006/relationships/image" Target="../media/image40.png"/><Relationship Id="rId1" Type="http://schemas.openxmlformats.org/officeDocument/2006/relationships/slideLayout" Target="../slideLayouts/slideLayout1.xml"/><Relationship Id="rId6" Type="http://schemas.openxmlformats.org/officeDocument/2006/relationships/image" Target="../media/image42.png"/><Relationship Id="rId5" Type="http://schemas.openxmlformats.org/officeDocument/2006/relationships/image" Target="../media/image46.svg"/><Relationship Id="rId4" Type="http://schemas.openxmlformats.org/officeDocument/2006/relationships/image" Target="../media/image41.png"/></Relationships>
</file>

<file path=ppt/slides/_rels/slide4.xml.rels><?xml version="1.0" encoding="UTF-8" standalone="yes"?>
<Relationships xmlns="http://schemas.openxmlformats.org/package/2006/relationships"><Relationship Id="rId3" Type="http://schemas.openxmlformats.org/officeDocument/2006/relationships/image" Target="../media/image50.svg"/><Relationship Id="rId2" Type="http://schemas.openxmlformats.org/officeDocument/2006/relationships/image" Target="../media/image43.png"/><Relationship Id="rId1" Type="http://schemas.openxmlformats.org/officeDocument/2006/relationships/slideLayout" Target="../slideLayouts/slideLayout1.xml"/></Relationships>
</file>

<file path=ppt/slides/_rels/slide5.xml.rels><?xml version="1.0" encoding="UTF-8" standalone="yes"?>
<Relationships xmlns="http://schemas.openxmlformats.org/package/2006/relationships"><Relationship Id="rId8" Type="http://schemas.openxmlformats.org/officeDocument/2006/relationships/image" Target="../media/image47.png"/><Relationship Id="rId3" Type="http://schemas.openxmlformats.org/officeDocument/2006/relationships/image" Target="../media/image52.svg"/><Relationship Id="rId7" Type="http://schemas.openxmlformats.org/officeDocument/2006/relationships/image" Target="../media/image56.svg"/><Relationship Id="rId2" Type="http://schemas.openxmlformats.org/officeDocument/2006/relationships/image" Target="../media/image44.png"/><Relationship Id="rId1" Type="http://schemas.openxmlformats.org/officeDocument/2006/relationships/slideLayout" Target="../slideLayouts/slideLayout1.xml"/><Relationship Id="rId6" Type="http://schemas.openxmlformats.org/officeDocument/2006/relationships/image" Target="../media/image46.png"/><Relationship Id="rId5" Type="http://schemas.openxmlformats.org/officeDocument/2006/relationships/image" Target="../media/image54.svg"/><Relationship Id="rId4" Type="http://schemas.openxmlformats.org/officeDocument/2006/relationships/image" Target="../media/image45.png"/><Relationship Id="rId9" Type="http://schemas.openxmlformats.org/officeDocument/2006/relationships/image" Target="../media/image58.svg"/></Relationships>
</file>

<file path=ppt/slides/_rels/slide6.xml.rels><?xml version="1.0" encoding="UTF-8" standalone="yes"?>
<Relationships xmlns="http://schemas.openxmlformats.org/package/2006/relationships"><Relationship Id="rId3" Type="http://schemas.openxmlformats.org/officeDocument/2006/relationships/image" Target="../media/image60.svg"/><Relationship Id="rId2" Type="http://schemas.openxmlformats.org/officeDocument/2006/relationships/image" Target="../media/image48.png"/><Relationship Id="rId1" Type="http://schemas.openxmlformats.org/officeDocument/2006/relationships/slideLayout" Target="../slideLayouts/slideLayout1.xml"/></Relationships>
</file>

<file path=ppt/slides/_rels/slide7.xml.rels><?xml version="1.0" encoding="UTF-8" standalone="yes"?>
<Relationships xmlns="http://schemas.openxmlformats.org/package/2006/relationships"><Relationship Id="rId3" Type="http://schemas.openxmlformats.org/officeDocument/2006/relationships/image" Target="../media/image62.svg"/><Relationship Id="rId2" Type="http://schemas.openxmlformats.org/officeDocument/2006/relationships/image" Target="../media/image49.png"/><Relationship Id="rId1" Type="http://schemas.openxmlformats.org/officeDocument/2006/relationships/slideLayout" Target="../slideLayouts/slideLayout1.xml"/><Relationship Id="rId4" Type="http://schemas.openxmlformats.org/officeDocument/2006/relationships/image" Target="../media/image50.png"/></Relationships>
</file>

<file path=ppt/slides/_rels/slide8.xml.rels><?xml version="1.0" encoding="UTF-8" standalone="yes"?>
<Relationships xmlns="http://schemas.openxmlformats.org/package/2006/relationships"><Relationship Id="rId3" Type="http://schemas.openxmlformats.org/officeDocument/2006/relationships/image" Target="../media/image65.svg"/><Relationship Id="rId2" Type="http://schemas.openxmlformats.org/officeDocument/2006/relationships/image" Target="../media/image51.png"/><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2" Type="http://schemas.openxmlformats.org/officeDocument/2006/relationships/image" Target="../media/image52.gif"/><Relationship Id="rId1" Type="http://schemas.openxmlformats.org/officeDocument/2006/relationships/slideLayout" Target="../slideLayouts/slideLayout1.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Shape 636"/>
        <p:cNvGrpSpPr/>
        <p:nvPr/>
      </p:nvGrpSpPr>
      <p:grpSpPr>
        <a:xfrm>
          <a:off x="0" y="0"/>
          <a:ext cx="0" cy="0"/>
          <a:chOff x="0" y="0"/>
          <a:chExt cx="0" cy="0"/>
        </a:xfrm>
      </p:grpSpPr>
      <p:sp>
        <p:nvSpPr>
          <p:cNvPr id="637" name="Google Shape;637;p42"/>
          <p:cNvSpPr txBox="1">
            <a:spLocks noGrp="1"/>
          </p:cNvSpPr>
          <p:nvPr>
            <p:ph type="ctrTitle"/>
          </p:nvPr>
        </p:nvSpPr>
        <p:spPr>
          <a:xfrm>
            <a:off x="1169509" y="1509204"/>
            <a:ext cx="10260491" cy="3554000"/>
          </a:xfrm>
          <a:prstGeom prst="rect">
            <a:avLst/>
          </a:prstGeom>
        </p:spPr>
        <p:txBody>
          <a:bodyPr spcFirstLastPara="1" wrap="square" lIns="203167" tIns="203167" rIns="203167" bIns="203167" anchor="b" anchorCtr="0">
            <a:noAutofit/>
          </a:bodyPr>
          <a:lstStyle/>
          <a:p>
            <a:r>
              <a:rPr lang="en-US" sz="7200" dirty="0"/>
              <a:t>Maximizing Efficiency </a:t>
            </a:r>
            <a:r>
              <a:rPr lang="en-US" sz="7200" dirty="0">
                <a:solidFill>
                  <a:srgbClr val="F9D06B"/>
                </a:solidFill>
              </a:rPr>
              <a:t>AND</a:t>
            </a:r>
            <a:r>
              <a:rPr lang="en-US" sz="7200" dirty="0"/>
              <a:t> Streamlining Claims Management Processes</a:t>
            </a:r>
          </a:p>
        </p:txBody>
      </p:sp>
      <p:sp>
        <p:nvSpPr>
          <p:cNvPr id="640" name="Google Shape;640;p42"/>
          <p:cNvSpPr/>
          <p:nvPr/>
        </p:nvSpPr>
        <p:spPr>
          <a:xfrm>
            <a:off x="12553889" y="3875109"/>
            <a:ext cx="5334476" cy="5334475"/>
          </a:xfrm>
          <a:prstGeom prst="ellipse">
            <a:avLst/>
          </a:prstGeom>
          <a:solidFill>
            <a:schemeClr val="accent2"/>
          </a:solidFill>
          <a:ln>
            <a:noFill/>
          </a:ln>
        </p:spPr>
        <p:txBody>
          <a:bodyPr spcFirstLastPara="1" wrap="square" lIns="203167" tIns="203167" rIns="203167" bIns="203167" anchor="ctr" anchorCtr="0">
            <a:noAutofit/>
          </a:bodyPr>
          <a:lstStyle/>
          <a:p>
            <a:pPr defTabSz="2031980" eaLnBrk="1" fontAlgn="auto" hangingPunct="1">
              <a:spcBef>
                <a:spcPts val="0"/>
              </a:spcBef>
              <a:spcAft>
                <a:spcPts val="0"/>
              </a:spcAft>
              <a:buClr>
                <a:srgbClr val="000000"/>
              </a:buClr>
            </a:pPr>
            <a:endParaRPr sz="3111" kern="0">
              <a:solidFill>
                <a:srgbClr val="000000"/>
              </a:solidFill>
              <a:latin typeface="Arial"/>
              <a:cs typeface="Arial"/>
              <a:sym typeface="Arial"/>
            </a:endParaRPr>
          </a:p>
        </p:txBody>
      </p:sp>
      <p:sp>
        <p:nvSpPr>
          <p:cNvPr id="641" name="Google Shape;641;p42"/>
          <p:cNvSpPr/>
          <p:nvPr/>
        </p:nvSpPr>
        <p:spPr>
          <a:xfrm>
            <a:off x="12178429" y="5977604"/>
            <a:ext cx="4006950" cy="4642659"/>
          </a:xfrm>
          <a:custGeom>
            <a:avLst/>
            <a:gdLst/>
            <a:ahLst/>
            <a:cxnLst/>
            <a:rect l="l" t="t" r="r" b="b"/>
            <a:pathLst>
              <a:path w="34763" h="40276" extrusionOk="0">
                <a:moveTo>
                  <a:pt x="18225" y="14821"/>
                </a:moveTo>
                <a:lnTo>
                  <a:pt x="18948" y="16538"/>
                </a:lnTo>
                <a:lnTo>
                  <a:pt x="19611" y="16869"/>
                </a:lnTo>
                <a:lnTo>
                  <a:pt x="20032" y="17743"/>
                </a:lnTo>
                <a:lnTo>
                  <a:pt x="20996" y="19490"/>
                </a:lnTo>
                <a:lnTo>
                  <a:pt x="21147" y="19671"/>
                </a:lnTo>
                <a:lnTo>
                  <a:pt x="21298" y="19852"/>
                </a:lnTo>
                <a:lnTo>
                  <a:pt x="21629" y="20243"/>
                </a:lnTo>
                <a:lnTo>
                  <a:pt x="22051" y="20635"/>
                </a:lnTo>
                <a:lnTo>
                  <a:pt x="22051" y="21207"/>
                </a:lnTo>
                <a:lnTo>
                  <a:pt x="21719" y="21026"/>
                </a:lnTo>
                <a:lnTo>
                  <a:pt x="20816" y="20544"/>
                </a:lnTo>
                <a:lnTo>
                  <a:pt x="20213" y="20243"/>
                </a:lnTo>
                <a:lnTo>
                  <a:pt x="19550" y="19942"/>
                </a:lnTo>
                <a:lnTo>
                  <a:pt x="18858" y="19671"/>
                </a:lnTo>
                <a:lnTo>
                  <a:pt x="18135" y="19400"/>
                </a:lnTo>
                <a:lnTo>
                  <a:pt x="17412" y="19159"/>
                </a:lnTo>
                <a:lnTo>
                  <a:pt x="16659" y="18948"/>
                </a:lnTo>
                <a:lnTo>
                  <a:pt x="15213" y="18617"/>
                </a:lnTo>
                <a:lnTo>
                  <a:pt x="14158" y="18406"/>
                </a:lnTo>
                <a:lnTo>
                  <a:pt x="13707" y="18315"/>
                </a:lnTo>
                <a:lnTo>
                  <a:pt x="14249" y="17803"/>
                </a:lnTo>
                <a:lnTo>
                  <a:pt x="14731" y="16749"/>
                </a:lnTo>
                <a:lnTo>
                  <a:pt x="14881" y="16749"/>
                </a:lnTo>
                <a:lnTo>
                  <a:pt x="15303" y="16719"/>
                </a:lnTo>
                <a:lnTo>
                  <a:pt x="15875" y="16598"/>
                </a:lnTo>
                <a:lnTo>
                  <a:pt x="16147" y="16538"/>
                </a:lnTo>
                <a:lnTo>
                  <a:pt x="16418" y="16418"/>
                </a:lnTo>
                <a:lnTo>
                  <a:pt x="16689" y="16267"/>
                </a:lnTo>
                <a:lnTo>
                  <a:pt x="16990" y="16026"/>
                </a:lnTo>
                <a:lnTo>
                  <a:pt x="17291" y="15785"/>
                </a:lnTo>
                <a:lnTo>
                  <a:pt x="17592" y="15484"/>
                </a:lnTo>
                <a:lnTo>
                  <a:pt x="18044" y="15032"/>
                </a:lnTo>
                <a:lnTo>
                  <a:pt x="18225" y="14821"/>
                </a:lnTo>
                <a:close/>
                <a:moveTo>
                  <a:pt x="8977" y="21930"/>
                </a:moveTo>
                <a:lnTo>
                  <a:pt x="9068" y="22141"/>
                </a:lnTo>
                <a:lnTo>
                  <a:pt x="9158" y="22322"/>
                </a:lnTo>
                <a:lnTo>
                  <a:pt x="9429" y="22683"/>
                </a:lnTo>
                <a:lnTo>
                  <a:pt x="9640" y="22924"/>
                </a:lnTo>
                <a:lnTo>
                  <a:pt x="9730" y="23015"/>
                </a:lnTo>
                <a:lnTo>
                  <a:pt x="8977" y="23015"/>
                </a:lnTo>
                <a:lnTo>
                  <a:pt x="8796" y="22593"/>
                </a:lnTo>
                <a:lnTo>
                  <a:pt x="8977" y="21930"/>
                </a:lnTo>
                <a:close/>
                <a:moveTo>
                  <a:pt x="1145" y="32172"/>
                </a:moveTo>
                <a:lnTo>
                  <a:pt x="1205" y="32624"/>
                </a:lnTo>
                <a:lnTo>
                  <a:pt x="1296" y="33166"/>
                </a:lnTo>
                <a:lnTo>
                  <a:pt x="1416" y="33829"/>
                </a:lnTo>
                <a:lnTo>
                  <a:pt x="1657" y="34582"/>
                </a:lnTo>
                <a:lnTo>
                  <a:pt x="1778" y="35004"/>
                </a:lnTo>
                <a:lnTo>
                  <a:pt x="1958" y="35425"/>
                </a:lnTo>
                <a:lnTo>
                  <a:pt x="2139" y="35847"/>
                </a:lnTo>
                <a:lnTo>
                  <a:pt x="2350" y="36299"/>
                </a:lnTo>
                <a:lnTo>
                  <a:pt x="2591" y="36721"/>
                </a:lnTo>
                <a:lnTo>
                  <a:pt x="2862" y="37142"/>
                </a:lnTo>
                <a:lnTo>
                  <a:pt x="2410" y="36781"/>
                </a:lnTo>
                <a:lnTo>
                  <a:pt x="2019" y="36389"/>
                </a:lnTo>
                <a:lnTo>
                  <a:pt x="1717" y="35998"/>
                </a:lnTo>
                <a:lnTo>
                  <a:pt x="1476" y="35576"/>
                </a:lnTo>
                <a:lnTo>
                  <a:pt x="1296" y="35154"/>
                </a:lnTo>
                <a:lnTo>
                  <a:pt x="1145" y="34763"/>
                </a:lnTo>
                <a:lnTo>
                  <a:pt x="1055" y="34341"/>
                </a:lnTo>
                <a:lnTo>
                  <a:pt x="1025" y="33949"/>
                </a:lnTo>
                <a:lnTo>
                  <a:pt x="994" y="33588"/>
                </a:lnTo>
                <a:lnTo>
                  <a:pt x="994" y="33256"/>
                </a:lnTo>
                <a:lnTo>
                  <a:pt x="1055" y="32684"/>
                </a:lnTo>
                <a:lnTo>
                  <a:pt x="1115" y="32323"/>
                </a:lnTo>
                <a:lnTo>
                  <a:pt x="1145" y="32172"/>
                </a:lnTo>
                <a:close/>
                <a:moveTo>
                  <a:pt x="3826" y="30877"/>
                </a:moveTo>
                <a:lnTo>
                  <a:pt x="4127" y="30937"/>
                </a:lnTo>
                <a:lnTo>
                  <a:pt x="4429" y="30997"/>
                </a:lnTo>
                <a:lnTo>
                  <a:pt x="4700" y="31118"/>
                </a:lnTo>
                <a:lnTo>
                  <a:pt x="4971" y="31208"/>
                </a:lnTo>
                <a:lnTo>
                  <a:pt x="5212" y="31359"/>
                </a:lnTo>
                <a:lnTo>
                  <a:pt x="5453" y="31509"/>
                </a:lnTo>
                <a:lnTo>
                  <a:pt x="5633" y="31690"/>
                </a:lnTo>
                <a:lnTo>
                  <a:pt x="5844" y="31901"/>
                </a:lnTo>
                <a:lnTo>
                  <a:pt x="5995" y="32112"/>
                </a:lnTo>
                <a:lnTo>
                  <a:pt x="6146" y="32323"/>
                </a:lnTo>
                <a:lnTo>
                  <a:pt x="6296" y="32594"/>
                </a:lnTo>
                <a:lnTo>
                  <a:pt x="6417" y="32835"/>
                </a:lnTo>
                <a:lnTo>
                  <a:pt x="6507" y="33106"/>
                </a:lnTo>
                <a:lnTo>
                  <a:pt x="6567" y="33407"/>
                </a:lnTo>
                <a:lnTo>
                  <a:pt x="6628" y="33708"/>
                </a:lnTo>
                <a:lnTo>
                  <a:pt x="6658" y="34010"/>
                </a:lnTo>
                <a:lnTo>
                  <a:pt x="6658" y="34522"/>
                </a:lnTo>
                <a:lnTo>
                  <a:pt x="6628" y="35004"/>
                </a:lnTo>
                <a:lnTo>
                  <a:pt x="6537" y="35455"/>
                </a:lnTo>
                <a:lnTo>
                  <a:pt x="6447" y="35877"/>
                </a:lnTo>
                <a:lnTo>
                  <a:pt x="6326" y="36239"/>
                </a:lnTo>
                <a:lnTo>
                  <a:pt x="6176" y="36600"/>
                </a:lnTo>
                <a:lnTo>
                  <a:pt x="5905" y="37142"/>
                </a:lnTo>
                <a:lnTo>
                  <a:pt x="5664" y="36962"/>
                </a:lnTo>
                <a:lnTo>
                  <a:pt x="5392" y="36751"/>
                </a:lnTo>
                <a:lnTo>
                  <a:pt x="5152" y="36510"/>
                </a:lnTo>
                <a:lnTo>
                  <a:pt x="4941" y="36269"/>
                </a:lnTo>
                <a:lnTo>
                  <a:pt x="4730" y="35968"/>
                </a:lnTo>
                <a:lnTo>
                  <a:pt x="4549" y="35666"/>
                </a:lnTo>
                <a:lnTo>
                  <a:pt x="4368" y="35365"/>
                </a:lnTo>
                <a:lnTo>
                  <a:pt x="4188" y="35034"/>
                </a:lnTo>
                <a:lnTo>
                  <a:pt x="3916" y="34371"/>
                </a:lnTo>
                <a:lnTo>
                  <a:pt x="3736" y="33678"/>
                </a:lnTo>
                <a:lnTo>
                  <a:pt x="3585" y="33046"/>
                </a:lnTo>
                <a:lnTo>
                  <a:pt x="3555" y="32714"/>
                </a:lnTo>
                <a:lnTo>
                  <a:pt x="3555" y="32413"/>
                </a:lnTo>
                <a:lnTo>
                  <a:pt x="3555" y="32142"/>
                </a:lnTo>
                <a:lnTo>
                  <a:pt x="3585" y="31871"/>
                </a:lnTo>
                <a:lnTo>
                  <a:pt x="3675" y="31419"/>
                </a:lnTo>
                <a:lnTo>
                  <a:pt x="3826" y="30877"/>
                </a:lnTo>
                <a:close/>
                <a:moveTo>
                  <a:pt x="9278" y="25545"/>
                </a:moveTo>
                <a:lnTo>
                  <a:pt x="9339" y="25756"/>
                </a:lnTo>
                <a:lnTo>
                  <a:pt x="9429" y="25937"/>
                </a:lnTo>
                <a:lnTo>
                  <a:pt x="9550" y="26087"/>
                </a:lnTo>
                <a:lnTo>
                  <a:pt x="9700" y="26238"/>
                </a:lnTo>
                <a:lnTo>
                  <a:pt x="9851" y="26328"/>
                </a:lnTo>
                <a:lnTo>
                  <a:pt x="10001" y="26419"/>
                </a:lnTo>
                <a:lnTo>
                  <a:pt x="10333" y="26509"/>
                </a:lnTo>
                <a:lnTo>
                  <a:pt x="10634" y="26569"/>
                </a:lnTo>
                <a:lnTo>
                  <a:pt x="11146" y="26569"/>
                </a:lnTo>
                <a:lnTo>
                  <a:pt x="11688" y="27593"/>
                </a:lnTo>
                <a:lnTo>
                  <a:pt x="12110" y="28407"/>
                </a:lnTo>
                <a:lnTo>
                  <a:pt x="12261" y="28738"/>
                </a:lnTo>
                <a:lnTo>
                  <a:pt x="12351" y="29009"/>
                </a:lnTo>
                <a:lnTo>
                  <a:pt x="12532" y="29612"/>
                </a:lnTo>
                <a:lnTo>
                  <a:pt x="12803" y="30395"/>
                </a:lnTo>
                <a:lnTo>
                  <a:pt x="12893" y="30786"/>
                </a:lnTo>
                <a:lnTo>
                  <a:pt x="12984" y="31208"/>
                </a:lnTo>
                <a:lnTo>
                  <a:pt x="13014" y="31570"/>
                </a:lnTo>
                <a:lnTo>
                  <a:pt x="13014" y="31720"/>
                </a:lnTo>
                <a:lnTo>
                  <a:pt x="12984" y="31871"/>
                </a:lnTo>
                <a:lnTo>
                  <a:pt x="12984" y="32021"/>
                </a:lnTo>
                <a:lnTo>
                  <a:pt x="12984" y="32142"/>
                </a:lnTo>
                <a:lnTo>
                  <a:pt x="13044" y="32443"/>
                </a:lnTo>
                <a:lnTo>
                  <a:pt x="13164" y="32714"/>
                </a:lnTo>
                <a:lnTo>
                  <a:pt x="13285" y="32985"/>
                </a:lnTo>
                <a:lnTo>
                  <a:pt x="13435" y="33196"/>
                </a:lnTo>
                <a:lnTo>
                  <a:pt x="13586" y="33377"/>
                </a:lnTo>
                <a:lnTo>
                  <a:pt x="13737" y="33528"/>
                </a:lnTo>
                <a:lnTo>
                  <a:pt x="13466" y="33889"/>
                </a:lnTo>
                <a:lnTo>
                  <a:pt x="13255" y="34281"/>
                </a:lnTo>
                <a:lnTo>
                  <a:pt x="12984" y="34733"/>
                </a:lnTo>
                <a:lnTo>
                  <a:pt x="12923" y="34853"/>
                </a:lnTo>
                <a:lnTo>
                  <a:pt x="12803" y="35004"/>
                </a:lnTo>
                <a:lnTo>
                  <a:pt x="12502" y="35305"/>
                </a:lnTo>
                <a:lnTo>
                  <a:pt x="12110" y="35606"/>
                </a:lnTo>
                <a:lnTo>
                  <a:pt x="11718" y="35907"/>
                </a:lnTo>
                <a:lnTo>
                  <a:pt x="10995" y="36419"/>
                </a:lnTo>
                <a:lnTo>
                  <a:pt x="10664" y="36630"/>
                </a:lnTo>
                <a:lnTo>
                  <a:pt x="9730" y="36630"/>
                </a:lnTo>
                <a:lnTo>
                  <a:pt x="9007" y="36660"/>
                </a:lnTo>
                <a:lnTo>
                  <a:pt x="8435" y="36721"/>
                </a:lnTo>
                <a:lnTo>
                  <a:pt x="8284" y="36751"/>
                </a:lnTo>
                <a:lnTo>
                  <a:pt x="8164" y="36871"/>
                </a:lnTo>
                <a:lnTo>
                  <a:pt x="8043" y="36992"/>
                </a:lnTo>
                <a:lnTo>
                  <a:pt x="7953" y="37142"/>
                </a:lnTo>
                <a:lnTo>
                  <a:pt x="7863" y="37383"/>
                </a:lnTo>
                <a:lnTo>
                  <a:pt x="7832" y="37504"/>
                </a:lnTo>
                <a:lnTo>
                  <a:pt x="7742" y="37534"/>
                </a:lnTo>
                <a:lnTo>
                  <a:pt x="7441" y="37564"/>
                </a:lnTo>
                <a:lnTo>
                  <a:pt x="7019" y="37564"/>
                </a:lnTo>
                <a:lnTo>
                  <a:pt x="6748" y="37504"/>
                </a:lnTo>
                <a:lnTo>
                  <a:pt x="6447" y="37413"/>
                </a:lnTo>
                <a:lnTo>
                  <a:pt x="6658" y="36932"/>
                </a:lnTo>
                <a:lnTo>
                  <a:pt x="6838" y="36450"/>
                </a:lnTo>
                <a:lnTo>
                  <a:pt x="6989" y="35998"/>
                </a:lnTo>
                <a:lnTo>
                  <a:pt x="7110" y="35576"/>
                </a:lnTo>
                <a:lnTo>
                  <a:pt x="7200" y="35184"/>
                </a:lnTo>
                <a:lnTo>
                  <a:pt x="7290" y="34793"/>
                </a:lnTo>
                <a:lnTo>
                  <a:pt x="7320" y="34431"/>
                </a:lnTo>
                <a:lnTo>
                  <a:pt x="7351" y="34070"/>
                </a:lnTo>
                <a:lnTo>
                  <a:pt x="7351" y="33738"/>
                </a:lnTo>
                <a:lnTo>
                  <a:pt x="7320" y="33407"/>
                </a:lnTo>
                <a:lnTo>
                  <a:pt x="7290" y="33106"/>
                </a:lnTo>
                <a:lnTo>
                  <a:pt x="7230" y="32835"/>
                </a:lnTo>
                <a:lnTo>
                  <a:pt x="7170" y="32564"/>
                </a:lnTo>
                <a:lnTo>
                  <a:pt x="7079" y="32293"/>
                </a:lnTo>
                <a:lnTo>
                  <a:pt x="6959" y="32082"/>
                </a:lnTo>
                <a:lnTo>
                  <a:pt x="6869" y="31841"/>
                </a:lnTo>
                <a:lnTo>
                  <a:pt x="6597" y="31449"/>
                </a:lnTo>
                <a:lnTo>
                  <a:pt x="6296" y="31088"/>
                </a:lnTo>
                <a:lnTo>
                  <a:pt x="5965" y="30786"/>
                </a:lnTo>
                <a:lnTo>
                  <a:pt x="5603" y="30515"/>
                </a:lnTo>
                <a:lnTo>
                  <a:pt x="5242" y="30304"/>
                </a:lnTo>
                <a:lnTo>
                  <a:pt x="4880" y="30124"/>
                </a:lnTo>
                <a:lnTo>
                  <a:pt x="4519" y="29973"/>
                </a:lnTo>
                <a:lnTo>
                  <a:pt x="4218" y="29883"/>
                </a:lnTo>
                <a:lnTo>
                  <a:pt x="4609" y="29009"/>
                </a:lnTo>
                <a:lnTo>
                  <a:pt x="4820" y="28587"/>
                </a:lnTo>
                <a:lnTo>
                  <a:pt x="5031" y="28196"/>
                </a:lnTo>
                <a:lnTo>
                  <a:pt x="5272" y="27834"/>
                </a:lnTo>
                <a:lnTo>
                  <a:pt x="5513" y="27503"/>
                </a:lnTo>
                <a:lnTo>
                  <a:pt x="5754" y="27202"/>
                </a:lnTo>
                <a:lnTo>
                  <a:pt x="5995" y="26961"/>
                </a:lnTo>
                <a:lnTo>
                  <a:pt x="6206" y="26810"/>
                </a:lnTo>
                <a:lnTo>
                  <a:pt x="6447" y="26629"/>
                </a:lnTo>
                <a:lnTo>
                  <a:pt x="6959" y="26358"/>
                </a:lnTo>
                <a:lnTo>
                  <a:pt x="7501" y="26117"/>
                </a:lnTo>
                <a:lnTo>
                  <a:pt x="8013" y="25906"/>
                </a:lnTo>
                <a:lnTo>
                  <a:pt x="8525" y="25756"/>
                </a:lnTo>
                <a:lnTo>
                  <a:pt x="8917" y="25635"/>
                </a:lnTo>
                <a:lnTo>
                  <a:pt x="9278" y="25545"/>
                </a:lnTo>
                <a:close/>
                <a:moveTo>
                  <a:pt x="18767" y="0"/>
                </a:moveTo>
                <a:lnTo>
                  <a:pt x="18315" y="31"/>
                </a:lnTo>
                <a:lnTo>
                  <a:pt x="17833" y="151"/>
                </a:lnTo>
                <a:lnTo>
                  <a:pt x="17321" y="302"/>
                </a:lnTo>
                <a:lnTo>
                  <a:pt x="16749" y="573"/>
                </a:lnTo>
                <a:lnTo>
                  <a:pt x="16267" y="723"/>
                </a:lnTo>
                <a:lnTo>
                  <a:pt x="15875" y="874"/>
                </a:lnTo>
                <a:lnTo>
                  <a:pt x="15574" y="1085"/>
                </a:lnTo>
                <a:lnTo>
                  <a:pt x="15333" y="1266"/>
                </a:lnTo>
                <a:lnTo>
                  <a:pt x="15183" y="1476"/>
                </a:lnTo>
                <a:lnTo>
                  <a:pt x="15062" y="1657"/>
                </a:lnTo>
                <a:lnTo>
                  <a:pt x="15002" y="1838"/>
                </a:lnTo>
                <a:lnTo>
                  <a:pt x="15002" y="1958"/>
                </a:lnTo>
                <a:lnTo>
                  <a:pt x="15303" y="3645"/>
                </a:lnTo>
                <a:lnTo>
                  <a:pt x="15574" y="5061"/>
                </a:lnTo>
                <a:lnTo>
                  <a:pt x="14038" y="6025"/>
                </a:lnTo>
                <a:lnTo>
                  <a:pt x="13767" y="6085"/>
                </a:lnTo>
                <a:lnTo>
                  <a:pt x="13134" y="6176"/>
                </a:lnTo>
                <a:lnTo>
                  <a:pt x="12803" y="6266"/>
                </a:lnTo>
                <a:lnTo>
                  <a:pt x="12502" y="6387"/>
                </a:lnTo>
                <a:lnTo>
                  <a:pt x="12411" y="6447"/>
                </a:lnTo>
                <a:lnTo>
                  <a:pt x="12321" y="6507"/>
                </a:lnTo>
                <a:lnTo>
                  <a:pt x="12261" y="6567"/>
                </a:lnTo>
                <a:lnTo>
                  <a:pt x="12230" y="6628"/>
                </a:lnTo>
                <a:lnTo>
                  <a:pt x="12230" y="6688"/>
                </a:lnTo>
                <a:lnTo>
                  <a:pt x="12291" y="6718"/>
                </a:lnTo>
                <a:lnTo>
                  <a:pt x="12411" y="6778"/>
                </a:lnTo>
                <a:lnTo>
                  <a:pt x="12592" y="6838"/>
                </a:lnTo>
                <a:lnTo>
                  <a:pt x="12833" y="6899"/>
                </a:lnTo>
                <a:lnTo>
                  <a:pt x="13435" y="6989"/>
                </a:lnTo>
                <a:lnTo>
                  <a:pt x="14158" y="7049"/>
                </a:lnTo>
                <a:lnTo>
                  <a:pt x="15484" y="7140"/>
                </a:lnTo>
                <a:lnTo>
                  <a:pt x="16056" y="7170"/>
                </a:lnTo>
                <a:lnTo>
                  <a:pt x="16297" y="7622"/>
                </a:lnTo>
                <a:lnTo>
                  <a:pt x="16538" y="8013"/>
                </a:lnTo>
                <a:lnTo>
                  <a:pt x="16659" y="8164"/>
                </a:lnTo>
                <a:lnTo>
                  <a:pt x="16779" y="8284"/>
                </a:lnTo>
                <a:lnTo>
                  <a:pt x="16990" y="8435"/>
                </a:lnTo>
                <a:lnTo>
                  <a:pt x="17231" y="8555"/>
                </a:lnTo>
                <a:lnTo>
                  <a:pt x="17442" y="8646"/>
                </a:lnTo>
                <a:lnTo>
                  <a:pt x="17653" y="8646"/>
                </a:lnTo>
                <a:lnTo>
                  <a:pt x="17683" y="8676"/>
                </a:lnTo>
                <a:lnTo>
                  <a:pt x="17683" y="8706"/>
                </a:lnTo>
                <a:lnTo>
                  <a:pt x="17623" y="8796"/>
                </a:lnTo>
                <a:lnTo>
                  <a:pt x="17261" y="8857"/>
                </a:lnTo>
                <a:lnTo>
                  <a:pt x="16990" y="8917"/>
                </a:lnTo>
                <a:lnTo>
                  <a:pt x="16869" y="8977"/>
                </a:lnTo>
                <a:lnTo>
                  <a:pt x="16779" y="9037"/>
                </a:lnTo>
                <a:lnTo>
                  <a:pt x="16689" y="9098"/>
                </a:lnTo>
                <a:lnTo>
                  <a:pt x="16598" y="9188"/>
                </a:lnTo>
                <a:lnTo>
                  <a:pt x="16448" y="9429"/>
                </a:lnTo>
                <a:lnTo>
                  <a:pt x="16297" y="9730"/>
                </a:lnTo>
                <a:lnTo>
                  <a:pt x="15936" y="10001"/>
                </a:lnTo>
                <a:lnTo>
                  <a:pt x="15634" y="10242"/>
                </a:lnTo>
                <a:lnTo>
                  <a:pt x="15454" y="10453"/>
                </a:lnTo>
                <a:lnTo>
                  <a:pt x="15032" y="10965"/>
                </a:lnTo>
                <a:lnTo>
                  <a:pt x="14701" y="11387"/>
                </a:lnTo>
                <a:lnTo>
                  <a:pt x="14640" y="11447"/>
                </a:lnTo>
                <a:lnTo>
                  <a:pt x="14520" y="11508"/>
                </a:lnTo>
                <a:lnTo>
                  <a:pt x="14429" y="11568"/>
                </a:lnTo>
                <a:lnTo>
                  <a:pt x="14429" y="11628"/>
                </a:lnTo>
                <a:lnTo>
                  <a:pt x="14399" y="11688"/>
                </a:lnTo>
                <a:lnTo>
                  <a:pt x="14399" y="12140"/>
                </a:lnTo>
                <a:lnTo>
                  <a:pt x="14158" y="12351"/>
                </a:lnTo>
                <a:lnTo>
                  <a:pt x="13917" y="12532"/>
                </a:lnTo>
                <a:lnTo>
                  <a:pt x="13707" y="12743"/>
                </a:lnTo>
                <a:lnTo>
                  <a:pt x="13646" y="12833"/>
                </a:lnTo>
                <a:lnTo>
                  <a:pt x="13586" y="12953"/>
                </a:lnTo>
                <a:lnTo>
                  <a:pt x="13496" y="13194"/>
                </a:lnTo>
                <a:lnTo>
                  <a:pt x="13435" y="13466"/>
                </a:lnTo>
                <a:lnTo>
                  <a:pt x="13014" y="13887"/>
                </a:lnTo>
                <a:lnTo>
                  <a:pt x="12652" y="14219"/>
                </a:lnTo>
                <a:lnTo>
                  <a:pt x="12471" y="14369"/>
                </a:lnTo>
                <a:lnTo>
                  <a:pt x="12321" y="14490"/>
                </a:lnTo>
                <a:lnTo>
                  <a:pt x="11959" y="14701"/>
                </a:lnTo>
                <a:lnTo>
                  <a:pt x="11598" y="15002"/>
                </a:lnTo>
                <a:lnTo>
                  <a:pt x="11267" y="15273"/>
                </a:lnTo>
                <a:lnTo>
                  <a:pt x="11176" y="15393"/>
                </a:lnTo>
                <a:lnTo>
                  <a:pt x="11116" y="15484"/>
                </a:lnTo>
                <a:lnTo>
                  <a:pt x="11086" y="15514"/>
                </a:lnTo>
                <a:lnTo>
                  <a:pt x="10995" y="15544"/>
                </a:lnTo>
                <a:lnTo>
                  <a:pt x="10664" y="15514"/>
                </a:lnTo>
                <a:lnTo>
                  <a:pt x="10453" y="15484"/>
                </a:lnTo>
                <a:lnTo>
                  <a:pt x="10212" y="15484"/>
                </a:lnTo>
                <a:lnTo>
                  <a:pt x="9941" y="15514"/>
                </a:lnTo>
                <a:lnTo>
                  <a:pt x="9670" y="15574"/>
                </a:lnTo>
                <a:lnTo>
                  <a:pt x="9369" y="15665"/>
                </a:lnTo>
                <a:lnTo>
                  <a:pt x="9098" y="15785"/>
                </a:lnTo>
                <a:lnTo>
                  <a:pt x="8857" y="15906"/>
                </a:lnTo>
                <a:lnTo>
                  <a:pt x="8646" y="16056"/>
                </a:lnTo>
                <a:lnTo>
                  <a:pt x="8284" y="16297"/>
                </a:lnTo>
                <a:lnTo>
                  <a:pt x="8194" y="16387"/>
                </a:lnTo>
                <a:lnTo>
                  <a:pt x="8134" y="16478"/>
                </a:lnTo>
                <a:lnTo>
                  <a:pt x="8134" y="16568"/>
                </a:lnTo>
                <a:lnTo>
                  <a:pt x="8164" y="16719"/>
                </a:lnTo>
                <a:lnTo>
                  <a:pt x="8284" y="17080"/>
                </a:lnTo>
                <a:lnTo>
                  <a:pt x="8495" y="17592"/>
                </a:lnTo>
                <a:lnTo>
                  <a:pt x="8194" y="18044"/>
                </a:lnTo>
                <a:lnTo>
                  <a:pt x="7923" y="18406"/>
                </a:lnTo>
                <a:lnTo>
                  <a:pt x="7682" y="18707"/>
                </a:lnTo>
                <a:lnTo>
                  <a:pt x="7561" y="18827"/>
                </a:lnTo>
                <a:lnTo>
                  <a:pt x="7441" y="18948"/>
                </a:lnTo>
                <a:lnTo>
                  <a:pt x="7230" y="19340"/>
                </a:lnTo>
                <a:lnTo>
                  <a:pt x="7019" y="19761"/>
                </a:lnTo>
                <a:lnTo>
                  <a:pt x="6838" y="20213"/>
                </a:lnTo>
                <a:lnTo>
                  <a:pt x="6537" y="21207"/>
                </a:lnTo>
                <a:lnTo>
                  <a:pt x="6447" y="21599"/>
                </a:lnTo>
                <a:lnTo>
                  <a:pt x="6387" y="21870"/>
                </a:lnTo>
                <a:lnTo>
                  <a:pt x="6507" y="22563"/>
                </a:lnTo>
                <a:lnTo>
                  <a:pt x="6597" y="23135"/>
                </a:lnTo>
                <a:lnTo>
                  <a:pt x="6417" y="23195"/>
                </a:lnTo>
                <a:lnTo>
                  <a:pt x="5935" y="23406"/>
                </a:lnTo>
                <a:lnTo>
                  <a:pt x="5212" y="23738"/>
                </a:lnTo>
                <a:lnTo>
                  <a:pt x="4790" y="23979"/>
                </a:lnTo>
                <a:lnTo>
                  <a:pt x="4308" y="24280"/>
                </a:lnTo>
                <a:lnTo>
                  <a:pt x="3856" y="24611"/>
                </a:lnTo>
                <a:lnTo>
                  <a:pt x="3374" y="24973"/>
                </a:lnTo>
                <a:lnTo>
                  <a:pt x="2892" y="25394"/>
                </a:lnTo>
                <a:lnTo>
                  <a:pt x="2410" y="25906"/>
                </a:lnTo>
                <a:lnTo>
                  <a:pt x="1958" y="26419"/>
                </a:lnTo>
                <a:lnTo>
                  <a:pt x="1537" y="27021"/>
                </a:lnTo>
                <a:lnTo>
                  <a:pt x="1145" y="27684"/>
                </a:lnTo>
                <a:lnTo>
                  <a:pt x="964" y="28045"/>
                </a:lnTo>
                <a:lnTo>
                  <a:pt x="814" y="28407"/>
                </a:lnTo>
                <a:lnTo>
                  <a:pt x="513" y="29190"/>
                </a:lnTo>
                <a:lnTo>
                  <a:pt x="302" y="29943"/>
                </a:lnTo>
                <a:lnTo>
                  <a:pt x="151" y="30726"/>
                </a:lnTo>
                <a:lnTo>
                  <a:pt x="61" y="31509"/>
                </a:lnTo>
                <a:lnTo>
                  <a:pt x="0" y="32262"/>
                </a:lnTo>
                <a:lnTo>
                  <a:pt x="31" y="33015"/>
                </a:lnTo>
                <a:lnTo>
                  <a:pt x="91" y="33769"/>
                </a:lnTo>
                <a:lnTo>
                  <a:pt x="211" y="34492"/>
                </a:lnTo>
                <a:lnTo>
                  <a:pt x="392" y="35214"/>
                </a:lnTo>
                <a:lnTo>
                  <a:pt x="633" y="35877"/>
                </a:lnTo>
                <a:lnTo>
                  <a:pt x="904" y="36510"/>
                </a:lnTo>
                <a:lnTo>
                  <a:pt x="1266" y="37112"/>
                </a:lnTo>
                <a:lnTo>
                  <a:pt x="1627" y="37685"/>
                </a:lnTo>
                <a:lnTo>
                  <a:pt x="2079" y="38197"/>
                </a:lnTo>
                <a:lnTo>
                  <a:pt x="2320" y="38408"/>
                </a:lnTo>
                <a:lnTo>
                  <a:pt x="2561" y="38649"/>
                </a:lnTo>
                <a:lnTo>
                  <a:pt x="2832" y="38859"/>
                </a:lnTo>
                <a:lnTo>
                  <a:pt x="3103" y="39040"/>
                </a:lnTo>
                <a:lnTo>
                  <a:pt x="3374" y="39221"/>
                </a:lnTo>
                <a:lnTo>
                  <a:pt x="3706" y="39371"/>
                </a:lnTo>
                <a:lnTo>
                  <a:pt x="4037" y="39522"/>
                </a:lnTo>
                <a:lnTo>
                  <a:pt x="4368" y="39673"/>
                </a:lnTo>
                <a:lnTo>
                  <a:pt x="5121" y="39884"/>
                </a:lnTo>
                <a:lnTo>
                  <a:pt x="5935" y="40064"/>
                </a:lnTo>
                <a:lnTo>
                  <a:pt x="6778" y="40185"/>
                </a:lnTo>
                <a:lnTo>
                  <a:pt x="7622" y="40245"/>
                </a:lnTo>
                <a:lnTo>
                  <a:pt x="8525" y="40275"/>
                </a:lnTo>
                <a:lnTo>
                  <a:pt x="9399" y="40245"/>
                </a:lnTo>
                <a:lnTo>
                  <a:pt x="10303" y="40155"/>
                </a:lnTo>
                <a:lnTo>
                  <a:pt x="11146" y="40034"/>
                </a:lnTo>
                <a:lnTo>
                  <a:pt x="11989" y="39853"/>
                </a:lnTo>
                <a:lnTo>
                  <a:pt x="12773" y="39612"/>
                </a:lnTo>
                <a:lnTo>
                  <a:pt x="13496" y="39371"/>
                </a:lnTo>
                <a:lnTo>
                  <a:pt x="14158" y="39040"/>
                </a:lnTo>
                <a:lnTo>
                  <a:pt x="14460" y="38890"/>
                </a:lnTo>
                <a:lnTo>
                  <a:pt x="14731" y="38709"/>
                </a:lnTo>
                <a:lnTo>
                  <a:pt x="14972" y="38528"/>
                </a:lnTo>
                <a:lnTo>
                  <a:pt x="15213" y="38317"/>
                </a:lnTo>
                <a:lnTo>
                  <a:pt x="16357" y="38317"/>
                </a:lnTo>
                <a:lnTo>
                  <a:pt x="17291" y="38287"/>
                </a:lnTo>
                <a:lnTo>
                  <a:pt x="17683" y="38257"/>
                </a:lnTo>
                <a:lnTo>
                  <a:pt x="17954" y="38227"/>
                </a:lnTo>
                <a:lnTo>
                  <a:pt x="18165" y="38167"/>
                </a:lnTo>
                <a:lnTo>
                  <a:pt x="18225" y="38136"/>
                </a:lnTo>
                <a:lnTo>
                  <a:pt x="18285" y="38106"/>
                </a:lnTo>
                <a:lnTo>
                  <a:pt x="18285" y="37926"/>
                </a:lnTo>
                <a:lnTo>
                  <a:pt x="18285" y="37594"/>
                </a:lnTo>
                <a:lnTo>
                  <a:pt x="18225" y="36600"/>
                </a:lnTo>
                <a:lnTo>
                  <a:pt x="18105" y="35245"/>
                </a:lnTo>
                <a:lnTo>
                  <a:pt x="17954" y="33889"/>
                </a:lnTo>
                <a:lnTo>
                  <a:pt x="17984" y="33618"/>
                </a:lnTo>
                <a:lnTo>
                  <a:pt x="18074" y="32895"/>
                </a:lnTo>
                <a:lnTo>
                  <a:pt x="18105" y="32413"/>
                </a:lnTo>
                <a:lnTo>
                  <a:pt x="18105" y="31901"/>
                </a:lnTo>
                <a:lnTo>
                  <a:pt x="18105" y="31359"/>
                </a:lnTo>
                <a:lnTo>
                  <a:pt x="18074" y="30816"/>
                </a:lnTo>
                <a:lnTo>
                  <a:pt x="17954" y="30244"/>
                </a:lnTo>
                <a:lnTo>
                  <a:pt x="17803" y="29612"/>
                </a:lnTo>
                <a:lnTo>
                  <a:pt x="17592" y="28979"/>
                </a:lnTo>
                <a:lnTo>
                  <a:pt x="17351" y="28346"/>
                </a:lnTo>
                <a:lnTo>
                  <a:pt x="16960" y="27352"/>
                </a:lnTo>
                <a:lnTo>
                  <a:pt x="16779" y="26931"/>
                </a:lnTo>
                <a:lnTo>
                  <a:pt x="16990" y="27051"/>
                </a:lnTo>
                <a:lnTo>
                  <a:pt x="17532" y="27262"/>
                </a:lnTo>
                <a:lnTo>
                  <a:pt x="17894" y="27382"/>
                </a:lnTo>
                <a:lnTo>
                  <a:pt x="18255" y="27473"/>
                </a:lnTo>
                <a:lnTo>
                  <a:pt x="18647" y="27533"/>
                </a:lnTo>
                <a:lnTo>
                  <a:pt x="19038" y="27533"/>
                </a:lnTo>
                <a:lnTo>
                  <a:pt x="18978" y="27714"/>
                </a:lnTo>
                <a:lnTo>
                  <a:pt x="18948" y="27895"/>
                </a:lnTo>
                <a:lnTo>
                  <a:pt x="18918" y="28256"/>
                </a:lnTo>
                <a:lnTo>
                  <a:pt x="18948" y="28618"/>
                </a:lnTo>
                <a:lnTo>
                  <a:pt x="19038" y="28949"/>
                </a:lnTo>
                <a:lnTo>
                  <a:pt x="19249" y="29581"/>
                </a:lnTo>
                <a:lnTo>
                  <a:pt x="19340" y="29883"/>
                </a:lnTo>
                <a:lnTo>
                  <a:pt x="19400" y="30094"/>
                </a:lnTo>
                <a:lnTo>
                  <a:pt x="19460" y="30335"/>
                </a:lnTo>
                <a:lnTo>
                  <a:pt x="19550" y="30636"/>
                </a:lnTo>
                <a:lnTo>
                  <a:pt x="19701" y="30967"/>
                </a:lnTo>
                <a:lnTo>
                  <a:pt x="19852" y="31298"/>
                </a:lnTo>
                <a:lnTo>
                  <a:pt x="20063" y="31600"/>
                </a:lnTo>
                <a:lnTo>
                  <a:pt x="20304" y="31871"/>
                </a:lnTo>
                <a:lnTo>
                  <a:pt x="20424" y="31991"/>
                </a:lnTo>
                <a:lnTo>
                  <a:pt x="20545" y="32112"/>
                </a:lnTo>
                <a:lnTo>
                  <a:pt x="20695" y="32172"/>
                </a:lnTo>
                <a:lnTo>
                  <a:pt x="20846" y="32232"/>
                </a:lnTo>
                <a:lnTo>
                  <a:pt x="22744" y="32865"/>
                </a:lnTo>
                <a:lnTo>
                  <a:pt x="23828" y="33196"/>
                </a:lnTo>
                <a:lnTo>
                  <a:pt x="24641" y="33437"/>
                </a:lnTo>
                <a:lnTo>
                  <a:pt x="24912" y="33528"/>
                </a:lnTo>
                <a:lnTo>
                  <a:pt x="25153" y="33618"/>
                </a:lnTo>
                <a:lnTo>
                  <a:pt x="25605" y="33829"/>
                </a:lnTo>
                <a:lnTo>
                  <a:pt x="25876" y="33979"/>
                </a:lnTo>
                <a:lnTo>
                  <a:pt x="25997" y="34040"/>
                </a:lnTo>
                <a:lnTo>
                  <a:pt x="27563" y="36028"/>
                </a:lnTo>
                <a:lnTo>
                  <a:pt x="27624" y="37233"/>
                </a:lnTo>
                <a:lnTo>
                  <a:pt x="27624" y="38167"/>
                </a:lnTo>
                <a:lnTo>
                  <a:pt x="27593" y="38588"/>
                </a:lnTo>
                <a:lnTo>
                  <a:pt x="27563" y="38890"/>
                </a:lnTo>
                <a:lnTo>
                  <a:pt x="27533" y="39100"/>
                </a:lnTo>
                <a:lnTo>
                  <a:pt x="27503" y="39281"/>
                </a:lnTo>
                <a:lnTo>
                  <a:pt x="27533" y="39432"/>
                </a:lnTo>
                <a:lnTo>
                  <a:pt x="27563" y="39582"/>
                </a:lnTo>
                <a:lnTo>
                  <a:pt x="27654" y="39703"/>
                </a:lnTo>
                <a:lnTo>
                  <a:pt x="27804" y="39793"/>
                </a:lnTo>
                <a:lnTo>
                  <a:pt x="27985" y="39884"/>
                </a:lnTo>
                <a:lnTo>
                  <a:pt x="28256" y="39914"/>
                </a:lnTo>
                <a:lnTo>
                  <a:pt x="28587" y="39944"/>
                </a:lnTo>
                <a:lnTo>
                  <a:pt x="29009" y="39944"/>
                </a:lnTo>
                <a:lnTo>
                  <a:pt x="29461" y="39914"/>
                </a:lnTo>
                <a:lnTo>
                  <a:pt x="29913" y="39853"/>
                </a:lnTo>
                <a:lnTo>
                  <a:pt x="30365" y="39763"/>
                </a:lnTo>
                <a:lnTo>
                  <a:pt x="30726" y="39643"/>
                </a:lnTo>
                <a:lnTo>
                  <a:pt x="30997" y="39522"/>
                </a:lnTo>
                <a:lnTo>
                  <a:pt x="31088" y="39462"/>
                </a:lnTo>
                <a:lnTo>
                  <a:pt x="31148" y="39402"/>
                </a:lnTo>
                <a:lnTo>
                  <a:pt x="31208" y="39251"/>
                </a:lnTo>
                <a:lnTo>
                  <a:pt x="31268" y="39040"/>
                </a:lnTo>
                <a:lnTo>
                  <a:pt x="31359" y="38498"/>
                </a:lnTo>
                <a:lnTo>
                  <a:pt x="31359" y="38227"/>
                </a:lnTo>
                <a:lnTo>
                  <a:pt x="31389" y="37956"/>
                </a:lnTo>
                <a:lnTo>
                  <a:pt x="31359" y="37685"/>
                </a:lnTo>
                <a:lnTo>
                  <a:pt x="31299" y="37444"/>
                </a:lnTo>
                <a:lnTo>
                  <a:pt x="31268" y="37203"/>
                </a:lnTo>
                <a:lnTo>
                  <a:pt x="31208" y="36932"/>
                </a:lnTo>
                <a:lnTo>
                  <a:pt x="31178" y="36419"/>
                </a:lnTo>
                <a:lnTo>
                  <a:pt x="31148" y="35847"/>
                </a:lnTo>
                <a:lnTo>
                  <a:pt x="31871" y="35666"/>
                </a:lnTo>
                <a:lnTo>
                  <a:pt x="32202" y="34220"/>
                </a:lnTo>
                <a:lnTo>
                  <a:pt x="32082" y="34010"/>
                </a:lnTo>
                <a:lnTo>
                  <a:pt x="31781" y="33588"/>
                </a:lnTo>
                <a:lnTo>
                  <a:pt x="31600" y="33347"/>
                </a:lnTo>
                <a:lnTo>
                  <a:pt x="31389" y="33076"/>
                </a:lnTo>
                <a:lnTo>
                  <a:pt x="31178" y="32865"/>
                </a:lnTo>
                <a:lnTo>
                  <a:pt x="30997" y="32714"/>
                </a:lnTo>
                <a:lnTo>
                  <a:pt x="30786" y="32564"/>
                </a:lnTo>
                <a:lnTo>
                  <a:pt x="30576" y="32383"/>
                </a:lnTo>
                <a:lnTo>
                  <a:pt x="30154" y="31931"/>
                </a:lnTo>
                <a:lnTo>
                  <a:pt x="29823" y="31509"/>
                </a:lnTo>
                <a:lnTo>
                  <a:pt x="29702" y="31359"/>
                </a:lnTo>
                <a:lnTo>
                  <a:pt x="28648" y="30335"/>
                </a:lnTo>
                <a:lnTo>
                  <a:pt x="31058" y="29792"/>
                </a:lnTo>
                <a:lnTo>
                  <a:pt x="31148" y="30063"/>
                </a:lnTo>
                <a:lnTo>
                  <a:pt x="31238" y="30335"/>
                </a:lnTo>
                <a:lnTo>
                  <a:pt x="31359" y="30666"/>
                </a:lnTo>
                <a:lnTo>
                  <a:pt x="31509" y="31027"/>
                </a:lnTo>
                <a:lnTo>
                  <a:pt x="31720" y="31329"/>
                </a:lnTo>
                <a:lnTo>
                  <a:pt x="31811" y="31449"/>
                </a:lnTo>
                <a:lnTo>
                  <a:pt x="31931" y="31570"/>
                </a:lnTo>
                <a:lnTo>
                  <a:pt x="32052" y="31660"/>
                </a:lnTo>
                <a:lnTo>
                  <a:pt x="32202" y="31720"/>
                </a:lnTo>
                <a:lnTo>
                  <a:pt x="32413" y="31720"/>
                </a:lnTo>
                <a:lnTo>
                  <a:pt x="32503" y="31690"/>
                </a:lnTo>
                <a:lnTo>
                  <a:pt x="32594" y="31630"/>
                </a:lnTo>
                <a:lnTo>
                  <a:pt x="32624" y="31539"/>
                </a:lnTo>
                <a:lnTo>
                  <a:pt x="32684" y="31449"/>
                </a:lnTo>
                <a:lnTo>
                  <a:pt x="32714" y="31208"/>
                </a:lnTo>
                <a:lnTo>
                  <a:pt x="32744" y="30967"/>
                </a:lnTo>
                <a:lnTo>
                  <a:pt x="32744" y="30756"/>
                </a:lnTo>
                <a:lnTo>
                  <a:pt x="32714" y="30545"/>
                </a:lnTo>
                <a:lnTo>
                  <a:pt x="33648" y="29340"/>
                </a:lnTo>
                <a:lnTo>
                  <a:pt x="34341" y="28407"/>
                </a:lnTo>
                <a:lnTo>
                  <a:pt x="34582" y="28015"/>
                </a:lnTo>
                <a:lnTo>
                  <a:pt x="34733" y="27744"/>
                </a:lnTo>
                <a:lnTo>
                  <a:pt x="34763" y="27623"/>
                </a:lnTo>
                <a:lnTo>
                  <a:pt x="34733" y="27473"/>
                </a:lnTo>
                <a:lnTo>
                  <a:pt x="34702" y="27322"/>
                </a:lnTo>
                <a:lnTo>
                  <a:pt x="34612" y="27172"/>
                </a:lnTo>
                <a:lnTo>
                  <a:pt x="34431" y="26810"/>
                </a:lnTo>
                <a:lnTo>
                  <a:pt x="34190" y="26479"/>
                </a:lnTo>
                <a:lnTo>
                  <a:pt x="33708" y="25876"/>
                </a:lnTo>
                <a:lnTo>
                  <a:pt x="33467" y="25635"/>
                </a:lnTo>
                <a:lnTo>
                  <a:pt x="33799" y="23918"/>
                </a:lnTo>
                <a:lnTo>
                  <a:pt x="33407" y="22954"/>
                </a:lnTo>
                <a:lnTo>
                  <a:pt x="33166" y="22412"/>
                </a:lnTo>
                <a:lnTo>
                  <a:pt x="33196" y="22231"/>
                </a:lnTo>
                <a:lnTo>
                  <a:pt x="33287" y="21810"/>
                </a:lnTo>
                <a:lnTo>
                  <a:pt x="33317" y="21539"/>
                </a:lnTo>
                <a:lnTo>
                  <a:pt x="33317" y="21267"/>
                </a:lnTo>
                <a:lnTo>
                  <a:pt x="33287" y="20996"/>
                </a:lnTo>
                <a:lnTo>
                  <a:pt x="33196" y="20755"/>
                </a:lnTo>
                <a:lnTo>
                  <a:pt x="32865" y="20002"/>
                </a:lnTo>
                <a:lnTo>
                  <a:pt x="32413" y="18737"/>
                </a:lnTo>
                <a:lnTo>
                  <a:pt x="31389" y="16086"/>
                </a:lnTo>
                <a:lnTo>
                  <a:pt x="31148" y="15544"/>
                </a:lnTo>
                <a:lnTo>
                  <a:pt x="30877" y="14972"/>
                </a:lnTo>
                <a:lnTo>
                  <a:pt x="30244" y="13797"/>
                </a:lnTo>
                <a:lnTo>
                  <a:pt x="29551" y="12622"/>
                </a:lnTo>
                <a:lnTo>
                  <a:pt x="28889" y="11477"/>
                </a:lnTo>
                <a:lnTo>
                  <a:pt x="28708" y="11206"/>
                </a:lnTo>
                <a:lnTo>
                  <a:pt x="28527" y="10935"/>
                </a:lnTo>
                <a:lnTo>
                  <a:pt x="28075" y="10393"/>
                </a:lnTo>
                <a:lnTo>
                  <a:pt x="27593" y="9881"/>
                </a:lnTo>
                <a:lnTo>
                  <a:pt x="27142" y="9429"/>
                </a:lnTo>
                <a:lnTo>
                  <a:pt x="26690" y="9068"/>
                </a:lnTo>
                <a:lnTo>
                  <a:pt x="26328" y="8766"/>
                </a:lnTo>
                <a:lnTo>
                  <a:pt x="25997" y="8495"/>
                </a:lnTo>
                <a:lnTo>
                  <a:pt x="24912" y="8164"/>
                </a:lnTo>
                <a:lnTo>
                  <a:pt x="23226" y="7381"/>
                </a:lnTo>
                <a:lnTo>
                  <a:pt x="23015" y="6808"/>
                </a:lnTo>
                <a:lnTo>
                  <a:pt x="23376" y="6628"/>
                </a:lnTo>
                <a:lnTo>
                  <a:pt x="23768" y="6417"/>
                </a:lnTo>
                <a:lnTo>
                  <a:pt x="24189" y="6176"/>
                </a:lnTo>
                <a:lnTo>
                  <a:pt x="24641" y="5874"/>
                </a:lnTo>
                <a:lnTo>
                  <a:pt x="25063" y="5543"/>
                </a:lnTo>
                <a:lnTo>
                  <a:pt x="25244" y="5362"/>
                </a:lnTo>
                <a:lnTo>
                  <a:pt x="25394" y="5152"/>
                </a:lnTo>
                <a:lnTo>
                  <a:pt x="25515" y="4971"/>
                </a:lnTo>
                <a:lnTo>
                  <a:pt x="25605" y="4790"/>
                </a:lnTo>
                <a:lnTo>
                  <a:pt x="25665" y="4429"/>
                </a:lnTo>
                <a:lnTo>
                  <a:pt x="25696" y="4097"/>
                </a:lnTo>
                <a:lnTo>
                  <a:pt x="25696" y="3826"/>
                </a:lnTo>
                <a:lnTo>
                  <a:pt x="25665" y="3585"/>
                </a:lnTo>
                <a:lnTo>
                  <a:pt x="25605" y="3404"/>
                </a:lnTo>
                <a:lnTo>
                  <a:pt x="25575" y="3254"/>
                </a:lnTo>
                <a:lnTo>
                  <a:pt x="25515" y="3133"/>
                </a:lnTo>
                <a:lnTo>
                  <a:pt x="25635" y="2109"/>
                </a:lnTo>
                <a:lnTo>
                  <a:pt x="25575" y="2019"/>
                </a:lnTo>
                <a:lnTo>
                  <a:pt x="25455" y="1838"/>
                </a:lnTo>
                <a:lnTo>
                  <a:pt x="25334" y="1717"/>
                </a:lnTo>
                <a:lnTo>
                  <a:pt x="25184" y="1597"/>
                </a:lnTo>
                <a:lnTo>
                  <a:pt x="25003" y="1507"/>
                </a:lnTo>
                <a:lnTo>
                  <a:pt x="24792" y="1386"/>
                </a:lnTo>
                <a:lnTo>
                  <a:pt x="24551" y="1326"/>
                </a:lnTo>
                <a:lnTo>
                  <a:pt x="24280" y="1296"/>
                </a:lnTo>
                <a:lnTo>
                  <a:pt x="23979" y="1266"/>
                </a:lnTo>
                <a:lnTo>
                  <a:pt x="23617" y="1326"/>
                </a:lnTo>
                <a:lnTo>
                  <a:pt x="23256" y="1416"/>
                </a:lnTo>
                <a:lnTo>
                  <a:pt x="22834" y="1567"/>
                </a:lnTo>
                <a:lnTo>
                  <a:pt x="22352" y="1778"/>
                </a:lnTo>
                <a:lnTo>
                  <a:pt x="21840" y="2109"/>
                </a:lnTo>
                <a:lnTo>
                  <a:pt x="21569" y="1657"/>
                </a:lnTo>
                <a:lnTo>
                  <a:pt x="21237" y="1205"/>
                </a:lnTo>
                <a:lnTo>
                  <a:pt x="21027" y="964"/>
                </a:lnTo>
                <a:lnTo>
                  <a:pt x="20786" y="723"/>
                </a:lnTo>
                <a:lnTo>
                  <a:pt x="20514" y="543"/>
                </a:lnTo>
                <a:lnTo>
                  <a:pt x="20243" y="362"/>
                </a:lnTo>
                <a:lnTo>
                  <a:pt x="19912" y="211"/>
                </a:lnTo>
                <a:lnTo>
                  <a:pt x="19581" y="91"/>
                </a:lnTo>
                <a:lnTo>
                  <a:pt x="19189" y="0"/>
                </a:lnTo>
                <a:close/>
              </a:path>
            </a:pathLst>
          </a:custGeom>
          <a:solidFill>
            <a:schemeClr val="dk1"/>
          </a:solidFill>
          <a:ln>
            <a:noFill/>
          </a:ln>
        </p:spPr>
        <p:txBody>
          <a:bodyPr spcFirstLastPara="1" wrap="square" lIns="203167" tIns="203167" rIns="203167" bIns="203167" anchor="ctr" anchorCtr="0">
            <a:noAutofit/>
          </a:bodyPr>
          <a:lstStyle/>
          <a:p>
            <a:pPr defTabSz="2031980" eaLnBrk="1" fontAlgn="auto" hangingPunct="1">
              <a:spcBef>
                <a:spcPts val="0"/>
              </a:spcBef>
              <a:spcAft>
                <a:spcPts val="0"/>
              </a:spcAft>
              <a:buClr>
                <a:srgbClr val="000000"/>
              </a:buClr>
            </a:pPr>
            <a:endParaRPr sz="3111" kern="0">
              <a:solidFill>
                <a:srgbClr val="000000"/>
              </a:solidFill>
              <a:latin typeface="Arial"/>
              <a:cs typeface="Arial"/>
              <a:sym typeface="Arial"/>
            </a:endParaRPr>
          </a:p>
        </p:txBody>
      </p:sp>
      <p:sp>
        <p:nvSpPr>
          <p:cNvPr id="642" name="Google Shape;642;p42"/>
          <p:cNvSpPr/>
          <p:nvPr/>
        </p:nvSpPr>
        <p:spPr>
          <a:xfrm>
            <a:off x="16375229" y="7324186"/>
            <a:ext cx="1513156" cy="2303865"/>
          </a:xfrm>
          <a:custGeom>
            <a:avLst/>
            <a:gdLst/>
            <a:ahLst/>
            <a:cxnLst/>
            <a:rect l="l" t="t" r="r" b="b"/>
            <a:pathLst>
              <a:path w="43672" h="66493" extrusionOk="0">
                <a:moveTo>
                  <a:pt x="9077" y="31727"/>
                </a:moveTo>
                <a:lnTo>
                  <a:pt x="9163" y="31855"/>
                </a:lnTo>
                <a:lnTo>
                  <a:pt x="9206" y="31983"/>
                </a:lnTo>
                <a:lnTo>
                  <a:pt x="9291" y="32283"/>
                </a:lnTo>
                <a:lnTo>
                  <a:pt x="9334" y="32540"/>
                </a:lnTo>
                <a:lnTo>
                  <a:pt x="9334" y="32797"/>
                </a:lnTo>
                <a:lnTo>
                  <a:pt x="9420" y="32968"/>
                </a:lnTo>
                <a:lnTo>
                  <a:pt x="9505" y="33182"/>
                </a:lnTo>
                <a:lnTo>
                  <a:pt x="9634" y="33653"/>
                </a:lnTo>
                <a:lnTo>
                  <a:pt x="9677" y="33910"/>
                </a:lnTo>
                <a:lnTo>
                  <a:pt x="9677" y="34124"/>
                </a:lnTo>
                <a:lnTo>
                  <a:pt x="8992" y="33824"/>
                </a:lnTo>
                <a:lnTo>
                  <a:pt x="8264" y="33568"/>
                </a:lnTo>
                <a:lnTo>
                  <a:pt x="7579" y="33396"/>
                </a:lnTo>
                <a:lnTo>
                  <a:pt x="7193" y="33311"/>
                </a:lnTo>
                <a:lnTo>
                  <a:pt x="6765" y="33311"/>
                </a:lnTo>
                <a:lnTo>
                  <a:pt x="7108" y="33097"/>
                </a:lnTo>
                <a:lnTo>
                  <a:pt x="7750" y="32797"/>
                </a:lnTo>
                <a:lnTo>
                  <a:pt x="8050" y="32626"/>
                </a:lnTo>
                <a:lnTo>
                  <a:pt x="8349" y="32412"/>
                </a:lnTo>
                <a:lnTo>
                  <a:pt x="8735" y="32112"/>
                </a:lnTo>
                <a:lnTo>
                  <a:pt x="8949" y="31941"/>
                </a:lnTo>
                <a:lnTo>
                  <a:pt x="9077" y="31727"/>
                </a:lnTo>
                <a:close/>
                <a:moveTo>
                  <a:pt x="7022" y="33739"/>
                </a:moveTo>
                <a:lnTo>
                  <a:pt x="7365" y="33782"/>
                </a:lnTo>
                <a:lnTo>
                  <a:pt x="7707" y="33824"/>
                </a:lnTo>
                <a:lnTo>
                  <a:pt x="8135" y="33953"/>
                </a:lnTo>
                <a:lnTo>
                  <a:pt x="8863" y="34253"/>
                </a:lnTo>
                <a:lnTo>
                  <a:pt x="9591" y="34552"/>
                </a:lnTo>
                <a:lnTo>
                  <a:pt x="9463" y="34895"/>
                </a:lnTo>
                <a:lnTo>
                  <a:pt x="9248" y="35237"/>
                </a:lnTo>
                <a:lnTo>
                  <a:pt x="8992" y="35537"/>
                </a:lnTo>
                <a:lnTo>
                  <a:pt x="8521" y="36179"/>
                </a:lnTo>
                <a:lnTo>
                  <a:pt x="8092" y="35922"/>
                </a:lnTo>
                <a:lnTo>
                  <a:pt x="7621" y="35623"/>
                </a:lnTo>
                <a:lnTo>
                  <a:pt x="7407" y="35451"/>
                </a:lnTo>
                <a:lnTo>
                  <a:pt x="7108" y="35237"/>
                </a:lnTo>
                <a:lnTo>
                  <a:pt x="7022" y="35023"/>
                </a:lnTo>
                <a:lnTo>
                  <a:pt x="6936" y="34852"/>
                </a:lnTo>
                <a:lnTo>
                  <a:pt x="6894" y="34724"/>
                </a:lnTo>
                <a:lnTo>
                  <a:pt x="6894" y="34595"/>
                </a:lnTo>
                <a:lnTo>
                  <a:pt x="6851" y="34338"/>
                </a:lnTo>
                <a:lnTo>
                  <a:pt x="6808" y="34253"/>
                </a:lnTo>
                <a:lnTo>
                  <a:pt x="6765" y="34124"/>
                </a:lnTo>
                <a:lnTo>
                  <a:pt x="6594" y="33953"/>
                </a:lnTo>
                <a:lnTo>
                  <a:pt x="6465" y="33782"/>
                </a:lnTo>
                <a:lnTo>
                  <a:pt x="6679" y="33739"/>
                </a:lnTo>
                <a:close/>
                <a:moveTo>
                  <a:pt x="7193" y="35837"/>
                </a:moveTo>
                <a:lnTo>
                  <a:pt x="7365" y="35965"/>
                </a:lnTo>
                <a:lnTo>
                  <a:pt x="7836" y="36265"/>
                </a:lnTo>
                <a:lnTo>
                  <a:pt x="8306" y="36565"/>
                </a:lnTo>
                <a:lnTo>
                  <a:pt x="8135" y="36950"/>
                </a:lnTo>
                <a:lnTo>
                  <a:pt x="7836" y="36693"/>
                </a:lnTo>
                <a:lnTo>
                  <a:pt x="7493" y="36308"/>
                </a:lnTo>
                <a:lnTo>
                  <a:pt x="7236" y="35880"/>
                </a:lnTo>
                <a:lnTo>
                  <a:pt x="7193" y="35837"/>
                </a:lnTo>
                <a:close/>
                <a:moveTo>
                  <a:pt x="6765" y="35922"/>
                </a:moveTo>
                <a:lnTo>
                  <a:pt x="6894" y="36094"/>
                </a:lnTo>
                <a:lnTo>
                  <a:pt x="7150" y="36565"/>
                </a:lnTo>
                <a:lnTo>
                  <a:pt x="7493" y="36950"/>
                </a:lnTo>
                <a:lnTo>
                  <a:pt x="7750" y="37207"/>
                </a:lnTo>
                <a:lnTo>
                  <a:pt x="7964" y="37378"/>
                </a:lnTo>
                <a:lnTo>
                  <a:pt x="7836" y="37978"/>
                </a:lnTo>
                <a:lnTo>
                  <a:pt x="7836" y="38020"/>
                </a:lnTo>
                <a:lnTo>
                  <a:pt x="7536" y="37678"/>
                </a:lnTo>
                <a:lnTo>
                  <a:pt x="7322" y="37293"/>
                </a:lnTo>
                <a:lnTo>
                  <a:pt x="6936" y="36522"/>
                </a:lnTo>
                <a:lnTo>
                  <a:pt x="6851" y="36393"/>
                </a:lnTo>
                <a:lnTo>
                  <a:pt x="6637" y="35922"/>
                </a:lnTo>
                <a:close/>
                <a:moveTo>
                  <a:pt x="6979" y="46626"/>
                </a:moveTo>
                <a:lnTo>
                  <a:pt x="7065" y="46712"/>
                </a:lnTo>
                <a:lnTo>
                  <a:pt x="7065" y="46840"/>
                </a:lnTo>
                <a:lnTo>
                  <a:pt x="7065" y="47054"/>
                </a:lnTo>
                <a:lnTo>
                  <a:pt x="6979" y="47183"/>
                </a:lnTo>
                <a:lnTo>
                  <a:pt x="6765" y="47525"/>
                </a:lnTo>
                <a:lnTo>
                  <a:pt x="6637" y="47782"/>
                </a:lnTo>
                <a:lnTo>
                  <a:pt x="6551" y="47996"/>
                </a:lnTo>
                <a:lnTo>
                  <a:pt x="6465" y="48253"/>
                </a:lnTo>
                <a:lnTo>
                  <a:pt x="6380" y="48339"/>
                </a:lnTo>
                <a:lnTo>
                  <a:pt x="6251" y="48424"/>
                </a:lnTo>
                <a:lnTo>
                  <a:pt x="6080" y="48553"/>
                </a:lnTo>
                <a:lnTo>
                  <a:pt x="6080" y="48553"/>
                </a:lnTo>
                <a:lnTo>
                  <a:pt x="6123" y="48210"/>
                </a:lnTo>
                <a:lnTo>
                  <a:pt x="6209" y="47868"/>
                </a:lnTo>
                <a:lnTo>
                  <a:pt x="6294" y="47525"/>
                </a:lnTo>
                <a:lnTo>
                  <a:pt x="6465" y="47183"/>
                </a:lnTo>
                <a:lnTo>
                  <a:pt x="6722" y="46883"/>
                </a:lnTo>
                <a:lnTo>
                  <a:pt x="6979" y="46626"/>
                </a:lnTo>
                <a:close/>
                <a:moveTo>
                  <a:pt x="22221" y="50651"/>
                </a:moveTo>
                <a:lnTo>
                  <a:pt x="22307" y="50694"/>
                </a:lnTo>
                <a:lnTo>
                  <a:pt x="22393" y="50779"/>
                </a:lnTo>
                <a:lnTo>
                  <a:pt x="22692" y="50908"/>
                </a:lnTo>
                <a:lnTo>
                  <a:pt x="23035" y="51036"/>
                </a:lnTo>
                <a:lnTo>
                  <a:pt x="23163" y="51079"/>
                </a:lnTo>
                <a:lnTo>
                  <a:pt x="23292" y="51122"/>
                </a:lnTo>
                <a:lnTo>
                  <a:pt x="23506" y="51336"/>
                </a:lnTo>
                <a:lnTo>
                  <a:pt x="24020" y="51678"/>
                </a:lnTo>
                <a:lnTo>
                  <a:pt x="24234" y="51893"/>
                </a:lnTo>
                <a:lnTo>
                  <a:pt x="24448" y="52149"/>
                </a:lnTo>
                <a:lnTo>
                  <a:pt x="24619" y="52535"/>
                </a:lnTo>
                <a:lnTo>
                  <a:pt x="24790" y="52920"/>
                </a:lnTo>
                <a:lnTo>
                  <a:pt x="24876" y="53348"/>
                </a:lnTo>
                <a:lnTo>
                  <a:pt x="24962" y="53776"/>
                </a:lnTo>
                <a:lnTo>
                  <a:pt x="25133" y="54718"/>
                </a:lnTo>
                <a:lnTo>
                  <a:pt x="25219" y="55232"/>
                </a:lnTo>
                <a:lnTo>
                  <a:pt x="25390" y="55703"/>
                </a:lnTo>
                <a:lnTo>
                  <a:pt x="25433" y="55874"/>
                </a:lnTo>
                <a:lnTo>
                  <a:pt x="25390" y="55832"/>
                </a:lnTo>
                <a:lnTo>
                  <a:pt x="25261" y="55703"/>
                </a:lnTo>
                <a:lnTo>
                  <a:pt x="25176" y="55575"/>
                </a:lnTo>
                <a:lnTo>
                  <a:pt x="25047" y="55489"/>
                </a:lnTo>
                <a:lnTo>
                  <a:pt x="24962" y="55403"/>
                </a:lnTo>
                <a:lnTo>
                  <a:pt x="24705" y="55361"/>
                </a:lnTo>
                <a:lnTo>
                  <a:pt x="24448" y="55318"/>
                </a:lnTo>
                <a:lnTo>
                  <a:pt x="24234" y="55232"/>
                </a:lnTo>
                <a:lnTo>
                  <a:pt x="24105" y="55146"/>
                </a:lnTo>
                <a:lnTo>
                  <a:pt x="24020" y="55018"/>
                </a:lnTo>
                <a:lnTo>
                  <a:pt x="23891" y="54890"/>
                </a:lnTo>
                <a:lnTo>
                  <a:pt x="23806" y="54761"/>
                </a:lnTo>
                <a:lnTo>
                  <a:pt x="23677" y="54718"/>
                </a:lnTo>
                <a:lnTo>
                  <a:pt x="23549" y="54676"/>
                </a:lnTo>
                <a:lnTo>
                  <a:pt x="23249" y="54547"/>
                </a:lnTo>
                <a:lnTo>
                  <a:pt x="23078" y="54419"/>
                </a:lnTo>
                <a:lnTo>
                  <a:pt x="22949" y="54290"/>
                </a:lnTo>
                <a:lnTo>
                  <a:pt x="22692" y="53948"/>
                </a:lnTo>
                <a:lnTo>
                  <a:pt x="22436" y="53605"/>
                </a:lnTo>
                <a:lnTo>
                  <a:pt x="22179" y="53263"/>
                </a:lnTo>
                <a:lnTo>
                  <a:pt x="22093" y="53049"/>
                </a:lnTo>
                <a:lnTo>
                  <a:pt x="22007" y="52834"/>
                </a:lnTo>
                <a:lnTo>
                  <a:pt x="22007" y="52663"/>
                </a:lnTo>
                <a:lnTo>
                  <a:pt x="22007" y="52449"/>
                </a:lnTo>
                <a:lnTo>
                  <a:pt x="22050" y="52021"/>
                </a:lnTo>
                <a:lnTo>
                  <a:pt x="22136" y="51593"/>
                </a:lnTo>
                <a:lnTo>
                  <a:pt x="22221" y="51122"/>
                </a:lnTo>
                <a:lnTo>
                  <a:pt x="22221" y="50651"/>
                </a:lnTo>
                <a:close/>
                <a:moveTo>
                  <a:pt x="31127" y="48810"/>
                </a:moveTo>
                <a:lnTo>
                  <a:pt x="31298" y="48853"/>
                </a:lnTo>
                <a:lnTo>
                  <a:pt x="31470" y="48938"/>
                </a:lnTo>
                <a:lnTo>
                  <a:pt x="31641" y="48981"/>
                </a:lnTo>
                <a:lnTo>
                  <a:pt x="31727" y="49067"/>
                </a:lnTo>
                <a:lnTo>
                  <a:pt x="31812" y="49195"/>
                </a:lnTo>
                <a:lnTo>
                  <a:pt x="31812" y="49366"/>
                </a:lnTo>
                <a:lnTo>
                  <a:pt x="31941" y="50437"/>
                </a:lnTo>
                <a:lnTo>
                  <a:pt x="32026" y="51464"/>
                </a:lnTo>
                <a:lnTo>
                  <a:pt x="32069" y="52321"/>
                </a:lnTo>
                <a:lnTo>
                  <a:pt x="32069" y="53091"/>
                </a:lnTo>
                <a:lnTo>
                  <a:pt x="32069" y="53520"/>
                </a:lnTo>
                <a:lnTo>
                  <a:pt x="32026" y="53905"/>
                </a:lnTo>
                <a:lnTo>
                  <a:pt x="31898" y="54290"/>
                </a:lnTo>
                <a:lnTo>
                  <a:pt x="31769" y="54676"/>
                </a:lnTo>
                <a:lnTo>
                  <a:pt x="31598" y="55061"/>
                </a:lnTo>
                <a:lnTo>
                  <a:pt x="31470" y="55446"/>
                </a:lnTo>
                <a:lnTo>
                  <a:pt x="31384" y="55832"/>
                </a:lnTo>
                <a:lnTo>
                  <a:pt x="31341" y="56260"/>
                </a:lnTo>
                <a:lnTo>
                  <a:pt x="31341" y="57030"/>
                </a:lnTo>
                <a:lnTo>
                  <a:pt x="31298" y="57373"/>
                </a:lnTo>
                <a:lnTo>
                  <a:pt x="31256" y="57758"/>
                </a:lnTo>
                <a:lnTo>
                  <a:pt x="31213" y="58015"/>
                </a:lnTo>
                <a:lnTo>
                  <a:pt x="31256" y="58229"/>
                </a:lnTo>
                <a:lnTo>
                  <a:pt x="31341" y="58743"/>
                </a:lnTo>
                <a:lnTo>
                  <a:pt x="31384" y="59000"/>
                </a:lnTo>
                <a:lnTo>
                  <a:pt x="31341" y="59257"/>
                </a:lnTo>
                <a:lnTo>
                  <a:pt x="31256" y="59428"/>
                </a:lnTo>
                <a:lnTo>
                  <a:pt x="31170" y="59514"/>
                </a:lnTo>
                <a:lnTo>
                  <a:pt x="31041" y="59599"/>
                </a:lnTo>
                <a:lnTo>
                  <a:pt x="30870" y="59642"/>
                </a:lnTo>
                <a:lnTo>
                  <a:pt x="30742" y="59642"/>
                </a:lnTo>
                <a:lnTo>
                  <a:pt x="30613" y="59599"/>
                </a:lnTo>
                <a:lnTo>
                  <a:pt x="30485" y="59471"/>
                </a:lnTo>
                <a:lnTo>
                  <a:pt x="30271" y="59257"/>
                </a:lnTo>
                <a:lnTo>
                  <a:pt x="30057" y="59000"/>
                </a:lnTo>
                <a:lnTo>
                  <a:pt x="29885" y="58829"/>
                </a:lnTo>
                <a:lnTo>
                  <a:pt x="29714" y="58657"/>
                </a:lnTo>
                <a:lnTo>
                  <a:pt x="29629" y="58443"/>
                </a:lnTo>
                <a:lnTo>
                  <a:pt x="29586" y="58229"/>
                </a:lnTo>
                <a:lnTo>
                  <a:pt x="29500" y="57801"/>
                </a:lnTo>
                <a:lnTo>
                  <a:pt x="29414" y="57287"/>
                </a:lnTo>
                <a:lnTo>
                  <a:pt x="29286" y="56345"/>
                </a:lnTo>
                <a:lnTo>
                  <a:pt x="29200" y="55917"/>
                </a:lnTo>
                <a:lnTo>
                  <a:pt x="29200" y="55403"/>
                </a:lnTo>
                <a:lnTo>
                  <a:pt x="29158" y="54847"/>
                </a:lnTo>
                <a:lnTo>
                  <a:pt x="29115" y="54333"/>
                </a:lnTo>
                <a:lnTo>
                  <a:pt x="28858" y="53263"/>
                </a:lnTo>
                <a:lnTo>
                  <a:pt x="28772" y="52749"/>
                </a:lnTo>
                <a:lnTo>
                  <a:pt x="28687" y="52192"/>
                </a:lnTo>
                <a:lnTo>
                  <a:pt x="28644" y="51636"/>
                </a:lnTo>
                <a:lnTo>
                  <a:pt x="28687" y="51079"/>
                </a:lnTo>
                <a:lnTo>
                  <a:pt x="28729" y="50822"/>
                </a:lnTo>
                <a:lnTo>
                  <a:pt x="28729" y="50565"/>
                </a:lnTo>
                <a:lnTo>
                  <a:pt x="28858" y="50394"/>
                </a:lnTo>
                <a:lnTo>
                  <a:pt x="28944" y="50266"/>
                </a:lnTo>
                <a:lnTo>
                  <a:pt x="29029" y="50223"/>
                </a:lnTo>
                <a:lnTo>
                  <a:pt x="29329" y="50094"/>
                </a:lnTo>
                <a:lnTo>
                  <a:pt x="29586" y="49966"/>
                </a:lnTo>
                <a:lnTo>
                  <a:pt x="29885" y="49837"/>
                </a:lnTo>
                <a:lnTo>
                  <a:pt x="30142" y="49666"/>
                </a:lnTo>
                <a:lnTo>
                  <a:pt x="30571" y="49366"/>
                </a:lnTo>
                <a:lnTo>
                  <a:pt x="30742" y="49195"/>
                </a:lnTo>
                <a:lnTo>
                  <a:pt x="30913" y="48981"/>
                </a:lnTo>
                <a:lnTo>
                  <a:pt x="30999" y="48853"/>
                </a:lnTo>
                <a:lnTo>
                  <a:pt x="31041" y="48810"/>
                </a:lnTo>
                <a:close/>
                <a:moveTo>
                  <a:pt x="18111" y="0"/>
                </a:moveTo>
                <a:lnTo>
                  <a:pt x="17897" y="43"/>
                </a:lnTo>
                <a:lnTo>
                  <a:pt x="17726" y="129"/>
                </a:lnTo>
                <a:lnTo>
                  <a:pt x="17512" y="214"/>
                </a:lnTo>
                <a:lnTo>
                  <a:pt x="17383" y="257"/>
                </a:lnTo>
                <a:lnTo>
                  <a:pt x="17212" y="257"/>
                </a:lnTo>
                <a:lnTo>
                  <a:pt x="16912" y="172"/>
                </a:lnTo>
                <a:lnTo>
                  <a:pt x="16655" y="86"/>
                </a:lnTo>
                <a:lnTo>
                  <a:pt x="16441" y="43"/>
                </a:lnTo>
                <a:lnTo>
                  <a:pt x="16227" y="86"/>
                </a:lnTo>
                <a:lnTo>
                  <a:pt x="15970" y="214"/>
                </a:lnTo>
                <a:lnTo>
                  <a:pt x="14986" y="1114"/>
                </a:lnTo>
                <a:lnTo>
                  <a:pt x="14814" y="1370"/>
                </a:lnTo>
                <a:lnTo>
                  <a:pt x="14686" y="1627"/>
                </a:lnTo>
                <a:lnTo>
                  <a:pt x="14643" y="1927"/>
                </a:lnTo>
                <a:lnTo>
                  <a:pt x="14600" y="2270"/>
                </a:lnTo>
                <a:lnTo>
                  <a:pt x="14515" y="3040"/>
                </a:lnTo>
                <a:lnTo>
                  <a:pt x="14429" y="3468"/>
                </a:lnTo>
                <a:lnTo>
                  <a:pt x="14343" y="3854"/>
                </a:lnTo>
                <a:lnTo>
                  <a:pt x="14215" y="4111"/>
                </a:lnTo>
                <a:lnTo>
                  <a:pt x="14001" y="4325"/>
                </a:lnTo>
                <a:lnTo>
                  <a:pt x="13744" y="4453"/>
                </a:lnTo>
                <a:lnTo>
                  <a:pt x="13487" y="4539"/>
                </a:lnTo>
                <a:lnTo>
                  <a:pt x="13187" y="4582"/>
                </a:lnTo>
                <a:lnTo>
                  <a:pt x="12888" y="4582"/>
                </a:lnTo>
                <a:lnTo>
                  <a:pt x="12331" y="4496"/>
                </a:lnTo>
                <a:lnTo>
                  <a:pt x="11689" y="4368"/>
                </a:lnTo>
                <a:lnTo>
                  <a:pt x="11089" y="4196"/>
                </a:lnTo>
                <a:lnTo>
                  <a:pt x="10833" y="4153"/>
                </a:lnTo>
                <a:lnTo>
                  <a:pt x="10790" y="4153"/>
                </a:lnTo>
                <a:lnTo>
                  <a:pt x="10747" y="4196"/>
                </a:lnTo>
                <a:lnTo>
                  <a:pt x="10704" y="4239"/>
                </a:lnTo>
                <a:lnTo>
                  <a:pt x="10704" y="4325"/>
                </a:lnTo>
                <a:lnTo>
                  <a:pt x="10790" y="4453"/>
                </a:lnTo>
                <a:lnTo>
                  <a:pt x="10875" y="4582"/>
                </a:lnTo>
                <a:lnTo>
                  <a:pt x="11132" y="4839"/>
                </a:lnTo>
                <a:lnTo>
                  <a:pt x="11475" y="5095"/>
                </a:lnTo>
                <a:lnTo>
                  <a:pt x="11817" y="5309"/>
                </a:lnTo>
                <a:lnTo>
                  <a:pt x="12246" y="5438"/>
                </a:lnTo>
                <a:lnTo>
                  <a:pt x="12674" y="5524"/>
                </a:lnTo>
                <a:lnTo>
                  <a:pt x="13273" y="5566"/>
                </a:lnTo>
                <a:lnTo>
                  <a:pt x="13573" y="5609"/>
                </a:lnTo>
                <a:lnTo>
                  <a:pt x="13830" y="5652"/>
                </a:lnTo>
                <a:lnTo>
                  <a:pt x="14087" y="5609"/>
                </a:lnTo>
                <a:lnTo>
                  <a:pt x="14215" y="5609"/>
                </a:lnTo>
                <a:lnTo>
                  <a:pt x="14343" y="5652"/>
                </a:lnTo>
                <a:lnTo>
                  <a:pt x="14386" y="5738"/>
                </a:lnTo>
                <a:lnTo>
                  <a:pt x="14429" y="5780"/>
                </a:lnTo>
                <a:lnTo>
                  <a:pt x="14386" y="5952"/>
                </a:lnTo>
                <a:lnTo>
                  <a:pt x="14386" y="6209"/>
                </a:lnTo>
                <a:lnTo>
                  <a:pt x="14429" y="6466"/>
                </a:lnTo>
                <a:lnTo>
                  <a:pt x="14558" y="6936"/>
                </a:lnTo>
                <a:lnTo>
                  <a:pt x="14643" y="7193"/>
                </a:lnTo>
                <a:lnTo>
                  <a:pt x="14772" y="7450"/>
                </a:lnTo>
                <a:lnTo>
                  <a:pt x="15071" y="7964"/>
                </a:lnTo>
                <a:lnTo>
                  <a:pt x="15114" y="8092"/>
                </a:lnTo>
                <a:lnTo>
                  <a:pt x="15157" y="8178"/>
                </a:lnTo>
                <a:lnTo>
                  <a:pt x="15114" y="8221"/>
                </a:lnTo>
                <a:lnTo>
                  <a:pt x="15029" y="8307"/>
                </a:lnTo>
                <a:lnTo>
                  <a:pt x="14857" y="8392"/>
                </a:lnTo>
                <a:lnTo>
                  <a:pt x="14729" y="8521"/>
                </a:lnTo>
                <a:lnTo>
                  <a:pt x="14643" y="8649"/>
                </a:lnTo>
                <a:lnTo>
                  <a:pt x="14558" y="8778"/>
                </a:lnTo>
                <a:lnTo>
                  <a:pt x="14472" y="8820"/>
                </a:lnTo>
                <a:lnTo>
                  <a:pt x="14301" y="8863"/>
                </a:lnTo>
                <a:lnTo>
                  <a:pt x="14172" y="8906"/>
                </a:lnTo>
                <a:lnTo>
                  <a:pt x="14044" y="8992"/>
                </a:lnTo>
                <a:lnTo>
                  <a:pt x="13830" y="9163"/>
                </a:lnTo>
                <a:lnTo>
                  <a:pt x="13701" y="9420"/>
                </a:lnTo>
                <a:lnTo>
                  <a:pt x="13573" y="9677"/>
                </a:lnTo>
                <a:lnTo>
                  <a:pt x="13402" y="9934"/>
                </a:lnTo>
                <a:lnTo>
                  <a:pt x="13145" y="10148"/>
                </a:lnTo>
                <a:lnTo>
                  <a:pt x="12931" y="10405"/>
                </a:lnTo>
                <a:lnTo>
                  <a:pt x="12674" y="10619"/>
                </a:lnTo>
                <a:lnTo>
                  <a:pt x="12460" y="10875"/>
                </a:lnTo>
                <a:lnTo>
                  <a:pt x="12160" y="11432"/>
                </a:lnTo>
                <a:lnTo>
                  <a:pt x="12031" y="11689"/>
                </a:lnTo>
                <a:lnTo>
                  <a:pt x="11903" y="11989"/>
                </a:lnTo>
                <a:lnTo>
                  <a:pt x="11860" y="12288"/>
                </a:lnTo>
                <a:lnTo>
                  <a:pt x="11775" y="12460"/>
                </a:lnTo>
                <a:lnTo>
                  <a:pt x="11689" y="12588"/>
                </a:lnTo>
                <a:lnTo>
                  <a:pt x="11603" y="12674"/>
                </a:lnTo>
                <a:lnTo>
                  <a:pt x="11560" y="12802"/>
                </a:lnTo>
                <a:lnTo>
                  <a:pt x="11560" y="12888"/>
                </a:lnTo>
                <a:lnTo>
                  <a:pt x="11689" y="12931"/>
                </a:lnTo>
                <a:lnTo>
                  <a:pt x="11560" y="13359"/>
                </a:lnTo>
                <a:lnTo>
                  <a:pt x="11432" y="13830"/>
                </a:lnTo>
                <a:lnTo>
                  <a:pt x="11304" y="14258"/>
                </a:lnTo>
                <a:lnTo>
                  <a:pt x="11175" y="14729"/>
                </a:lnTo>
                <a:lnTo>
                  <a:pt x="11089" y="15200"/>
                </a:lnTo>
                <a:lnTo>
                  <a:pt x="11047" y="15714"/>
                </a:lnTo>
                <a:lnTo>
                  <a:pt x="10961" y="16698"/>
                </a:lnTo>
                <a:lnTo>
                  <a:pt x="10918" y="17298"/>
                </a:lnTo>
                <a:lnTo>
                  <a:pt x="10875" y="17897"/>
                </a:lnTo>
                <a:lnTo>
                  <a:pt x="10661" y="17726"/>
                </a:lnTo>
                <a:lnTo>
                  <a:pt x="10447" y="17683"/>
                </a:lnTo>
                <a:lnTo>
                  <a:pt x="10233" y="17683"/>
                </a:lnTo>
                <a:lnTo>
                  <a:pt x="10233" y="17426"/>
                </a:lnTo>
                <a:lnTo>
                  <a:pt x="10190" y="17127"/>
                </a:lnTo>
                <a:lnTo>
                  <a:pt x="10148" y="16870"/>
                </a:lnTo>
                <a:lnTo>
                  <a:pt x="10062" y="16613"/>
                </a:lnTo>
                <a:lnTo>
                  <a:pt x="9891" y="16356"/>
                </a:lnTo>
                <a:lnTo>
                  <a:pt x="9762" y="16099"/>
                </a:lnTo>
                <a:lnTo>
                  <a:pt x="9377" y="15671"/>
                </a:lnTo>
                <a:lnTo>
                  <a:pt x="9206" y="15457"/>
                </a:lnTo>
                <a:lnTo>
                  <a:pt x="9077" y="15371"/>
                </a:lnTo>
                <a:lnTo>
                  <a:pt x="8992" y="15328"/>
                </a:lnTo>
                <a:lnTo>
                  <a:pt x="8906" y="15328"/>
                </a:lnTo>
                <a:lnTo>
                  <a:pt x="8863" y="15414"/>
                </a:lnTo>
                <a:lnTo>
                  <a:pt x="8820" y="15542"/>
                </a:lnTo>
                <a:lnTo>
                  <a:pt x="8777" y="15885"/>
                </a:lnTo>
                <a:lnTo>
                  <a:pt x="8777" y="16356"/>
                </a:lnTo>
                <a:lnTo>
                  <a:pt x="8735" y="16570"/>
                </a:lnTo>
                <a:lnTo>
                  <a:pt x="8692" y="16827"/>
                </a:lnTo>
                <a:lnTo>
                  <a:pt x="8606" y="16998"/>
                </a:lnTo>
                <a:lnTo>
                  <a:pt x="8563" y="16998"/>
                </a:lnTo>
                <a:lnTo>
                  <a:pt x="8478" y="16955"/>
                </a:lnTo>
                <a:lnTo>
                  <a:pt x="8349" y="16998"/>
                </a:lnTo>
                <a:lnTo>
                  <a:pt x="8135" y="17041"/>
                </a:lnTo>
                <a:lnTo>
                  <a:pt x="7921" y="17084"/>
                </a:lnTo>
                <a:lnTo>
                  <a:pt x="7793" y="17084"/>
                </a:lnTo>
                <a:lnTo>
                  <a:pt x="7707" y="17041"/>
                </a:lnTo>
                <a:lnTo>
                  <a:pt x="7493" y="16870"/>
                </a:lnTo>
                <a:lnTo>
                  <a:pt x="7365" y="16784"/>
                </a:lnTo>
                <a:lnTo>
                  <a:pt x="7236" y="16741"/>
                </a:lnTo>
                <a:lnTo>
                  <a:pt x="7022" y="16698"/>
                </a:lnTo>
                <a:lnTo>
                  <a:pt x="6765" y="16698"/>
                </a:lnTo>
                <a:lnTo>
                  <a:pt x="6551" y="16741"/>
                </a:lnTo>
                <a:lnTo>
                  <a:pt x="6337" y="16784"/>
                </a:lnTo>
                <a:lnTo>
                  <a:pt x="6209" y="16784"/>
                </a:lnTo>
                <a:lnTo>
                  <a:pt x="6080" y="16698"/>
                </a:lnTo>
                <a:lnTo>
                  <a:pt x="5866" y="16527"/>
                </a:lnTo>
                <a:lnTo>
                  <a:pt x="5609" y="16356"/>
                </a:lnTo>
                <a:lnTo>
                  <a:pt x="5309" y="16185"/>
                </a:lnTo>
                <a:lnTo>
                  <a:pt x="5053" y="16056"/>
                </a:lnTo>
                <a:lnTo>
                  <a:pt x="4753" y="15971"/>
                </a:lnTo>
                <a:lnTo>
                  <a:pt x="4496" y="16013"/>
                </a:lnTo>
                <a:lnTo>
                  <a:pt x="4325" y="16056"/>
                </a:lnTo>
                <a:lnTo>
                  <a:pt x="3939" y="16227"/>
                </a:lnTo>
                <a:lnTo>
                  <a:pt x="4068" y="16185"/>
                </a:lnTo>
                <a:lnTo>
                  <a:pt x="4282" y="16185"/>
                </a:lnTo>
                <a:lnTo>
                  <a:pt x="4453" y="16227"/>
                </a:lnTo>
                <a:lnTo>
                  <a:pt x="4582" y="16313"/>
                </a:lnTo>
                <a:lnTo>
                  <a:pt x="4753" y="16399"/>
                </a:lnTo>
                <a:lnTo>
                  <a:pt x="4967" y="16570"/>
                </a:lnTo>
                <a:lnTo>
                  <a:pt x="5138" y="16741"/>
                </a:lnTo>
                <a:lnTo>
                  <a:pt x="5224" y="16827"/>
                </a:lnTo>
                <a:lnTo>
                  <a:pt x="5224" y="16912"/>
                </a:lnTo>
                <a:lnTo>
                  <a:pt x="5138" y="16870"/>
                </a:lnTo>
                <a:lnTo>
                  <a:pt x="5010" y="16784"/>
                </a:lnTo>
                <a:lnTo>
                  <a:pt x="4753" y="16613"/>
                </a:lnTo>
                <a:lnTo>
                  <a:pt x="4539" y="16570"/>
                </a:lnTo>
                <a:lnTo>
                  <a:pt x="4325" y="16570"/>
                </a:lnTo>
                <a:lnTo>
                  <a:pt x="4068" y="16656"/>
                </a:lnTo>
                <a:lnTo>
                  <a:pt x="3896" y="16784"/>
                </a:lnTo>
                <a:lnTo>
                  <a:pt x="3597" y="16998"/>
                </a:lnTo>
                <a:lnTo>
                  <a:pt x="3426" y="17041"/>
                </a:lnTo>
                <a:lnTo>
                  <a:pt x="3211" y="17041"/>
                </a:lnTo>
                <a:lnTo>
                  <a:pt x="2826" y="16955"/>
                </a:lnTo>
                <a:lnTo>
                  <a:pt x="2612" y="16998"/>
                </a:lnTo>
                <a:lnTo>
                  <a:pt x="2526" y="17041"/>
                </a:lnTo>
                <a:lnTo>
                  <a:pt x="2441" y="17127"/>
                </a:lnTo>
                <a:lnTo>
                  <a:pt x="2270" y="17383"/>
                </a:lnTo>
                <a:lnTo>
                  <a:pt x="2184" y="17640"/>
                </a:lnTo>
                <a:lnTo>
                  <a:pt x="1756" y="17212"/>
                </a:lnTo>
                <a:lnTo>
                  <a:pt x="1584" y="16955"/>
                </a:lnTo>
                <a:lnTo>
                  <a:pt x="1456" y="16698"/>
                </a:lnTo>
                <a:lnTo>
                  <a:pt x="1328" y="16356"/>
                </a:lnTo>
                <a:lnTo>
                  <a:pt x="1242" y="16185"/>
                </a:lnTo>
                <a:lnTo>
                  <a:pt x="1113" y="16056"/>
                </a:lnTo>
                <a:lnTo>
                  <a:pt x="1028" y="15971"/>
                </a:lnTo>
                <a:lnTo>
                  <a:pt x="942" y="15971"/>
                </a:lnTo>
                <a:lnTo>
                  <a:pt x="899" y="16056"/>
                </a:lnTo>
                <a:lnTo>
                  <a:pt x="857" y="16185"/>
                </a:lnTo>
                <a:lnTo>
                  <a:pt x="814" y="16313"/>
                </a:lnTo>
                <a:lnTo>
                  <a:pt x="771" y="16527"/>
                </a:lnTo>
                <a:lnTo>
                  <a:pt x="814" y="16870"/>
                </a:lnTo>
                <a:lnTo>
                  <a:pt x="942" y="17255"/>
                </a:lnTo>
                <a:lnTo>
                  <a:pt x="1028" y="17597"/>
                </a:lnTo>
                <a:lnTo>
                  <a:pt x="1199" y="17983"/>
                </a:lnTo>
                <a:lnTo>
                  <a:pt x="1285" y="18368"/>
                </a:lnTo>
                <a:lnTo>
                  <a:pt x="1370" y="18796"/>
                </a:lnTo>
                <a:lnTo>
                  <a:pt x="1413" y="19224"/>
                </a:lnTo>
                <a:lnTo>
                  <a:pt x="1413" y="19567"/>
                </a:lnTo>
                <a:lnTo>
                  <a:pt x="1456" y="19867"/>
                </a:lnTo>
                <a:lnTo>
                  <a:pt x="1499" y="20209"/>
                </a:lnTo>
                <a:lnTo>
                  <a:pt x="1627" y="20509"/>
                </a:lnTo>
                <a:lnTo>
                  <a:pt x="1927" y="21280"/>
                </a:lnTo>
                <a:lnTo>
                  <a:pt x="2270" y="21965"/>
                </a:lnTo>
                <a:lnTo>
                  <a:pt x="2312" y="22136"/>
                </a:lnTo>
                <a:lnTo>
                  <a:pt x="2312" y="22222"/>
                </a:lnTo>
                <a:lnTo>
                  <a:pt x="2270" y="22350"/>
                </a:lnTo>
                <a:lnTo>
                  <a:pt x="2227" y="22521"/>
                </a:lnTo>
                <a:lnTo>
                  <a:pt x="2055" y="22864"/>
                </a:lnTo>
                <a:lnTo>
                  <a:pt x="1841" y="23163"/>
                </a:lnTo>
                <a:lnTo>
                  <a:pt x="1370" y="23763"/>
                </a:lnTo>
                <a:lnTo>
                  <a:pt x="1199" y="23977"/>
                </a:lnTo>
                <a:lnTo>
                  <a:pt x="1113" y="24234"/>
                </a:lnTo>
                <a:lnTo>
                  <a:pt x="1113" y="24491"/>
                </a:lnTo>
                <a:lnTo>
                  <a:pt x="1156" y="24790"/>
                </a:lnTo>
                <a:lnTo>
                  <a:pt x="1328" y="25347"/>
                </a:lnTo>
                <a:lnTo>
                  <a:pt x="1456" y="25861"/>
                </a:lnTo>
                <a:lnTo>
                  <a:pt x="1584" y="26375"/>
                </a:lnTo>
                <a:lnTo>
                  <a:pt x="1670" y="26846"/>
                </a:lnTo>
                <a:lnTo>
                  <a:pt x="1713" y="27359"/>
                </a:lnTo>
                <a:lnTo>
                  <a:pt x="1713" y="27873"/>
                </a:lnTo>
                <a:lnTo>
                  <a:pt x="1670" y="28173"/>
                </a:lnTo>
                <a:lnTo>
                  <a:pt x="1584" y="28430"/>
                </a:lnTo>
                <a:lnTo>
                  <a:pt x="1542" y="28687"/>
                </a:lnTo>
                <a:lnTo>
                  <a:pt x="1456" y="28944"/>
                </a:lnTo>
                <a:lnTo>
                  <a:pt x="1413" y="29072"/>
                </a:lnTo>
                <a:lnTo>
                  <a:pt x="1370" y="29115"/>
                </a:lnTo>
                <a:lnTo>
                  <a:pt x="1156" y="29243"/>
                </a:lnTo>
                <a:lnTo>
                  <a:pt x="985" y="29415"/>
                </a:lnTo>
                <a:lnTo>
                  <a:pt x="857" y="29586"/>
                </a:lnTo>
                <a:lnTo>
                  <a:pt x="771" y="29800"/>
                </a:lnTo>
                <a:lnTo>
                  <a:pt x="685" y="30057"/>
                </a:lnTo>
                <a:lnTo>
                  <a:pt x="685" y="30271"/>
                </a:lnTo>
                <a:lnTo>
                  <a:pt x="685" y="30442"/>
                </a:lnTo>
                <a:lnTo>
                  <a:pt x="771" y="30571"/>
                </a:lnTo>
                <a:lnTo>
                  <a:pt x="899" y="30742"/>
                </a:lnTo>
                <a:lnTo>
                  <a:pt x="1028" y="30827"/>
                </a:lnTo>
                <a:lnTo>
                  <a:pt x="1113" y="30913"/>
                </a:lnTo>
                <a:lnTo>
                  <a:pt x="1156" y="31041"/>
                </a:lnTo>
                <a:lnTo>
                  <a:pt x="1113" y="31213"/>
                </a:lnTo>
                <a:lnTo>
                  <a:pt x="985" y="31598"/>
                </a:lnTo>
                <a:lnTo>
                  <a:pt x="814" y="31983"/>
                </a:lnTo>
                <a:lnTo>
                  <a:pt x="643" y="32326"/>
                </a:lnTo>
                <a:lnTo>
                  <a:pt x="514" y="32711"/>
                </a:lnTo>
                <a:lnTo>
                  <a:pt x="471" y="32883"/>
                </a:lnTo>
                <a:lnTo>
                  <a:pt x="386" y="33011"/>
                </a:lnTo>
                <a:lnTo>
                  <a:pt x="172" y="33311"/>
                </a:lnTo>
                <a:lnTo>
                  <a:pt x="43" y="33439"/>
                </a:lnTo>
                <a:lnTo>
                  <a:pt x="0" y="33568"/>
                </a:lnTo>
                <a:lnTo>
                  <a:pt x="0" y="33739"/>
                </a:lnTo>
                <a:lnTo>
                  <a:pt x="43" y="33953"/>
                </a:lnTo>
                <a:lnTo>
                  <a:pt x="172" y="34253"/>
                </a:lnTo>
                <a:lnTo>
                  <a:pt x="300" y="34510"/>
                </a:lnTo>
                <a:lnTo>
                  <a:pt x="300" y="34938"/>
                </a:lnTo>
                <a:lnTo>
                  <a:pt x="386" y="35152"/>
                </a:lnTo>
                <a:lnTo>
                  <a:pt x="471" y="35366"/>
                </a:lnTo>
                <a:lnTo>
                  <a:pt x="728" y="35751"/>
                </a:lnTo>
                <a:lnTo>
                  <a:pt x="814" y="35922"/>
                </a:lnTo>
                <a:lnTo>
                  <a:pt x="899" y="36094"/>
                </a:lnTo>
                <a:lnTo>
                  <a:pt x="942" y="36436"/>
                </a:lnTo>
                <a:lnTo>
                  <a:pt x="942" y="36650"/>
                </a:lnTo>
                <a:lnTo>
                  <a:pt x="1028" y="36779"/>
                </a:lnTo>
                <a:lnTo>
                  <a:pt x="1113" y="36907"/>
                </a:lnTo>
                <a:lnTo>
                  <a:pt x="1242" y="37036"/>
                </a:lnTo>
                <a:lnTo>
                  <a:pt x="1370" y="37078"/>
                </a:lnTo>
                <a:lnTo>
                  <a:pt x="1499" y="37164"/>
                </a:lnTo>
                <a:lnTo>
                  <a:pt x="1884" y="37207"/>
                </a:lnTo>
                <a:lnTo>
                  <a:pt x="2098" y="37207"/>
                </a:lnTo>
                <a:lnTo>
                  <a:pt x="2312" y="37164"/>
                </a:lnTo>
                <a:lnTo>
                  <a:pt x="2740" y="37078"/>
                </a:lnTo>
                <a:lnTo>
                  <a:pt x="3169" y="36993"/>
                </a:lnTo>
                <a:lnTo>
                  <a:pt x="3597" y="36950"/>
                </a:lnTo>
                <a:lnTo>
                  <a:pt x="3854" y="36950"/>
                </a:lnTo>
                <a:lnTo>
                  <a:pt x="4068" y="36907"/>
                </a:lnTo>
                <a:lnTo>
                  <a:pt x="4239" y="36822"/>
                </a:lnTo>
                <a:lnTo>
                  <a:pt x="4410" y="36736"/>
                </a:lnTo>
                <a:lnTo>
                  <a:pt x="4539" y="36650"/>
                </a:lnTo>
                <a:lnTo>
                  <a:pt x="4667" y="36479"/>
                </a:lnTo>
                <a:lnTo>
                  <a:pt x="4753" y="36308"/>
                </a:lnTo>
                <a:lnTo>
                  <a:pt x="4838" y="36094"/>
                </a:lnTo>
                <a:lnTo>
                  <a:pt x="5010" y="35623"/>
                </a:lnTo>
                <a:lnTo>
                  <a:pt x="5181" y="35152"/>
                </a:lnTo>
                <a:lnTo>
                  <a:pt x="5609" y="34295"/>
                </a:lnTo>
                <a:lnTo>
                  <a:pt x="5738" y="34081"/>
                </a:lnTo>
                <a:lnTo>
                  <a:pt x="5909" y="33910"/>
                </a:lnTo>
                <a:lnTo>
                  <a:pt x="5909" y="33996"/>
                </a:lnTo>
                <a:lnTo>
                  <a:pt x="5909" y="34081"/>
                </a:lnTo>
                <a:lnTo>
                  <a:pt x="5866" y="34210"/>
                </a:lnTo>
                <a:lnTo>
                  <a:pt x="5780" y="34381"/>
                </a:lnTo>
                <a:lnTo>
                  <a:pt x="5780" y="34552"/>
                </a:lnTo>
                <a:lnTo>
                  <a:pt x="5738" y="34724"/>
                </a:lnTo>
                <a:lnTo>
                  <a:pt x="5609" y="34895"/>
                </a:lnTo>
                <a:lnTo>
                  <a:pt x="5523" y="34980"/>
                </a:lnTo>
                <a:lnTo>
                  <a:pt x="5481" y="35066"/>
                </a:lnTo>
                <a:lnTo>
                  <a:pt x="5438" y="35323"/>
                </a:lnTo>
                <a:lnTo>
                  <a:pt x="5438" y="35623"/>
                </a:lnTo>
                <a:lnTo>
                  <a:pt x="5481" y="35708"/>
                </a:lnTo>
                <a:lnTo>
                  <a:pt x="5566" y="35837"/>
                </a:lnTo>
                <a:lnTo>
                  <a:pt x="5652" y="35922"/>
                </a:lnTo>
                <a:lnTo>
                  <a:pt x="5738" y="35965"/>
                </a:lnTo>
                <a:lnTo>
                  <a:pt x="5994" y="35965"/>
                </a:lnTo>
                <a:lnTo>
                  <a:pt x="6209" y="35922"/>
                </a:lnTo>
                <a:lnTo>
                  <a:pt x="6465" y="36607"/>
                </a:lnTo>
                <a:lnTo>
                  <a:pt x="6551" y="36736"/>
                </a:lnTo>
                <a:lnTo>
                  <a:pt x="6765" y="37164"/>
                </a:lnTo>
                <a:lnTo>
                  <a:pt x="7022" y="37678"/>
                </a:lnTo>
                <a:lnTo>
                  <a:pt x="7365" y="38149"/>
                </a:lnTo>
                <a:lnTo>
                  <a:pt x="7750" y="38577"/>
                </a:lnTo>
                <a:lnTo>
                  <a:pt x="7750" y="39091"/>
                </a:lnTo>
                <a:lnTo>
                  <a:pt x="7793" y="39647"/>
                </a:lnTo>
                <a:lnTo>
                  <a:pt x="7664" y="40204"/>
                </a:lnTo>
                <a:lnTo>
                  <a:pt x="7579" y="40761"/>
                </a:lnTo>
                <a:lnTo>
                  <a:pt x="7579" y="41317"/>
                </a:lnTo>
                <a:lnTo>
                  <a:pt x="7579" y="41831"/>
                </a:lnTo>
                <a:lnTo>
                  <a:pt x="7664" y="42516"/>
                </a:lnTo>
                <a:lnTo>
                  <a:pt x="7664" y="43201"/>
                </a:lnTo>
                <a:lnTo>
                  <a:pt x="7407" y="44057"/>
                </a:lnTo>
                <a:lnTo>
                  <a:pt x="7322" y="44229"/>
                </a:lnTo>
                <a:lnTo>
                  <a:pt x="7236" y="44443"/>
                </a:lnTo>
                <a:lnTo>
                  <a:pt x="7065" y="44571"/>
                </a:lnTo>
                <a:lnTo>
                  <a:pt x="6894" y="44742"/>
                </a:lnTo>
                <a:lnTo>
                  <a:pt x="6337" y="45128"/>
                </a:lnTo>
                <a:lnTo>
                  <a:pt x="6123" y="45342"/>
                </a:lnTo>
                <a:lnTo>
                  <a:pt x="5909" y="45556"/>
                </a:lnTo>
                <a:lnTo>
                  <a:pt x="5823" y="45727"/>
                </a:lnTo>
                <a:lnTo>
                  <a:pt x="5780" y="45813"/>
                </a:lnTo>
                <a:lnTo>
                  <a:pt x="5823" y="45856"/>
                </a:lnTo>
                <a:lnTo>
                  <a:pt x="5952" y="45856"/>
                </a:lnTo>
                <a:lnTo>
                  <a:pt x="6080" y="45727"/>
                </a:lnTo>
                <a:lnTo>
                  <a:pt x="6294" y="45556"/>
                </a:lnTo>
                <a:lnTo>
                  <a:pt x="6465" y="45427"/>
                </a:lnTo>
                <a:lnTo>
                  <a:pt x="6551" y="45385"/>
                </a:lnTo>
                <a:lnTo>
                  <a:pt x="6594" y="45427"/>
                </a:lnTo>
                <a:lnTo>
                  <a:pt x="6594" y="45470"/>
                </a:lnTo>
                <a:lnTo>
                  <a:pt x="6594" y="45641"/>
                </a:lnTo>
                <a:lnTo>
                  <a:pt x="6508" y="45984"/>
                </a:lnTo>
                <a:lnTo>
                  <a:pt x="6380" y="46241"/>
                </a:lnTo>
                <a:lnTo>
                  <a:pt x="6166" y="46455"/>
                </a:lnTo>
                <a:lnTo>
                  <a:pt x="5909" y="46669"/>
                </a:lnTo>
                <a:lnTo>
                  <a:pt x="5352" y="47183"/>
                </a:lnTo>
                <a:lnTo>
                  <a:pt x="5138" y="47440"/>
                </a:lnTo>
                <a:lnTo>
                  <a:pt x="4924" y="47739"/>
                </a:lnTo>
                <a:lnTo>
                  <a:pt x="4710" y="48039"/>
                </a:lnTo>
                <a:lnTo>
                  <a:pt x="4539" y="48339"/>
                </a:lnTo>
                <a:lnTo>
                  <a:pt x="4410" y="48724"/>
                </a:lnTo>
                <a:lnTo>
                  <a:pt x="4325" y="49067"/>
                </a:lnTo>
                <a:lnTo>
                  <a:pt x="4282" y="49281"/>
                </a:lnTo>
                <a:lnTo>
                  <a:pt x="4196" y="49324"/>
                </a:lnTo>
                <a:lnTo>
                  <a:pt x="4111" y="49366"/>
                </a:lnTo>
                <a:lnTo>
                  <a:pt x="4025" y="49495"/>
                </a:lnTo>
                <a:lnTo>
                  <a:pt x="4025" y="49581"/>
                </a:lnTo>
                <a:lnTo>
                  <a:pt x="4068" y="49709"/>
                </a:lnTo>
                <a:lnTo>
                  <a:pt x="4153" y="49795"/>
                </a:lnTo>
                <a:lnTo>
                  <a:pt x="4410" y="49923"/>
                </a:lnTo>
                <a:lnTo>
                  <a:pt x="4710" y="50051"/>
                </a:lnTo>
                <a:lnTo>
                  <a:pt x="5053" y="50223"/>
                </a:lnTo>
                <a:lnTo>
                  <a:pt x="5952" y="50694"/>
                </a:lnTo>
                <a:lnTo>
                  <a:pt x="6508" y="50908"/>
                </a:lnTo>
                <a:lnTo>
                  <a:pt x="7108" y="51079"/>
                </a:lnTo>
                <a:lnTo>
                  <a:pt x="7536" y="51122"/>
                </a:lnTo>
                <a:lnTo>
                  <a:pt x="8007" y="51165"/>
                </a:lnTo>
                <a:lnTo>
                  <a:pt x="8521" y="51122"/>
                </a:lnTo>
                <a:lnTo>
                  <a:pt x="8992" y="50993"/>
                </a:lnTo>
                <a:lnTo>
                  <a:pt x="9163" y="51379"/>
                </a:lnTo>
                <a:lnTo>
                  <a:pt x="9420" y="51721"/>
                </a:lnTo>
                <a:lnTo>
                  <a:pt x="9463" y="51807"/>
                </a:lnTo>
                <a:lnTo>
                  <a:pt x="9463" y="51893"/>
                </a:lnTo>
                <a:lnTo>
                  <a:pt x="9420" y="52021"/>
                </a:lnTo>
                <a:lnTo>
                  <a:pt x="9248" y="52278"/>
                </a:lnTo>
                <a:lnTo>
                  <a:pt x="8863" y="53049"/>
                </a:lnTo>
                <a:lnTo>
                  <a:pt x="8692" y="53434"/>
                </a:lnTo>
                <a:lnTo>
                  <a:pt x="8649" y="53605"/>
                </a:lnTo>
                <a:lnTo>
                  <a:pt x="8606" y="53862"/>
                </a:lnTo>
                <a:lnTo>
                  <a:pt x="8563" y="54461"/>
                </a:lnTo>
                <a:lnTo>
                  <a:pt x="8606" y="54761"/>
                </a:lnTo>
                <a:lnTo>
                  <a:pt x="8606" y="55104"/>
                </a:lnTo>
                <a:lnTo>
                  <a:pt x="8692" y="55746"/>
                </a:lnTo>
                <a:lnTo>
                  <a:pt x="8735" y="56088"/>
                </a:lnTo>
                <a:lnTo>
                  <a:pt x="8735" y="56431"/>
                </a:lnTo>
                <a:lnTo>
                  <a:pt x="8735" y="56902"/>
                </a:lnTo>
                <a:lnTo>
                  <a:pt x="8649" y="57330"/>
                </a:lnTo>
                <a:lnTo>
                  <a:pt x="8521" y="57758"/>
                </a:lnTo>
                <a:lnTo>
                  <a:pt x="8392" y="58186"/>
                </a:lnTo>
                <a:lnTo>
                  <a:pt x="8221" y="58572"/>
                </a:lnTo>
                <a:lnTo>
                  <a:pt x="8007" y="58957"/>
                </a:lnTo>
                <a:lnTo>
                  <a:pt x="7793" y="59342"/>
                </a:lnTo>
                <a:lnTo>
                  <a:pt x="7579" y="59728"/>
                </a:lnTo>
                <a:lnTo>
                  <a:pt x="7493" y="59985"/>
                </a:lnTo>
                <a:lnTo>
                  <a:pt x="7450" y="60242"/>
                </a:lnTo>
                <a:lnTo>
                  <a:pt x="7407" y="60498"/>
                </a:lnTo>
                <a:lnTo>
                  <a:pt x="7407" y="60755"/>
                </a:lnTo>
                <a:lnTo>
                  <a:pt x="7450" y="61269"/>
                </a:lnTo>
                <a:lnTo>
                  <a:pt x="7407" y="61526"/>
                </a:lnTo>
                <a:lnTo>
                  <a:pt x="7365" y="61740"/>
                </a:lnTo>
                <a:lnTo>
                  <a:pt x="7279" y="61954"/>
                </a:lnTo>
                <a:lnTo>
                  <a:pt x="7150" y="62125"/>
                </a:lnTo>
                <a:lnTo>
                  <a:pt x="6894" y="62425"/>
                </a:lnTo>
                <a:lnTo>
                  <a:pt x="6594" y="62768"/>
                </a:lnTo>
                <a:lnTo>
                  <a:pt x="6508" y="62939"/>
                </a:lnTo>
                <a:lnTo>
                  <a:pt x="6423" y="63110"/>
                </a:lnTo>
                <a:lnTo>
                  <a:pt x="6380" y="63281"/>
                </a:lnTo>
                <a:lnTo>
                  <a:pt x="6380" y="63453"/>
                </a:lnTo>
                <a:lnTo>
                  <a:pt x="6337" y="63838"/>
                </a:lnTo>
                <a:lnTo>
                  <a:pt x="6251" y="64095"/>
                </a:lnTo>
                <a:lnTo>
                  <a:pt x="6123" y="64352"/>
                </a:lnTo>
                <a:lnTo>
                  <a:pt x="5994" y="64651"/>
                </a:lnTo>
                <a:lnTo>
                  <a:pt x="5866" y="64994"/>
                </a:lnTo>
                <a:lnTo>
                  <a:pt x="5823" y="65337"/>
                </a:lnTo>
                <a:lnTo>
                  <a:pt x="5823" y="65465"/>
                </a:lnTo>
                <a:lnTo>
                  <a:pt x="5866" y="65636"/>
                </a:lnTo>
                <a:lnTo>
                  <a:pt x="5909" y="65765"/>
                </a:lnTo>
                <a:lnTo>
                  <a:pt x="5952" y="65850"/>
                </a:lnTo>
                <a:lnTo>
                  <a:pt x="6037" y="65893"/>
                </a:lnTo>
                <a:lnTo>
                  <a:pt x="6123" y="65936"/>
                </a:lnTo>
                <a:lnTo>
                  <a:pt x="6594" y="65936"/>
                </a:lnTo>
                <a:lnTo>
                  <a:pt x="7150" y="65850"/>
                </a:lnTo>
                <a:lnTo>
                  <a:pt x="7664" y="65722"/>
                </a:lnTo>
                <a:lnTo>
                  <a:pt x="8221" y="65593"/>
                </a:lnTo>
                <a:lnTo>
                  <a:pt x="8735" y="65422"/>
                </a:lnTo>
                <a:lnTo>
                  <a:pt x="9077" y="65251"/>
                </a:lnTo>
                <a:lnTo>
                  <a:pt x="9463" y="65037"/>
                </a:lnTo>
                <a:lnTo>
                  <a:pt x="9762" y="64780"/>
                </a:lnTo>
                <a:lnTo>
                  <a:pt x="9891" y="64651"/>
                </a:lnTo>
                <a:lnTo>
                  <a:pt x="9976" y="64480"/>
                </a:lnTo>
                <a:lnTo>
                  <a:pt x="10019" y="64181"/>
                </a:lnTo>
                <a:lnTo>
                  <a:pt x="9976" y="63924"/>
                </a:lnTo>
                <a:lnTo>
                  <a:pt x="9891" y="63667"/>
                </a:lnTo>
                <a:lnTo>
                  <a:pt x="9719" y="63453"/>
                </a:lnTo>
                <a:lnTo>
                  <a:pt x="9548" y="63196"/>
                </a:lnTo>
                <a:lnTo>
                  <a:pt x="9420" y="62939"/>
                </a:lnTo>
                <a:lnTo>
                  <a:pt x="9420" y="62768"/>
                </a:lnTo>
                <a:lnTo>
                  <a:pt x="9420" y="62639"/>
                </a:lnTo>
                <a:lnTo>
                  <a:pt x="9463" y="62511"/>
                </a:lnTo>
                <a:lnTo>
                  <a:pt x="9548" y="62339"/>
                </a:lnTo>
                <a:lnTo>
                  <a:pt x="9677" y="62211"/>
                </a:lnTo>
                <a:lnTo>
                  <a:pt x="9805" y="62083"/>
                </a:lnTo>
                <a:lnTo>
                  <a:pt x="9976" y="61997"/>
                </a:lnTo>
                <a:lnTo>
                  <a:pt x="10105" y="61868"/>
                </a:lnTo>
                <a:lnTo>
                  <a:pt x="10190" y="61697"/>
                </a:lnTo>
                <a:lnTo>
                  <a:pt x="10276" y="61526"/>
                </a:lnTo>
                <a:lnTo>
                  <a:pt x="10319" y="61312"/>
                </a:lnTo>
                <a:lnTo>
                  <a:pt x="10319" y="61141"/>
                </a:lnTo>
                <a:lnTo>
                  <a:pt x="10276" y="60884"/>
                </a:lnTo>
                <a:lnTo>
                  <a:pt x="10233" y="60584"/>
                </a:lnTo>
                <a:lnTo>
                  <a:pt x="10190" y="60327"/>
                </a:lnTo>
                <a:lnTo>
                  <a:pt x="10190" y="60070"/>
                </a:lnTo>
                <a:lnTo>
                  <a:pt x="10190" y="59385"/>
                </a:lnTo>
                <a:lnTo>
                  <a:pt x="10233" y="58700"/>
                </a:lnTo>
                <a:lnTo>
                  <a:pt x="10276" y="58400"/>
                </a:lnTo>
                <a:lnTo>
                  <a:pt x="10362" y="58144"/>
                </a:lnTo>
                <a:lnTo>
                  <a:pt x="10576" y="57587"/>
                </a:lnTo>
                <a:lnTo>
                  <a:pt x="10875" y="57116"/>
                </a:lnTo>
                <a:lnTo>
                  <a:pt x="11175" y="56645"/>
                </a:lnTo>
                <a:lnTo>
                  <a:pt x="11304" y="56345"/>
                </a:lnTo>
                <a:lnTo>
                  <a:pt x="11389" y="56088"/>
                </a:lnTo>
                <a:lnTo>
                  <a:pt x="11518" y="55489"/>
                </a:lnTo>
                <a:lnTo>
                  <a:pt x="11603" y="54932"/>
                </a:lnTo>
                <a:lnTo>
                  <a:pt x="11732" y="54633"/>
                </a:lnTo>
                <a:lnTo>
                  <a:pt x="11860" y="54376"/>
                </a:lnTo>
                <a:lnTo>
                  <a:pt x="12074" y="54205"/>
                </a:lnTo>
                <a:lnTo>
                  <a:pt x="12246" y="53990"/>
                </a:lnTo>
                <a:lnTo>
                  <a:pt x="12716" y="53734"/>
                </a:lnTo>
                <a:lnTo>
                  <a:pt x="12973" y="53562"/>
                </a:lnTo>
                <a:lnTo>
                  <a:pt x="13145" y="53348"/>
                </a:lnTo>
                <a:lnTo>
                  <a:pt x="13273" y="53134"/>
                </a:lnTo>
                <a:lnTo>
                  <a:pt x="13402" y="52877"/>
                </a:lnTo>
                <a:lnTo>
                  <a:pt x="13701" y="52149"/>
                </a:lnTo>
                <a:lnTo>
                  <a:pt x="13872" y="51807"/>
                </a:lnTo>
                <a:lnTo>
                  <a:pt x="14129" y="51550"/>
                </a:lnTo>
                <a:lnTo>
                  <a:pt x="14343" y="51336"/>
                </a:lnTo>
                <a:lnTo>
                  <a:pt x="14600" y="51207"/>
                </a:lnTo>
                <a:lnTo>
                  <a:pt x="15114" y="50993"/>
                </a:lnTo>
                <a:lnTo>
                  <a:pt x="15371" y="50822"/>
                </a:lnTo>
                <a:lnTo>
                  <a:pt x="15671" y="50608"/>
                </a:lnTo>
                <a:lnTo>
                  <a:pt x="15885" y="50351"/>
                </a:lnTo>
                <a:lnTo>
                  <a:pt x="16099" y="50094"/>
                </a:lnTo>
                <a:lnTo>
                  <a:pt x="16185" y="49880"/>
                </a:lnTo>
                <a:lnTo>
                  <a:pt x="16270" y="49709"/>
                </a:lnTo>
                <a:lnTo>
                  <a:pt x="16399" y="49795"/>
                </a:lnTo>
                <a:lnTo>
                  <a:pt x="16484" y="49966"/>
                </a:lnTo>
                <a:lnTo>
                  <a:pt x="16613" y="50094"/>
                </a:lnTo>
                <a:lnTo>
                  <a:pt x="16741" y="50223"/>
                </a:lnTo>
                <a:lnTo>
                  <a:pt x="16912" y="50308"/>
                </a:lnTo>
                <a:lnTo>
                  <a:pt x="17084" y="50394"/>
                </a:lnTo>
                <a:lnTo>
                  <a:pt x="17469" y="50480"/>
                </a:lnTo>
                <a:lnTo>
                  <a:pt x="17683" y="50480"/>
                </a:lnTo>
                <a:lnTo>
                  <a:pt x="17812" y="50437"/>
                </a:lnTo>
                <a:lnTo>
                  <a:pt x="17897" y="50351"/>
                </a:lnTo>
                <a:lnTo>
                  <a:pt x="18026" y="50351"/>
                </a:lnTo>
                <a:lnTo>
                  <a:pt x="18068" y="50394"/>
                </a:lnTo>
                <a:lnTo>
                  <a:pt x="18111" y="50437"/>
                </a:lnTo>
                <a:lnTo>
                  <a:pt x="18197" y="50651"/>
                </a:lnTo>
                <a:lnTo>
                  <a:pt x="18197" y="51036"/>
                </a:lnTo>
                <a:lnTo>
                  <a:pt x="18197" y="51764"/>
                </a:lnTo>
                <a:lnTo>
                  <a:pt x="18240" y="52149"/>
                </a:lnTo>
                <a:lnTo>
                  <a:pt x="18325" y="52535"/>
                </a:lnTo>
                <a:lnTo>
                  <a:pt x="18411" y="52749"/>
                </a:lnTo>
                <a:lnTo>
                  <a:pt x="18497" y="52963"/>
                </a:lnTo>
                <a:lnTo>
                  <a:pt x="18753" y="53305"/>
                </a:lnTo>
                <a:lnTo>
                  <a:pt x="19053" y="53605"/>
                </a:lnTo>
                <a:lnTo>
                  <a:pt x="19396" y="53948"/>
                </a:lnTo>
                <a:lnTo>
                  <a:pt x="19567" y="54119"/>
                </a:lnTo>
                <a:lnTo>
                  <a:pt x="19695" y="54376"/>
                </a:lnTo>
                <a:lnTo>
                  <a:pt x="19952" y="54847"/>
                </a:lnTo>
                <a:lnTo>
                  <a:pt x="20166" y="55318"/>
                </a:lnTo>
                <a:lnTo>
                  <a:pt x="20338" y="55832"/>
                </a:lnTo>
                <a:lnTo>
                  <a:pt x="20509" y="56345"/>
                </a:lnTo>
                <a:lnTo>
                  <a:pt x="20552" y="56902"/>
                </a:lnTo>
                <a:lnTo>
                  <a:pt x="20595" y="57159"/>
                </a:lnTo>
                <a:lnTo>
                  <a:pt x="20637" y="57416"/>
                </a:lnTo>
                <a:lnTo>
                  <a:pt x="20766" y="57630"/>
                </a:lnTo>
                <a:lnTo>
                  <a:pt x="20894" y="57844"/>
                </a:lnTo>
                <a:lnTo>
                  <a:pt x="21065" y="57972"/>
                </a:lnTo>
                <a:lnTo>
                  <a:pt x="21237" y="58058"/>
                </a:lnTo>
                <a:lnTo>
                  <a:pt x="21579" y="58186"/>
                </a:lnTo>
                <a:lnTo>
                  <a:pt x="21965" y="58272"/>
                </a:lnTo>
                <a:lnTo>
                  <a:pt x="22350" y="58315"/>
                </a:lnTo>
                <a:lnTo>
                  <a:pt x="22650" y="58315"/>
                </a:lnTo>
                <a:lnTo>
                  <a:pt x="22821" y="58358"/>
                </a:lnTo>
                <a:lnTo>
                  <a:pt x="22949" y="58400"/>
                </a:lnTo>
                <a:lnTo>
                  <a:pt x="23078" y="58486"/>
                </a:lnTo>
                <a:lnTo>
                  <a:pt x="23206" y="58615"/>
                </a:lnTo>
                <a:lnTo>
                  <a:pt x="23292" y="58700"/>
                </a:lnTo>
                <a:lnTo>
                  <a:pt x="23420" y="58786"/>
                </a:lnTo>
                <a:lnTo>
                  <a:pt x="23549" y="58829"/>
                </a:lnTo>
                <a:lnTo>
                  <a:pt x="23677" y="58829"/>
                </a:lnTo>
                <a:lnTo>
                  <a:pt x="23891" y="58786"/>
                </a:lnTo>
                <a:lnTo>
                  <a:pt x="24105" y="58743"/>
                </a:lnTo>
                <a:lnTo>
                  <a:pt x="24362" y="58743"/>
                </a:lnTo>
                <a:lnTo>
                  <a:pt x="24876" y="58871"/>
                </a:lnTo>
                <a:lnTo>
                  <a:pt x="25176" y="58914"/>
                </a:lnTo>
                <a:lnTo>
                  <a:pt x="25304" y="58871"/>
                </a:lnTo>
                <a:lnTo>
                  <a:pt x="25433" y="58829"/>
                </a:lnTo>
                <a:lnTo>
                  <a:pt x="25647" y="58743"/>
                </a:lnTo>
                <a:lnTo>
                  <a:pt x="25775" y="58572"/>
                </a:lnTo>
                <a:lnTo>
                  <a:pt x="25861" y="58358"/>
                </a:lnTo>
                <a:lnTo>
                  <a:pt x="25946" y="58144"/>
                </a:lnTo>
                <a:lnTo>
                  <a:pt x="26032" y="57673"/>
                </a:lnTo>
                <a:lnTo>
                  <a:pt x="26075" y="57244"/>
                </a:lnTo>
                <a:lnTo>
                  <a:pt x="26118" y="57073"/>
                </a:lnTo>
                <a:lnTo>
                  <a:pt x="26503" y="57630"/>
                </a:lnTo>
                <a:lnTo>
                  <a:pt x="26888" y="58144"/>
                </a:lnTo>
                <a:lnTo>
                  <a:pt x="27745" y="59214"/>
                </a:lnTo>
                <a:lnTo>
                  <a:pt x="28044" y="59642"/>
                </a:lnTo>
                <a:lnTo>
                  <a:pt x="28301" y="60070"/>
                </a:lnTo>
                <a:lnTo>
                  <a:pt x="28515" y="60541"/>
                </a:lnTo>
                <a:lnTo>
                  <a:pt x="28729" y="61012"/>
                </a:lnTo>
                <a:lnTo>
                  <a:pt x="29029" y="61654"/>
                </a:lnTo>
                <a:lnTo>
                  <a:pt x="29329" y="62254"/>
                </a:lnTo>
                <a:lnTo>
                  <a:pt x="29372" y="62425"/>
                </a:lnTo>
                <a:lnTo>
                  <a:pt x="29372" y="62554"/>
                </a:lnTo>
                <a:lnTo>
                  <a:pt x="29329" y="62682"/>
                </a:lnTo>
                <a:lnTo>
                  <a:pt x="29286" y="62768"/>
                </a:lnTo>
                <a:lnTo>
                  <a:pt x="29115" y="62982"/>
                </a:lnTo>
                <a:lnTo>
                  <a:pt x="28944" y="63239"/>
                </a:lnTo>
                <a:lnTo>
                  <a:pt x="28858" y="63495"/>
                </a:lnTo>
                <a:lnTo>
                  <a:pt x="28772" y="63710"/>
                </a:lnTo>
                <a:lnTo>
                  <a:pt x="28558" y="64009"/>
                </a:lnTo>
                <a:lnTo>
                  <a:pt x="28473" y="64181"/>
                </a:lnTo>
                <a:lnTo>
                  <a:pt x="28387" y="64352"/>
                </a:lnTo>
                <a:lnTo>
                  <a:pt x="28344" y="64694"/>
                </a:lnTo>
                <a:lnTo>
                  <a:pt x="28258" y="64994"/>
                </a:lnTo>
                <a:lnTo>
                  <a:pt x="27873" y="65807"/>
                </a:lnTo>
                <a:lnTo>
                  <a:pt x="27788" y="65936"/>
                </a:lnTo>
                <a:lnTo>
                  <a:pt x="27788" y="66064"/>
                </a:lnTo>
                <a:lnTo>
                  <a:pt x="27788" y="66150"/>
                </a:lnTo>
                <a:lnTo>
                  <a:pt x="27873" y="66236"/>
                </a:lnTo>
                <a:lnTo>
                  <a:pt x="28044" y="66321"/>
                </a:lnTo>
                <a:lnTo>
                  <a:pt x="28301" y="66364"/>
                </a:lnTo>
                <a:lnTo>
                  <a:pt x="28729" y="66450"/>
                </a:lnTo>
                <a:lnTo>
                  <a:pt x="29158" y="66493"/>
                </a:lnTo>
                <a:lnTo>
                  <a:pt x="29586" y="66493"/>
                </a:lnTo>
                <a:lnTo>
                  <a:pt x="30014" y="66450"/>
                </a:lnTo>
                <a:lnTo>
                  <a:pt x="30442" y="66407"/>
                </a:lnTo>
                <a:lnTo>
                  <a:pt x="30785" y="66321"/>
                </a:lnTo>
                <a:lnTo>
                  <a:pt x="31170" y="66193"/>
                </a:lnTo>
                <a:lnTo>
                  <a:pt x="31512" y="66022"/>
                </a:lnTo>
                <a:lnTo>
                  <a:pt x="31641" y="65936"/>
                </a:lnTo>
                <a:lnTo>
                  <a:pt x="31727" y="65850"/>
                </a:lnTo>
                <a:lnTo>
                  <a:pt x="31769" y="65722"/>
                </a:lnTo>
                <a:lnTo>
                  <a:pt x="31769" y="65593"/>
                </a:lnTo>
                <a:lnTo>
                  <a:pt x="31727" y="65337"/>
                </a:lnTo>
                <a:lnTo>
                  <a:pt x="31684" y="65080"/>
                </a:lnTo>
                <a:lnTo>
                  <a:pt x="31684" y="64609"/>
                </a:lnTo>
                <a:lnTo>
                  <a:pt x="31727" y="64138"/>
                </a:lnTo>
                <a:lnTo>
                  <a:pt x="31812" y="63710"/>
                </a:lnTo>
                <a:lnTo>
                  <a:pt x="31941" y="63281"/>
                </a:lnTo>
                <a:lnTo>
                  <a:pt x="32069" y="62939"/>
                </a:lnTo>
                <a:lnTo>
                  <a:pt x="32240" y="62596"/>
                </a:lnTo>
                <a:lnTo>
                  <a:pt x="32540" y="61954"/>
                </a:lnTo>
                <a:lnTo>
                  <a:pt x="33011" y="60712"/>
                </a:lnTo>
                <a:lnTo>
                  <a:pt x="33182" y="60199"/>
                </a:lnTo>
                <a:lnTo>
                  <a:pt x="33311" y="59899"/>
                </a:lnTo>
                <a:lnTo>
                  <a:pt x="33396" y="59642"/>
                </a:lnTo>
                <a:lnTo>
                  <a:pt x="33824" y="58957"/>
                </a:lnTo>
                <a:lnTo>
                  <a:pt x="34295" y="58272"/>
                </a:lnTo>
                <a:lnTo>
                  <a:pt x="34552" y="57844"/>
                </a:lnTo>
                <a:lnTo>
                  <a:pt x="34809" y="57373"/>
                </a:lnTo>
                <a:lnTo>
                  <a:pt x="34938" y="56902"/>
                </a:lnTo>
                <a:lnTo>
                  <a:pt x="34980" y="56645"/>
                </a:lnTo>
                <a:lnTo>
                  <a:pt x="34980" y="56345"/>
                </a:lnTo>
                <a:lnTo>
                  <a:pt x="34938" y="55874"/>
                </a:lnTo>
                <a:lnTo>
                  <a:pt x="34895" y="55361"/>
                </a:lnTo>
                <a:lnTo>
                  <a:pt x="34938" y="54718"/>
                </a:lnTo>
                <a:lnTo>
                  <a:pt x="34980" y="54119"/>
                </a:lnTo>
                <a:lnTo>
                  <a:pt x="35109" y="53605"/>
                </a:lnTo>
                <a:lnTo>
                  <a:pt x="35237" y="53091"/>
                </a:lnTo>
                <a:lnTo>
                  <a:pt x="35494" y="52064"/>
                </a:lnTo>
                <a:lnTo>
                  <a:pt x="35580" y="51550"/>
                </a:lnTo>
                <a:lnTo>
                  <a:pt x="35623" y="51036"/>
                </a:lnTo>
                <a:lnTo>
                  <a:pt x="35666" y="49966"/>
                </a:lnTo>
                <a:lnTo>
                  <a:pt x="35708" y="49495"/>
                </a:lnTo>
                <a:lnTo>
                  <a:pt x="35794" y="49024"/>
                </a:lnTo>
                <a:lnTo>
                  <a:pt x="35922" y="48553"/>
                </a:lnTo>
                <a:lnTo>
                  <a:pt x="36094" y="48125"/>
                </a:lnTo>
                <a:lnTo>
                  <a:pt x="36265" y="47654"/>
                </a:lnTo>
                <a:lnTo>
                  <a:pt x="36393" y="47183"/>
                </a:lnTo>
                <a:lnTo>
                  <a:pt x="36565" y="46755"/>
                </a:lnTo>
                <a:lnTo>
                  <a:pt x="36822" y="46327"/>
                </a:lnTo>
                <a:lnTo>
                  <a:pt x="37078" y="45941"/>
                </a:lnTo>
                <a:lnTo>
                  <a:pt x="37378" y="45556"/>
                </a:lnTo>
                <a:lnTo>
                  <a:pt x="37849" y="44828"/>
                </a:lnTo>
                <a:lnTo>
                  <a:pt x="38320" y="44057"/>
                </a:lnTo>
                <a:lnTo>
                  <a:pt x="38449" y="44314"/>
                </a:lnTo>
                <a:lnTo>
                  <a:pt x="38577" y="44571"/>
                </a:lnTo>
                <a:lnTo>
                  <a:pt x="38620" y="44828"/>
                </a:lnTo>
                <a:lnTo>
                  <a:pt x="38663" y="45085"/>
                </a:lnTo>
                <a:lnTo>
                  <a:pt x="38663" y="45342"/>
                </a:lnTo>
                <a:lnTo>
                  <a:pt x="38663" y="45599"/>
                </a:lnTo>
                <a:lnTo>
                  <a:pt x="38577" y="45856"/>
                </a:lnTo>
                <a:lnTo>
                  <a:pt x="38449" y="46112"/>
                </a:lnTo>
                <a:lnTo>
                  <a:pt x="38192" y="46498"/>
                </a:lnTo>
                <a:lnTo>
                  <a:pt x="37892" y="46840"/>
                </a:lnTo>
                <a:lnTo>
                  <a:pt x="37763" y="47054"/>
                </a:lnTo>
                <a:lnTo>
                  <a:pt x="37635" y="47268"/>
                </a:lnTo>
                <a:lnTo>
                  <a:pt x="37592" y="47483"/>
                </a:lnTo>
                <a:lnTo>
                  <a:pt x="37549" y="47697"/>
                </a:lnTo>
                <a:lnTo>
                  <a:pt x="37592" y="48039"/>
                </a:lnTo>
                <a:lnTo>
                  <a:pt x="37721" y="48382"/>
                </a:lnTo>
                <a:lnTo>
                  <a:pt x="37892" y="48681"/>
                </a:lnTo>
                <a:lnTo>
                  <a:pt x="38106" y="48981"/>
                </a:lnTo>
                <a:lnTo>
                  <a:pt x="37978" y="48767"/>
                </a:lnTo>
                <a:lnTo>
                  <a:pt x="37935" y="48639"/>
                </a:lnTo>
                <a:lnTo>
                  <a:pt x="37892" y="48510"/>
                </a:lnTo>
                <a:lnTo>
                  <a:pt x="37892" y="48296"/>
                </a:lnTo>
                <a:lnTo>
                  <a:pt x="37978" y="48125"/>
                </a:lnTo>
                <a:lnTo>
                  <a:pt x="38106" y="47911"/>
                </a:lnTo>
                <a:lnTo>
                  <a:pt x="38234" y="47782"/>
                </a:lnTo>
                <a:lnTo>
                  <a:pt x="38620" y="47440"/>
                </a:lnTo>
                <a:lnTo>
                  <a:pt x="39005" y="47140"/>
                </a:lnTo>
                <a:lnTo>
                  <a:pt x="39134" y="46969"/>
                </a:lnTo>
                <a:lnTo>
                  <a:pt x="39305" y="46755"/>
                </a:lnTo>
                <a:lnTo>
                  <a:pt x="39390" y="46541"/>
                </a:lnTo>
                <a:lnTo>
                  <a:pt x="39433" y="46327"/>
                </a:lnTo>
                <a:lnTo>
                  <a:pt x="39433" y="46112"/>
                </a:lnTo>
                <a:lnTo>
                  <a:pt x="39433" y="45941"/>
                </a:lnTo>
                <a:lnTo>
                  <a:pt x="39305" y="45556"/>
                </a:lnTo>
                <a:lnTo>
                  <a:pt x="39262" y="45385"/>
                </a:lnTo>
                <a:lnTo>
                  <a:pt x="39262" y="45213"/>
                </a:lnTo>
                <a:lnTo>
                  <a:pt x="39262" y="45042"/>
                </a:lnTo>
                <a:lnTo>
                  <a:pt x="39348" y="44828"/>
                </a:lnTo>
                <a:lnTo>
                  <a:pt x="39519" y="44571"/>
                </a:lnTo>
                <a:lnTo>
                  <a:pt x="39647" y="44443"/>
                </a:lnTo>
                <a:lnTo>
                  <a:pt x="39776" y="44357"/>
                </a:lnTo>
                <a:lnTo>
                  <a:pt x="39776" y="44357"/>
                </a:lnTo>
                <a:lnTo>
                  <a:pt x="39690" y="44657"/>
                </a:lnTo>
                <a:lnTo>
                  <a:pt x="39690" y="44914"/>
                </a:lnTo>
                <a:lnTo>
                  <a:pt x="39733" y="45213"/>
                </a:lnTo>
                <a:lnTo>
                  <a:pt x="39861" y="45470"/>
                </a:lnTo>
                <a:lnTo>
                  <a:pt x="40033" y="45856"/>
                </a:lnTo>
                <a:lnTo>
                  <a:pt x="40118" y="46027"/>
                </a:lnTo>
                <a:lnTo>
                  <a:pt x="40118" y="46198"/>
                </a:lnTo>
                <a:lnTo>
                  <a:pt x="40118" y="46369"/>
                </a:lnTo>
                <a:lnTo>
                  <a:pt x="40118" y="46583"/>
                </a:lnTo>
                <a:lnTo>
                  <a:pt x="40033" y="46755"/>
                </a:lnTo>
                <a:lnTo>
                  <a:pt x="39904" y="46926"/>
                </a:lnTo>
                <a:lnTo>
                  <a:pt x="39647" y="47311"/>
                </a:lnTo>
                <a:lnTo>
                  <a:pt x="39348" y="47654"/>
                </a:lnTo>
                <a:lnTo>
                  <a:pt x="39219" y="47825"/>
                </a:lnTo>
                <a:lnTo>
                  <a:pt x="39134" y="47996"/>
                </a:lnTo>
                <a:lnTo>
                  <a:pt x="39048" y="48210"/>
                </a:lnTo>
                <a:lnTo>
                  <a:pt x="39005" y="48467"/>
                </a:lnTo>
                <a:lnTo>
                  <a:pt x="39048" y="48724"/>
                </a:lnTo>
                <a:lnTo>
                  <a:pt x="39091" y="48981"/>
                </a:lnTo>
                <a:lnTo>
                  <a:pt x="39348" y="49366"/>
                </a:lnTo>
                <a:lnTo>
                  <a:pt x="39305" y="49195"/>
                </a:lnTo>
                <a:lnTo>
                  <a:pt x="39305" y="48981"/>
                </a:lnTo>
                <a:lnTo>
                  <a:pt x="39390" y="48810"/>
                </a:lnTo>
                <a:lnTo>
                  <a:pt x="39476" y="48596"/>
                </a:lnTo>
                <a:lnTo>
                  <a:pt x="39647" y="48424"/>
                </a:lnTo>
                <a:lnTo>
                  <a:pt x="39776" y="48296"/>
                </a:lnTo>
                <a:lnTo>
                  <a:pt x="40118" y="48082"/>
                </a:lnTo>
                <a:lnTo>
                  <a:pt x="40375" y="47996"/>
                </a:lnTo>
                <a:lnTo>
                  <a:pt x="40589" y="47911"/>
                </a:lnTo>
                <a:lnTo>
                  <a:pt x="40846" y="47825"/>
                </a:lnTo>
                <a:lnTo>
                  <a:pt x="41060" y="47697"/>
                </a:lnTo>
                <a:lnTo>
                  <a:pt x="41232" y="47525"/>
                </a:lnTo>
                <a:lnTo>
                  <a:pt x="41403" y="47311"/>
                </a:lnTo>
                <a:lnTo>
                  <a:pt x="41488" y="47097"/>
                </a:lnTo>
                <a:lnTo>
                  <a:pt x="41574" y="46840"/>
                </a:lnTo>
                <a:lnTo>
                  <a:pt x="41574" y="46583"/>
                </a:lnTo>
                <a:lnTo>
                  <a:pt x="41574" y="46369"/>
                </a:lnTo>
                <a:lnTo>
                  <a:pt x="41488" y="46198"/>
                </a:lnTo>
                <a:lnTo>
                  <a:pt x="41403" y="45984"/>
                </a:lnTo>
                <a:lnTo>
                  <a:pt x="41189" y="45641"/>
                </a:lnTo>
                <a:lnTo>
                  <a:pt x="41060" y="45427"/>
                </a:lnTo>
                <a:lnTo>
                  <a:pt x="41017" y="45213"/>
                </a:lnTo>
                <a:lnTo>
                  <a:pt x="40975" y="45085"/>
                </a:lnTo>
                <a:lnTo>
                  <a:pt x="40975" y="44914"/>
                </a:lnTo>
                <a:lnTo>
                  <a:pt x="41060" y="44614"/>
                </a:lnTo>
                <a:lnTo>
                  <a:pt x="41103" y="44314"/>
                </a:lnTo>
                <a:lnTo>
                  <a:pt x="41146" y="44186"/>
                </a:lnTo>
                <a:lnTo>
                  <a:pt x="41146" y="44015"/>
                </a:lnTo>
                <a:lnTo>
                  <a:pt x="41274" y="44571"/>
                </a:lnTo>
                <a:lnTo>
                  <a:pt x="41403" y="44785"/>
                </a:lnTo>
                <a:lnTo>
                  <a:pt x="41617" y="45042"/>
                </a:lnTo>
                <a:lnTo>
                  <a:pt x="41917" y="45299"/>
                </a:lnTo>
                <a:lnTo>
                  <a:pt x="42173" y="45513"/>
                </a:lnTo>
                <a:lnTo>
                  <a:pt x="42302" y="45641"/>
                </a:lnTo>
                <a:lnTo>
                  <a:pt x="42388" y="45770"/>
                </a:lnTo>
                <a:lnTo>
                  <a:pt x="42473" y="45941"/>
                </a:lnTo>
                <a:lnTo>
                  <a:pt x="42516" y="46155"/>
                </a:lnTo>
                <a:lnTo>
                  <a:pt x="42516" y="46412"/>
                </a:lnTo>
                <a:lnTo>
                  <a:pt x="42473" y="46669"/>
                </a:lnTo>
                <a:lnTo>
                  <a:pt x="42388" y="46926"/>
                </a:lnTo>
                <a:lnTo>
                  <a:pt x="42259" y="47183"/>
                </a:lnTo>
                <a:lnTo>
                  <a:pt x="42131" y="47440"/>
                </a:lnTo>
                <a:lnTo>
                  <a:pt x="41959" y="47654"/>
                </a:lnTo>
                <a:lnTo>
                  <a:pt x="41788" y="47868"/>
                </a:lnTo>
                <a:lnTo>
                  <a:pt x="41617" y="48039"/>
                </a:lnTo>
                <a:lnTo>
                  <a:pt x="41617" y="48039"/>
                </a:lnTo>
                <a:lnTo>
                  <a:pt x="42088" y="47911"/>
                </a:lnTo>
                <a:lnTo>
                  <a:pt x="42559" y="47739"/>
                </a:lnTo>
                <a:lnTo>
                  <a:pt x="42816" y="47611"/>
                </a:lnTo>
                <a:lnTo>
                  <a:pt x="43030" y="47483"/>
                </a:lnTo>
                <a:lnTo>
                  <a:pt x="43201" y="47311"/>
                </a:lnTo>
                <a:lnTo>
                  <a:pt x="43372" y="47140"/>
                </a:lnTo>
                <a:lnTo>
                  <a:pt x="43501" y="46926"/>
                </a:lnTo>
                <a:lnTo>
                  <a:pt x="43586" y="46755"/>
                </a:lnTo>
                <a:lnTo>
                  <a:pt x="43629" y="46583"/>
                </a:lnTo>
                <a:lnTo>
                  <a:pt x="43672" y="46369"/>
                </a:lnTo>
                <a:lnTo>
                  <a:pt x="43629" y="46027"/>
                </a:lnTo>
                <a:lnTo>
                  <a:pt x="43544" y="45684"/>
                </a:lnTo>
                <a:lnTo>
                  <a:pt x="43329" y="45385"/>
                </a:lnTo>
                <a:lnTo>
                  <a:pt x="43115" y="45042"/>
                </a:lnTo>
                <a:lnTo>
                  <a:pt x="42859" y="44785"/>
                </a:lnTo>
                <a:lnTo>
                  <a:pt x="42559" y="44528"/>
                </a:lnTo>
                <a:lnTo>
                  <a:pt x="42216" y="44229"/>
                </a:lnTo>
                <a:lnTo>
                  <a:pt x="41959" y="43929"/>
                </a:lnTo>
                <a:lnTo>
                  <a:pt x="41745" y="43586"/>
                </a:lnTo>
                <a:lnTo>
                  <a:pt x="41574" y="43201"/>
                </a:lnTo>
                <a:lnTo>
                  <a:pt x="41446" y="42816"/>
                </a:lnTo>
                <a:lnTo>
                  <a:pt x="41403" y="42388"/>
                </a:lnTo>
                <a:lnTo>
                  <a:pt x="41317" y="41959"/>
                </a:lnTo>
                <a:lnTo>
                  <a:pt x="41232" y="41531"/>
                </a:lnTo>
                <a:lnTo>
                  <a:pt x="41060" y="41146"/>
                </a:lnTo>
                <a:lnTo>
                  <a:pt x="40846" y="40761"/>
                </a:lnTo>
                <a:lnTo>
                  <a:pt x="40589" y="40418"/>
                </a:lnTo>
                <a:lnTo>
                  <a:pt x="40332" y="40076"/>
                </a:lnTo>
                <a:lnTo>
                  <a:pt x="40118" y="39819"/>
                </a:lnTo>
                <a:lnTo>
                  <a:pt x="39904" y="39605"/>
                </a:lnTo>
                <a:lnTo>
                  <a:pt x="40247" y="39647"/>
                </a:lnTo>
                <a:lnTo>
                  <a:pt x="40546" y="39733"/>
                </a:lnTo>
                <a:lnTo>
                  <a:pt x="40803" y="39904"/>
                </a:lnTo>
                <a:lnTo>
                  <a:pt x="41060" y="40161"/>
                </a:lnTo>
                <a:lnTo>
                  <a:pt x="41274" y="40461"/>
                </a:lnTo>
                <a:lnTo>
                  <a:pt x="41574" y="40718"/>
                </a:lnTo>
                <a:lnTo>
                  <a:pt x="41874" y="40932"/>
                </a:lnTo>
                <a:lnTo>
                  <a:pt x="42216" y="41103"/>
                </a:lnTo>
                <a:lnTo>
                  <a:pt x="42473" y="41146"/>
                </a:lnTo>
                <a:lnTo>
                  <a:pt x="42730" y="41060"/>
                </a:lnTo>
                <a:lnTo>
                  <a:pt x="42901" y="40975"/>
                </a:lnTo>
                <a:lnTo>
                  <a:pt x="43073" y="40761"/>
                </a:lnTo>
                <a:lnTo>
                  <a:pt x="43201" y="40546"/>
                </a:lnTo>
                <a:lnTo>
                  <a:pt x="43287" y="40332"/>
                </a:lnTo>
                <a:lnTo>
                  <a:pt x="43415" y="39861"/>
                </a:lnTo>
                <a:lnTo>
                  <a:pt x="43372" y="39947"/>
                </a:lnTo>
                <a:lnTo>
                  <a:pt x="43287" y="40033"/>
                </a:lnTo>
                <a:lnTo>
                  <a:pt x="43115" y="40204"/>
                </a:lnTo>
                <a:lnTo>
                  <a:pt x="42859" y="40290"/>
                </a:lnTo>
                <a:lnTo>
                  <a:pt x="42644" y="40375"/>
                </a:lnTo>
                <a:lnTo>
                  <a:pt x="42473" y="40418"/>
                </a:lnTo>
                <a:lnTo>
                  <a:pt x="42302" y="40418"/>
                </a:lnTo>
                <a:lnTo>
                  <a:pt x="42131" y="40375"/>
                </a:lnTo>
                <a:lnTo>
                  <a:pt x="41959" y="40332"/>
                </a:lnTo>
                <a:lnTo>
                  <a:pt x="41831" y="40290"/>
                </a:lnTo>
                <a:lnTo>
                  <a:pt x="41703" y="40161"/>
                </a:lnTo>
                <a:lnTo>
                  <a:pt x="41574" y="40076"/>
                </a:lnTo>
                <a:lnTo>
                  <a:pt x="41488" y="39904"/>
                </a:lnTo>
                <a:lnTo>
                  <a:pt x="41317" y="39605"/>
                </a:lnTo>
                <a:lnTo>
                  <a:pt x="41189" y="39305"/>
                </a:lnTo>
                <a:lnTo>
                  <a:pt x="41060" y="39005"/>
                </a:lnTo>
                <a:lnTo>
                  <a:pt x="40846" y="38791"/>
                </a:lnTo>
                <a:lnTo>
                  <a:pt x="40975" y="38877"/>
                </a:lnTo>
                <a:lnTo>
                  <a:pt x="41146" y="38919"/>
                </a:lnTo>
                <a:lnTo>
                  <a:pt x="41317" y="38962"/>
                </a:lnTo>
                <a:lnTo>
                  <a:pt x="41488" y="38919"/>
                </a:lnTo>
                <a:lnTo>
                  <a:pt x="41874" y="38834"/>
                </a:lnTo>
                <a:lnTo>
                  <a:pt x="42216" y="38748"/>
                </a:lnTo>
                <a:lnTo>
                  <a:pt x="42430" y="38577"/>
                </a:lnTo>
                <a:lnTo>
                  <a:pt x="42602" y="38363"/>
                </a:lnTo>
                <a:lnTo>
                  <a:pt x="42730" y="38149"/>
                </a:lnTo>
                <a:lnTo>
                  <a:pt x="42773" y="37849"/>
                </a:lnTo>
                <a:lnTo>
                  <a:pt x="42773" y="37592"/>
                </a:lnTo>
                <a:lnTo>
                  <a:pt x="42773" y="37293"/>
                </a:lnTo>
                <a:lnTo>
                  <a:pt x="42730" y="36993"/>
                </a:lnTo>
                <a:lnTo>
                  <a:pt x="42644" y="36736"/>
                </a:lnTo>
                <a:lnTo>
                  <a:pt x="42602" y="37078"/>
                </a:lnTo>
                <a:lnTo>
                  <a:pt x="42559" y="37378"/>
                </a:lnTo>
                <a:lnTo>
                  <a:pt x="42430" y="37678"/>
                </a:lnTo>
                <a:lnTo>
                  <a:pt x="42302" y="37806"/>
                </a:lnTo>
                <a:lnTo>
                  <a:pt x="42216" y="37935"/>
                </a:lnTo>
                <a:lnTo>
                  <a:pt x="42002" y="38106"/>
                </a:lnTo>
                <a:lnTo>
                  <a:pt x="41831" y="38192"/>
                </a:lnTo>
                <a:lnTo>
                  <a:pt x="41617" y="38192"/>
                </a:lnTo>
                <a:lnTo>
                  <a:pt x="41446" y="38149"/>
                </a:lnTo>
                <a:lnTo>
                  <a:pt x="41232" y="38063"/>
                </a:lnTo>
                <a:lnTo>
                  <a:pt x="41060" y="37978"/>
                </a:lnTo>
                <a:lnTo>
                  <a:pt x="40761" y="37635"/>
                </a:lnTo>
                <a:lnTo>
                  <a:pt x="40332" y="37164"/>
                </a:lnTo>
                <a:lnTo>
                  <a:pt x="39819" y="36650"/>
                </a:lnTo>
                <a:lnTo>
                  <a:pt x="39562" y="36436"/>
                </a:lnTo>
                <a:lnTo>
                  <a:pt x="39305" y="36265"/>
                </a:lnTo>
                <a:lnTo>
                  <a:pt x="39005" y="36137"/>
                </a:lnTo>
                <a:lnTo>
                  <a:pt x="38705" y="36008"/>
                </a:lnTo>
                <a:lnTo>
                  <a:pt x="38406" y="35965"/>
                </a:lnTo>
                <a:lnTo>
                  <a:pt x="38192" y="35580"/>
                </a:lnTo>
                <a:lnTo>
                  <a:pt x="37978" y="35152"/>
                </a:lnTo>
                <a:lnTo>
                  <a:pt x="37763" y="34852"/>
                </a:lnTo>
                <a:lnTo>
                  <a:pt x="37507" y="34595"/>
                </a:lnTo>
                <a:lnTo>
                  <a:pt x="37250" y="34338"/>
                </a:lnTo>
                <a:lnTo>
                  <a:pt x="37121" y="34210"/>
                </a:lnTo>
                <a:lnTo>
                  <a:pt x="37036" y="34081"/>
                </a:lnTo>
                <a:lnTo>
                  <a:pt x="36993" y="33867"/>
                </a:lnTo>
                <a:lnTo>
                  <a:pt x="36950" y="33653"/>
                </a:lnTo>
                <a:lnTo>
                  <a:pt x="36822" y="33225"/>
                </a:lnTo>
                <a:lnTo>
                  <a:pt x="36650" y="32797"/>
                </a:lnTo>
                <a:lnTo>
                  <a:pt x="36436" y="32369"/>
                </a:lnTo>
                <a:lnTo>
                  <a:pt x="36179" y="31983"/>
                </a:lnTo>
                <a:lnTo>
                  <a:pt x="35837" y="31641"/>
                </a:lnTo>
                <a:lnTo>
                  <a:pt x="35580" y="31427"/>
                </a:lnTo>
                <a:lnTo>
                  <a:pt x="35366" y="31170"/>
                </a:lnTo>
                <a:lnTo>
                  <a:pt x="35195" y="30913"/>
                </a:lnTo>
                <a:lnTo>
                  <a:pt x="35023" y="30699"/>
                </a:lnTo>
                <a:lnTo>
                  <a:pt x="34852" y="30571"/>
                </a:lnTo>
                <a:lnTo>
                  <a:pt x="34724" y="30485"/>
                </a:lnTo>
                <a:lnTo>
                  <a:pt x="34552" y="30356"/>
                </a:lnTo>
                <a:lnTo>
                  <a:pt x="34424" y="30271"/>
                </a:lnTo>
                <a:lnTo>
                  <a:pt x="34338" y="30100"/>
                </a:lnTo>
                <a:lnTo>
                  <a:pt x="34253" y="29971"/>
                </a:lnTo>
                <a:lnTo>
                  <a:pt x="34253" y="29800"/>
                </a:lnTo>
                <a:lnTo>
                  <a:pt x="34295" y="29629"/>
                </a:lnTo>
                <a:lnTo>
                  <a:pt x="34510" y="29329"/>
                </a:lnTo>
                <a:lnTo>
                  <a:pt x="34724" y="28986"/>
                </a:lnTo>
                <a:lnTo>
                  <a:pt x="34895" y="28644"/>
                </a:lnTo>
                <a:lnTo>
                  <a:pt x="34980" y="28301"/>
                </a:lnTo>
                <a:lnTo>
                  <a:pt x="35023" y="27959"/>
                </a:lnTo>
                <a:lnTo>
                  <a:pt x="35023" y="27573"/>
                </a:lnTo>
                <a:lnTo>
                  <a:pt x="34980" y="26974"/>
                </a:lnTo>
                <a:lnTo>
                  <a:pt x="34852" y="26417"/>
                </a:lnTo>
                <a:lnTo>
                  <a:pt x="34724" y="25861"/>
                </a:lnTo>
                <a:lnTo>
                  <a:pt x="34552" y="25261"/>
                </a:lnTo>
                <a:lnTo>
                  <a:pt x="34381" y="24790"/>
                </a:lnTo>
                <a:lnTo>
                  <a:pt x="34253" y="24576"/>
                </a:lnTo>
                <a:lnTo>
                  <a:pt x="34124" y="24362"/>
                </a:lnTo>
                <a:lnTo>
                  <a:pt x="33996" y="24277"/>
                </a:lnTo>
                <a:lnTo>
                  <a:pt x="33867" y="24234"/>
                </a:lnTo>
                <a:lnTo>
                  <a:pt x="33610" y="24191"/>
                </a:lnTo>
                <a:lnTo>
                  <a:pt x="33311" y="24191"/>
                </a:lnTo>
                <a:lnTo>
                  <a:pt x="33225" y="24148"/>
                </a:lnTo>
                <a:lnTo>
                  <a:pt x="33097" y="24063"/>
                </a:lnTo>
                <a:lnTo>
                  <a:pt x="33011" y="23977"/>
                </a:lnTo>
                <a:lnTo>
                  <a:pt x="33011" y="23934"/>
                </a:lnTo>
                <a:lnTo>
                  <a:pt x="33054" y="23891"/>
                </a:lnTo>
                <a:lnTo>
                  <a:pt x="33182" y="23849"/>
                </a:lnTo>
                <a:lnTo>
                  <a:pt x="33696" y="23849"/>
                </a:lnTo>
                <a:lnTo>
                  <a:pt x="33910" y="23891"/>
                </a:lnTo>
                <a:lnTo>
                  <a:pt x="33910" y="23763"/>
                </a:lnTo>
                <a:lnTo>
                  <a:pt x="33867" y="23677"/>
                </a:lnTo>
                <a:lnTo>
                  <a:pt x="33696" y="23506"/>
                </a:lnTo>
                <a:lnTo>
                  <a:pt x="33525" y="23378"/>
                </a:lnTo>
                <a:lnTo>
                  <a:pt x="33311" y="23292"/>
                </a:lnTo>
                <a:lnTo>
                  <a:pt x="32754" y="23035"/>
                </a:lnTo>
                <a:lnTo>
                  <a:pt x="32497" y="22864"/>
                </a:lnTo>
                <a:lnTo>
                  <a:pt x="32240" y="22693"/>
                </a:lnTo>
                <a:lnTo>
                  <a:pt x="32069" y="22607"/>
                </a:lnTo>
                <a:lnTo>
                  <a:pt x="31941" y="22521"/>
                </a:lnTo>
                <a:lnTo>
                  <a:pt x="31769" y="22436"/>
                </a:lnTo>
                <a:lnTo>
                  <a:pt x="31598" y="22350"/>
                </a:lnTo>
                <a:lnTo>
                  <a:pt x="31470" y="22264"/>
                </a:lnTo>
                <a:lnTo>
                  <a:pt x="31298" y="22179"/>
                </a:lnTo>
                <a:lnTo>
                  <a:pt x="31170" y="22136"/>
                </a:lnTo>
                <a:lnTo>
                  <a:pt x="30956" y="22136"/>
                </a:lnTo>
                <a:lnTo>
                  <a:pt x="30870" y="21965"/>
                </a:lnTo>
                <a:lnTo>
                  <a:pt x="30699" y="21793"/>
                </a:lnTo>
                <a:lnTo>
                  <a:pt x="30485" y="21451"/>
                </a:lnTo>
                <a:lnTo>
                  <a:pt x="30228" y="21023"/>
                </a:lnTo>
                <a:lnTo>
                  <a:pt x="30142" y="20851"/>
                </a:lnTo>
                <a:lnTo>
                  <a:pt x="29971" y="20680"/>
                </a:lnTo>
                <a:lnTo>
                  <a:pt x="29714" y="20423"/>
                </a:lnTo>
                <a:lnTo>
                  <a:pt x="29629" y="20295"/>
                </a:lnTo>
                <a:lnTo>
                  <a:pt x="29543" y="20124"/>
                </a:lnTo>
                <a:lnTo>
                  <a:pt x="29372" y="19481"/>
                </a:lnTo>
                <a:lnTo>
                  <a:pt x="29200" y="18796"/>
                </a:lnTo>
                <a:lnTo>
                  <a:pt x="29072" y="18111"/>
                </a:lnTo>
                <a:lnTo>
                  <a:pt x="28901" y="17469"/>
                </a:lnTo>
                <a:lnTo>
                  <a:pt x="28515" y="16356"/>
                </a:lnTo>
                <a:lnTo>
                  <a:pt x="28301" y="15842"/>
                </a:lnTo>
                <a:lnTo>
                  <a:pt x="28130" y="15243"/>
                </a:lnTo>
                <a:lnTo>
                  <a:pt x="27959" y="14558"/>
                </a:lnTo>
                <a:lnTo>
                  <a:pt x="27702" y="13873"/>
                </a:lnTo>
                <a:lnTo>
                  <a:pt x="27488" y="13188"/>
                </a:lnTo>
                <a:lnTo>
                  <a:pt x="27317" y="12502"/>
                </a:lnTo>
                <a:lnTo>
                  <a:pt x="27317" y="12288"/>
                </a:lnTo>
                <a:lnTo>
                  <a:pt x="27317" y="12160"/>
                </a:lnTo>
                <a:lnTo>
                  <a:pt x="27317" y="11989"/>
                </a:lnTo>
                <a:lnTo>
                  <a:pt x="27231" y="11817"/>
                </a:lnTo>
                <a:lnTo>
                  <a:pt x="27060" y="11561"/>
                </a:lnTo>
                <a:lnTo>
                  <a:pt x="26846" y="11346"/>
                </a:lnTo>
                <a:lnTo>
                  <a:pt x="26460" y="10961"/>
                </a:lnTo>
                <a:lnTo>
                  <a:pt x="26118" y="10576"/>
                </a:lnTo>
                <a:lnTo>
                  <a:pt x="25818" y="10190"/>
                </a:lnTo>
                <a:lnTo>
                  <a:pt x="25518" y="9762"/>
                </a:lnTo>
                <a:lnTo>
                  <a:pt x="25176" y="9377"/>
                </a:lnTo>
                <a:lnTo>
                  <a:pt x="24962" y="9077"/>
                </a:lnTo>
                <a:lnTo>
                  <a:pt x="24705" y="8820"/>
                </a:lnTo>
                <a:lnTo>
                  <a:pt x="24362" y="8435"/>
                </a:lnTo>
                <a:lnTo>
                  <a:pt x="24191" y="8307"/>
                </a:lnTo>
                <a:lnTo>
                  <a:pt x="23934" y="8178"/>
                </a:lnTo>
                <a:lnTo>
                  <a:pt x="23249" y="7921"/>
                </a:lnTo>
                <a:lnTo>
                  <a:pt x="22564" y="7707"/>
                </a:lnTo>
                <a:lnTo>
                  <a:pt x="22350" y="7622"/>
                </a:lnTo>
                <a:lnTo>
                  <a:pt x="22136" y="7493"/>
                </a:lnTo>
                <a:lnTo>
                  <a:pt x="21708" y="7236"/>
                </a:lnTo>
                <a:lnTo>
                  <a:pt x="21322" y="7065"/>
                </a:lnTo>
                <a:lnTo>
                  <a:pt x="21108" y="6979"/>
                </a:lnTo>
                <a:lnTo>
                  <a:pt x="20937" y="6894"/>
                </a:lnTo>
                <a:lnTo>
                  <a:pt x="20466" y="6466"/>
                </a:lnTo>
                <a:lnTo>
                  <a:pt x="20338" y="6380"/>
                </a:lnTo>
                <a:lnTo>
                  <a:pt x="20252" y="6294"/>
                </a:lnTo>
                <a:lnTo>
                  <a:pt x="20166" y="6123"/>
                </a:lnTo>
                <a:lnTo>
                  <a:pt x="20166" y="5952"/>
                </a:lnTo>
                <a:lnTo>
                  <a:pt x="20209" y="5823"/>
                </a:lnTo>
                <a:lnTo>
                  <a:pt x="20209" y="5652"/>
                </a:lnTo>
                <a:lnTo>
                  <a:pt x="20295" y="5609"/>
                </a:lnTo>
                <a:lnTo>
                  <a:pt x="20380" y="5609"/>
                </a:lnTo>
                <a:lnTo>
                  <a:pt x="20595" y="5566"/>
                </a:lnTo>
                <a:lnTo>
                  <a:pt x="21023" y="5609"/>
                </a:lnTo>
                <a:lnTo>
                  <a:pt x="21579" y="5524"/>
                </a:lnTo>
                <a:lnTo>
                  <a:pt x="22179" y="5352"/>
                </a:lnTo>
                <a:lnTo>
                  <a:pt x="22564" y="5138"/>
                </a:lnTo>
                <a:lnTo>
                  <a:pt x="22949" y="4924"/>
                </a:lnTo>
                <a:lnTo>
                  <a:pt x="23249" y="4839"/>
                </a:lnTo>
                <a:lnTo>
                  <a:pt x="23378" y="4753"/>
                </a:lnTo>
                <a:lnTo>
                  <a:pt x="23463" y="4667"/>
                </a:lnTo>
                <a:lnTo>
                  <a:pt x="23549" y="4582"/>
                </a:lnTo>
                <a:lnTo>
                  <a:pt x="23549" y="4496"/>
                </a:lnTo>
                <a:lnTo>
                  <a:pt x="23549" y="4325"/>
                </a:lnTo>
                <a:lnTo>
                  <a:pt x="23463" y="4153"/>
                </a:lnTo>
                <a:lnTo>
                  <a:pt x="23335" y="4025"/>
                </a:lnTo>
                <a:lnTo>
                  <a:pt x="23078" y="3768"/>
                </a:lnTo>
                <a:lnTo>
                  <a:pt x="22821" y="3640"/>
                </a:lnTo>
                <a:lnTo>
                  <a:pt x="22521" y="3511"/>
                </a:lnTo>
                <a:lnTo>
                  <a:pt x="22221" y="3468"/>
                </a:lnTo>
                <a:lnTo>
                  <a:pt x="21536" y="3468"/>
                </a:lnTo>
                <a:lnTo>
                  <a:pt x="20894" y="3597"/>
                </a:lnTo>
                <a:lnTo>
                  <a:pt x="20552" y="3683"/>
                </a:lnTo>
                <a:lnTo>
                  <a:pt x="20166" y="3811"/>
                </a:lnTo>
                <a:lnTo>
                  <a:pt x="19995" y="3811"/>
                </a:lnTo>
                <a:lnTo>
                  <a:pt x="19952" y="3768"/>
                </a:lnTo>
                <a:lnTo>
                  <a:pt x="19909" y="3725"/>
                </a:lnTo>
                <a:lnTo>
                  <a:pt x="19909" y="3597"/>
                </a:lnTo>
                <a:lnTo>
                  <a:pt x="19909" y="3383"/>
                </a:lnTo>
                <a:lnTo>
                  <a:pt x="19867" y="2955"/>
                </a:lnTo>
                <a:lnTo>
                  <a:pt x="19738" y="2527"/>
                </a:lnTo>
                <a:lnTo>
                  <a:pt x="19396" y="1670"/>
                </a:lnTo>
                <a:lnTo>
                  <a:pt x="19182" y="857"/>
                </a:lnTo>
                <a:lnTo>
                  <a:pt x="19010" y="471"/>
                </a:lnTo>
                <a:lnTo>
                  <a:pt x="18882" y="300"/>
                </a:lnTo>
                <a:lnTo>
                  <a:pt x="18753" y="172"/>
                </a:lnTo>
                <a:lnTo>
                  <a:pt x="18539" y="43"/>
                </a:lnTo>
                <a:lnTo>
                  <a:pt x="18325" y="0"/>
                </a:lnTo>
                <a:close/>
              </a:path>
            </a:pathLst>
          </a:custGeom>
          <a:solidFill>
            <a:schemeClr val="accent1"/>
          </a:solidFill>
          <a:ln>
            <a:noFill/>
          </a:ln>
        </p:spPr>
        <p:txBody>
          <a:bodyPr spcFirstLastPara="1" wrap="square" lIns="203167" tIns="203167" rIns="203167" bIns="203167" anchor="ctr" anchorCtr="0">
            <a:noAutofit/>
          </a:bodyPr>
          <a:lstStyle/>
          <a:p>
            <a:pPr defTabSz="2031980" eaLnBrk="1" fontAlgn="auto" hangingPunct="1">
              <a:spcBef>
                <a:spcPts val="0"/>
              </a:spcBef>
              <a:spcAft>
                <a:spcPts val="0"/>
              </a:spcAft>
              <a:buClr>
                <a:srgbClr val="000000"/>
              </a:buClr>
            </a:pPr>
            <a:endParaRPr sz="3111" kern="0">
              <a:solidFill>
                <a:srgbClr val="000000"/>
              </a:solidFill>
              <a:latin typeface="Arial"/>
              <a:cs typeface="Arial"/>
              <a:sym typeface="Arial"/>
            </a:endParaRPr>
          </a:p>
        </p:txBody>
      </p:sp>
      <p:pic>
        <p:nvPicPr>
          <p:cNvPr id="4" name="image" descr="{&quot;templafy&quot;:{&quot;id&quot;:&quot;6a04da7f-acf5-433c-86ed-fb44c9b230da&quot;}}">
            <a:extLst>
              <a:ext uri="{FF2B5EF4-FFF2-40B4-BE49-F238E27FC236}">
                <a16:creationId xmlns:a16="http://schemas.microsoft.com/office/drawing/2014/main" id="{46543E25-DCFC-5DB8-5B74-2F949D1D6B3B}"/>
              </a:ext>
            </a:extLst>
          </p:cNvPr>
          <p:cNvPicPr>
            <a:picLocks noChangeAspect="1"/>
          </p:cNvPicPr>
          <p:nvPr/>
        </p:nvPicPr>
        <p:blipFill>
          <a:blip r:embed="rId3"/>
          <a:stretch>
            <a:fillRect/>
          </a:stretch>
        </p:blipFill>
        <p:spPr>
          <a:xfrm>
            <a:off x="16375229" y="1304734"/>
            <a:ext cx="3395503" cy="994776"/>
          </a:xfrm>
          <a:prstGeom prst="rect">
            <a:avLst/>
          </a:prstGeom>
        </p:spPr>
      </p:pic>
      <p:pic>
        <p:nvPicPr>
          <p:cNvPr id="5" name="Picture 2" descr="FERMA">
            <a:extLst>
              <a:ext uri="{FF2B5EF4-FFF2-40B4-BE49-F238E27FC236}">
                <a16:creationId xmlns:a16="http://schemas.microsoft.com/office/drawing/2014/main" id="{571DD059-1B4B-5C96-BB2D-5A63D282A0EA}"/>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6955648" y="2299510"/>
            <a:ext cx="2616354" cy="1695576"/>
          </a:xfrm>
          <a:prstGeom prst="rect">
            <a:avLst/>
          </a:prstGeom>
          <a:noFill/>
          <a:extLst>
            <a:ext uri="{909E8E84-426E-40DD-AFC4-6F175D3DCCD1}">
              <a14:hiddenFill xmlns:a14="http://schemas.microsoft.com/office/drawing/2010/main">
                <a:solidFill>
                  <a:srgbClr val="FFFFFF"/>
                </a:solidFill>
              </a14:hiddenFill>
            </a:ext>
          </a:extLst>
        </p:spPr>
      </p:pic>
      <p:grpSp>
        <p:nvGrpSpPr>
          <p:cNvPr id="14" name="Group 13">
            <a:extLst>
              <a:ext uri="{FF2B5EF4-FFF2-40B4-BE49-F238E27FC236}">
                <a16:creationId xmlns:a16="http://schemas.microsoft.com/office/drawing/2014/main" id="{560B0DB0-81DF-56CF-3F9E-0531C12228DE}"/>
              </a:ext>
            </a:extLst>
          </p:cNvPr>
          <p:cNvGrpSpPr/>
          <p:nvPr/>
        </p:nvGrpSpPr>
        <p:grpSpPr>
          <a:xfrm>
            <a:off x="1275300" y="6177920"/>
            <a:ext cx="1627238" cy="1665027"/>
            <a:chOff x="648705" y="4832171"/>
            <a:chExt cx="919236" cy="914400"/>
          </a:xfrm>
          <a:solidFill>
            <a:srgbClr val="F9D06B"/>
          </a:solidFill>
        </p:grpSpPr>
        <p:sp>
          <p:nvSpPr>
            <p:cNvPr id="15" name="Oval 14">
              <a:extLst>
                <a:ext uri="{FF2B5EF4-FFF2-40B4-BE49-F238E27FC236}">
                  <a16:creationId xmlns:a16="http://schemas.microsoft.com/office/drawing/2014/main" id="{55A8D31D-1340-CF2F-FF52-1561E8727891}"/>
                </a:ext>
              </a:extLst>
            </p:cNvPr>
            <p:cNvSpPr/>
            <p:nvPr/>
          </p:nvSpPr>
          <p:spPr>
            <a:xfrm>
              <a:off x="648705" y="4832171"/>
              <a:ext cx="914400" cy="914400"/>
            </a:xfrm>
            <a:prstGeom prst="ellipse">
              <a:avLst/>
            </a:prstGeom>
            <a:grpFill/>
            <a:ln w="76200">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Oval 15">
              <a:extLst>
                <a:ext uri="{FF2B5EF4-FFF2-40B4-BE49-F238E27FC236}">
                  <a16:creationId xmlns:a16="http://schemas.microsoft.com/office/drawing/2014/main" id="{79A9DD63-ED0B-B014-5025-8971625C277B}"/>
                </a:ext>
              </a:extLst>
            </p:cNvPr>
            <p:cNvSpPr/>
            <p:nvPr/>
          </p:nvSpPr>
          <p:spPr>
            <a:xfrm>
              <a:off x="653541" y="4832171"/>
              <a:ext cx="914400" cy="914400"/>
            </a:xfrm>
            <a:prstGeom prst="ellipse">
              <a:avLst/>
            </a:prstGeom>
            <a:grpFill/>
            <a:ln w="762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grpSp>
      <p:sp>
        <p:nvSpPr>
          <p:cNvPr id="17" name="Google Shape;1553;p41">
            <a:extLst>
              <a:ext uri="{FF2B5EF4-FFF2-40B4-BE49-F238E27FC236}">
                <a16:creationId xmlns:a16="http://schemas.microsoft.com/office/drawing/2014/main" id="{4B71C38D-09F0-A6B3-192F-4DD980F3F90A}"/>
              </a:ext>
            </a:extLst>
          </p:cNvPr>
          <p:cNvSpPr txBox="1">
            <a:spLocks/>
          </p:cNvSpPr>
          <p:nvPr/>
        </p:nvSpPr>
        <p:spPr>
          <a:xfrm>
            <a:off x="9199160" y="7853255"/>
            <a:ext cx="2230840" cy="1422227"/>
          </a:xfrm>
          <a:prstGeom prst="rect">
            <a:avLst/>
          </a:prstGeom>
          <a:noFill/>
          <a:ln>
            <a:noFill/>
          </a:ln>
        </p:spPr>
        <p:txBody>
          <a:bodyPr spcFirstLastPara="1" wrap="square" lIns="91425" tIns="91425" rIns="91425" bIns="91425" anchor="b" anchorCtr="0">
            <a:noAutofit/>
          </a:bodyPr>
          <a:lstStyle>
            <a:defPPr marR="0" lvl="0" algn="l" rtl="0">
              <a:lnSpc>
                <a:spcPct val="100000"/>
              </a:lnSpc>
              <a:spcBef>
                <a:spcPts val="0"/>
              </a:spcBef>
              <a:spcAft>
                <a:spcPts val="0"/>
              </a:spcAft>
            </a:defPPr>
            <a:lvl1pPr marR="0" lvl="0" algn="r" rtl="0">
              <a:lnSpc>
                <a:spcPct val="80000"/>
              </a:lnSpc>
              <a:spcBef>
                <a:spcPts val="0"/>
              </a:spcBef>
              <a:spcAft>
                <a:spcPts val="0"/>
              </a:spcAft>
              <a:buClr>
                <a:schemeClr val="dk1"/>
              </a:buClr>
              <a:buSzPts val="5200"/>
              <a:buFont typeface="Alfa Slab One"/>
              <a:buNone/>
              <a:defRPr sz="5900" b="0" i="0" u="none" strike="noStrike" cap="none">
                <a:solidFill>
                  <a:schemeClr val="dk1"/>
                </a:solidFill>
                <a:latin typeface="Alfa Slab One"/>
                <a:ea typeface="Alfa Slab One"/>
                <a:cs typeface="Alfa Slab One"/>
                <a:sym typeface="Alfa Slab One"/>
              </a:defRPr>
            </a:lvl1pPr>
            <a:lvl2pPr marR="0" lvl="1" algn="ctr" rtl="0">
              <a:lnSpc>
                <a:spcPct val="100000"/>
              </a:lnSpc>
              <a:spcBef>
                <a:spcPts val="0"/>
              </a:spcBef>
              <a:spcAft>
                <a:spcPts val="0"/>
              </a:spcAft>
              <a:buClr>
                <a:schemeClr val="dk1"/>
              </a:buClr>
              <a:buSzPts val="5200"/>
              <a:buFont typeface="Arial"/>
              <a:buNone/>
              <a:defRPr sz="5200" b="0" i="0" u="none" strike="noStrike" cap="none">
                <a:solidFill>
                  <a:schemeClr val="dk1"/>
                </a:solidFill>
                <a:latin typeface="Arial"/>
                <a:ea typeface="Arial"/>
                <a:cs typeface="Arial"/>
                <a:sym typeface="Arial"/>
              </a:defRPr>
            </a:lvl2pPr>
            <a:lvl3pPr marR="0" lvl="2" algn="ctr" rtl="0">
              <a:lnSpc>
                <a:spcPct val="100000"/>
              </a:lnSpc>
              <a:spcBef>
                <a:spcPts val="0"/>
              </a:spcBef>
              <a:spcAft>
                <a:spcPts val="0"/>
              </a:spcAft>
              <a:buClr>
                <a:schemeClr val="dk1"/>
              </a:buClr>
              <a:buSzPts val="5200"/>
              <a:buFont typeface="Arial"/>
              <a:buNone/>
              <a:defRPr sz="5200" b="0" i="0" u="none" strike="noStrike" cap="none">
                <a:solidFill>
                  <a:schemeClr val="dk1"/>
                </a:solidFill>
                <a:latin typeface="Arial"/>
                <a:ea typeface="Arial"/>
                <a:cs typeface="Arial"/>
                <a:sym typeface="Arial"/>
              </a:defRPr>
            </a:lvl3pPr>
            <a:lvl4pPr marR="0" lvl="3" algn="ctr" rtl="0">
              <a:lnSpc>
                <a:spcPct val="100000"/>
              </a:lnSpc>
              <a:spcBef>
                <a:spcPts val="0"/>
              </a:spcBef>
              <a:spcAft>
                <a:spcPts val="0"/>
              </a:spcAft>
              <a:buClr>
                <a:schemeClr val="dk1"/>
              </a:buClr>
              <a:buSzPts val="5200"/>
              <a:buFont typeface="Arial"/>
              <a:buNone/>
              <a:defRPr sz="5200" b="0" i="0" u="none" strike="noStrike" cap="none">
                <a:solidFill>
                  <a:schemeClr val="dk1"/>
                </a:solidFill>
                <a:latin typeface="Arial"/>
                <a:ea typeface="Arial"/>
                <a:cs typeface="Arial"/>
                <a:sym typeface="Arial"/>
              </a:defRPr>
            </a:lvl4pPr>
            <a:lvl5pPr marR="0" lvl="4" algn="ctr" rtl="0">
              <a:lnSpc>
                <a:spcPct val="100000"/>
              </a:lnSpc>
              <a:spcBef>
                <a:spcPts val="0"/>
              </a:spcBef>
              <a:spcAft>
                <a:spcPts val="0"/>
              </a:spcAft>
              <a:buClr>
                <a:schemeClr val="dk1"/>
              </a:buClr>
              <a:buSzPts val="5200"/>
              <a:buFont typeface="Arial"/>
              <a:buNone/>
              <a:defRPr sz="5200" b="0" i="0" u="none" strike="noStrike" cap="none">
                <a:solidFill>
                  <a:schemeClr val="dk1"/>
                </a:solidFill>
                <a:latin typeface="Arial"/>
                <a:ea typeface="Arial"/>
                <a:cs typeface="Arial"/>
                <a:sym typeface="Arial"/>
              </a:defRPr>
            </a:lvl5pPr>
            <a:lvl6pPr marR="0" lvl="5" algn="ctr" rtl="0">
              <a:lnSpc>
                <a:spcPct val="100000"/>
              </a:lnSpc>
              <a:spcBef>
                <a:spcPts val="0"/>
              </a:spcBef>
              <a:spcAft>
                <a:spcPts val="0"/>
              </a:spcAft>
              <a:buClr>
                <a:schemeClr val="dk1"/>
              </a:buClr>
              <a:buSzPts val="5200"/>
              <a:buFont typeface="Arial"/>
              <a:buNone/>
              <a:defRPr sz="5200" b="0" i="0" u="none" strike="noStrike" cap="none">
                <a:solidFill>
                  <a:schemeClr val="dk1"/>
                </a:solidFill>
                <a:latin typeface="Arial"/>
                <a:ea typeface="Arial"/>
                <a:cs typeface="Arial"/>
                <a:sym typeface="Arial"/>
              </a:defRPr>
            </a:lvl6pPr>
            <a:lvl7pPr marR="0" lvl="6" algn="ctr" rtl="0">
              <a:lnSpc>
                <a:spcPct val="100000"/>
              </a:lnSpc>
              <a:spcBef>
                <a:spcPts val="0"/>
              </a:spcBef>
              <a:spcAft>
                <a:spcPts val="0"/>
              </a:spcAft>
              <a:buClr>
                <a:schemeClr val="dk1"/>
              </a:buClr>
              <a:buSzPts val="5200"/>
              <a:buFont typeface="Arial"/>
              <a:buNone/>
              <a:defRPr sz="5200" b="0" i="0" u="none" strike="noStrike" cap="none">
                <a:solidFill>
                  <a:schemeClr val="dk1"/>
                </a:solidFill>
                <a:latin typeface="Arial"/>
                <a:ea typeface="Arial"/>
                <a:cs typeface="Arial"/>
                <a:sym typeface="Arial"/>
              </a:defRPr>
            </a:lvl7pPr>
            <a:lvl8pPr marR="0" lvl="7" algn="ctr" rtl="0">
              <a:lnSpc>
                <a:spcPct val="100000"/>
              </a:lnSpc>
              <a:spcBef>
                <a:spcPts val="0"/>
              </a:spcBef>
              <a:spcAft>
                <a:spcPts val="0"/>
              </a:spcAft>
              <a:buClr>
                <a:schemeClr val="dk1"/>
              </a:buClr>
              <a:buSzPts val="5200"/>
              <a:buFont typeface="Arial"/>
              <a:buNone/>
              <a:defRPr sz="5200" b="0" i="0" u="none" strike="noStrike" cap="none">
                <a:solidFill>
                  <a:schemeClr val="dk1"/>
                </a:solidFill>
                <a:latin typeface="Arial"/>
                <a:ea typeface="Arial"/>
                <a:cs typeface="Arial"/>
                <a:sym typeface="Arial"/>
              </a:defRPr>
            </a:lvl8pPr>
            <a:lvl9pPr marR="0" lvl="8" algn="ctr" rtl="0">
              <a:lnSpc>
                <a:spcPct val="100000"/>
              </a:lnSpc>
              <a:spcBef>
                <a:spcPts val="0"/>
              </a:spcBef>
              <a:spcAft>
                <a:spcPts val="0"/>
              </a:spcAft>
              <a:buClr>
                <a:schemeClr val="dk1"/>
              </a:buClr>
              <a:buSzPts val="5200"/>
              <a:buFont typeface="Arial"/>
              <a:buNone/>
              <a:defRPr sz="5200" b="0" i="0" u="none" strike="noStrike" cap="none">
                <a:solidFill>
                  <a:schemeClr val="dk1"/>
                </a:solidFill>
                <a:latin typeface="Arial"/>
                <a:ea typeface="Arial"/>
                <a:cs typeface="Arial"/>
                <a:sym typeface="Arial"/>
              </a:defRPr>
            </a:lvl9pPr>
          </a:lstStyle>
          <a:p>
            <a:pPr algn="ctr"/>
            <a:r>
              <a:rPr lang="en-US" sz="2800" dirty="0">
                <a:solidFill>
                  <a:srgbClr val="1C0303"/>
                </a:solidFill>
              </a:rPr>
              <a:t>Greg Nichols </a:t>
            </a:r>
          </a:p>
          <a:p>
            <a:pPr algn="ctr"/>
            <a:r>
              <a:rPr lang="en-US" sz="1800" dirty="0">
                <a:solidFill>
                  <a:srgbClr val="1C0303"/>
                </a:solidFill>
              </a:rPr>
              <a:t>President</a:t>
            </a:r>
          </a:p>
          <a:p>
            <a:pPr algn="ctr"/>
            <a:endParaRPr lang="en-US" sz="2800" dirty="0">
              <a:solidFill>
                <a:srgbClr val="1C0303"/>
              </a:solidFill>
            </a:endParaRPr>
          </a:p>
          <a:p>
            <a:pPr algn="ctr"/>
            <a:r>
              <a:rPr lang="en-US" sz="2800" b="1" dirty="0" err="1">
                <a:solidFill>
                  <a:srgbClr val="1C0303"/>
                </a:solidFill>
              </a:rPr>
              <a:t>SPNet</a:t>
            </a:r>
            <a:endParaRPr lang="en-US" sz="2800" b="1" dirty="0">
              <a:solidFill>
                <a:srgbClr val="1C0303"/>
              </a:solidFill>
            </a:endParaRPr>
          </a:p>
        </p:txBody>
      </p:sp>
      <p:sp>
        <p:nvSpPr>
          <p:cNvPr id="18" name="Google Shape;1553;p41">
            <a:extLst>
              <a:ext uri="{FF2B5EF4-FFF2-40B4-BE49-F238E27FC236}">
                <a16:creationId xmlns:a16="http://schemas.microsoft.com/office/drawing/2014/main" id="{C303C5BA-BCD9-279D-5452-8ED5BFE3DCF8}"/>
              </a:ext>
            </a:extLst>
          </p:cNvPr>
          <p:cNvSpPr txBox="1">
            <a:spLocks/>
          </p:cNvSpPr>
          <p:nvPr/>
        </p:nvSpPr>
        <p:spPr>
          <a:xfrm>
            <a:off x="5926817" y="7687446"/>
            <a:ext cx="3199736" cy="1571060"/>
          </a:xfrm>
          <a:prstGeom prst="rect">
            <a:avLst/>
          </a:prstGeom>
          <a:noFill/>
          <a:ln>
            <a:noFill/>
          </a:ln>
        </p:spPr>
        <p:txBody>
          <a:bodyPr spcFirstLastPara="1" wrap="square" lIns="91425" tIns="91425" rIns="91425" bIns="91425" anchor="b" anchorCtr="0">
            <a:noAutofit/>
          </a:bodyPr>
          <a:lstStyle>
            <a:defPPr marR="0" lvl="0" algn="l" rtl="0">
              <a:lnSpc>
                <a:spcPct val="100000"/>
              </a:lnSpc>
              <a:spcBef>
                <a:spcPts val="0"/>
              </a:spcBef>
              <a:spcAft>
                <a:spcPts val="0"/>
              </a:spcAft>
            </a:defPPr>
            <a:lvl1pPr marR="0" lvl="0" algn="r" rtl="0">
              <a:lnSpc>
                <a:spcPct val="80000"/>
              </a:lnSpc>
              <a:spcBef>
                <a:spcPts val="0"/>
              </a:spcBef>
              <a:spcAft>
                <a:spcPts val="0"/>
              </a:spcAft>
              <a:buClr>
                <a:schemeClr val="dk1"/>
              </a:buClr>
              <a:buSzPts val="5200"/>
              <a:buFont typeface="Alfa Slab One"/>
              <a:buNone/>
              <a:defRPr sz="5900" b="0" i="0" u="none" strike="noStrike" cap="none">
                <a:solidFill>
                  <a:schemeClr val="dk1"/>
                </a:solidFill>
                <a:latin typeface="Alfa Slab One"/>
                <a:ea typeface="Alfa Slab One"/>
                <a:cs typeface="Alfa Slab One"/>
                <a:sym typeface="Alfa Slab One"/>
              </a:defRPr>
            </a:lvl1pPr>
            <a:lvl2pPr marR="0" lvl="1" algn="ctr" rtl="0">
              <a:lnSpc>
                <a:spcPct val="100000"/>
              </a:lnSpc>
              <a:spcBef>
                <a:spcPts val="0"/>
              </a:spcBef>
              <a:spcAft>
                <a:spcPts val="0"/>
              </a:spcAft>
              <a:buClr>
                <a:schemeClr val="dk1"/>
              </a:buClr>
              <a:buSzPts val="5200"/>
              <a:buFont typeface="Arial"/>
              <a:buNone/>
              <a:defRPr sz="5200" b="0" i="0" u="none" strike="noStrike" cap="none">
                <a:solidFill>
                  <a:schemeClr val="dk1"/>
                </a:solidFill>
                <a:latin typeface="Arial"/>
                <a:ea typeface="Arial"/>
                <a:cs typeface="Arial"/>
                <a:sym typeface="Arial"/>
              </a:defRPr>
            </a:lvl2pPr>
            <a:lvl3pPr marR="0" lvl="2" algn="ctr" rtl="0">
              <a:lnSpc>
                <a:spcPct val="100000"/>
              </a:lnSpc>
              <a:spcBef>
                <a:spcPts val="0"/>
              </a:spcBef>
              <a:spcAft>
                <a:spcPts val="0"/>
              </a:spcAft>
              <a:buClr>
                <a:schemeClr val="dk1"/>
              </a:buClr>
              <a:buSzPts val="5200"/>
              <a:buFont typeface="Arial"/>
              <a:buNone/>
              <a:defRPr sz="5200" b="0" i="0" u="none" strike="noStrike" cap="none">
                <a:solidFill>
                  <a:schemeClr val="dk1"/>
                </a:solidFill>
                <a:latin typeface="Arial"/>
                <a:ea typeface="Arial"/>
                <a:cs typeface="Arial"/>
                <a:sym typeface="Arial"/>
              </a:defRPr>
            </a:lvl3pPr>
            <a:lvl4pPr marR="0" lvl="3" algn="ctr" rtl="0">
              <a:lnSpc>
                <a:spcPct val="100000"/>
              </a:lnSpc>
              <a:spcBef>
                <a:spcPts val="0"/>
              </a:spcBef>
              <a:spcAft>
                <a:spcPts val="0"/>
              </a:spcAft>
              <a:buClr>
                <a:schemeClr val="dk1"/>
              </a:buClr>
              <a:buSzPts val="5200"/>
              <a:buFont typeface="Arial"/>
              <a:buNone/>
              <a:defRPr sz="5200" b="0" i="0" u="none" strike="noStrike" cap="none">
                <a:solidFill>
                  <a:schemeClr val="dk1"/>
                </a:solidFill>
                <a:latin typeface="Arial"/>
                <a:ea typeface="Arial"/>
                <a:cs typeface="Arial"/>
                <a:sym typeface="Arial"/>
              </a:defRPr>
            </a:lvl4pPr>
            <a:lvl5pPr marR="0" lvl="4" algn="ctr" rtl="0">
              <a:lnSpc>
                <a:spcPct val="100000"/>
              </a:lnSpc>
              <a:spcBef>
                <a:spcPts val="0"/>
              </a:spcBef>
              <a:spcAft>
                <a:spcPts val="0"/>
              </a:spcAft>
              <a:buClr>
                <a:schemeClr val="dk1"/>
              </a:buClr>
              <a:buSzPts val="5200"/>
              <a:buFont typeface="Arial"/>
              <a:buNone/>
              <a:defRPr sz="5200" b="0" i="0" u="none" strike="noStrike" cap="none">
                <a:solidFill>
                  <a:schemeClr val="dk1"/>
                </a:solidFill>
                <a:latin typeface="Arial"/>
                <a:ea typeface="Arial"/>
                <a:cs typeface="Arial"/>
                <a:sym typeface="Arial"/>
              </a:defRPr>
            </a:lvl5pPr>
            <a:lvl6pPr marR="0" lvl="5" algn="ctr" rtl="0">
              <a:lnSpc>
                <a:spcPct val="100000"/>
              </a:lnSpc>
              <a:spcBef>
                <a:spcPts val="0"/>
              </a:spcBef>
              <a:spcAft>
                <a:spcPts val="0"/>
              </a:spcAft>
              <a:buClr>
                <a:schemeClr val="dk1"/>
              </a:buClr>
              <a:buSzPts val="5200"/>
              <a:buFont typeface="Arial"/>
              <a:buNone/>
              <a:defRPr sz="5200" b="0" i="0" u="none" strike="noStrike" cap="none">
                <a:solidFill>
                  <a:schemeClr val="dk1"/>
                </a:solidFill>
                <a:latin typeface="Arial"/>
                <a:ea typeface="Arial"/>
                <a:cs typeface="Arial"/>
                <a:sym typeface="Arial"/>
              </a:defRPr>
            </a:lvl6pPr>
            <a:lvl7pPr marR="0" lvl="6" algn="ctr" rtl="0">
              <a:lnSpc>
                <a:spcPct val="100000"/>
              </a:lnSpc>
              <a:spcBef>
                <a:spcPts val="0"/>
              </a:spcBef>
              <a:spcAft>
                <a:spcPts val="0"/>
              </a:spcAft>
              <a:buClr>
                <a:schemeClr val="dk1"/>
              </a:buClr>
              <a:buSzPts val="5200"/>
              <a:buFont typeface="Arial"/>
              <a:buNone/>
              <a:defRPr sz="5200" b="0" i="0" u="none" strike="noStrike" cap="none">
                <a:solidFill>
                  <a:schemeClr val="dk1"/>
                </a:solidFill>
                <a:latin typeface="Arial"/>
                <a:ea typeface="Arial"/>
                <a:cs typeface="Arial"/>
                <a:sym typeface="Arial"/>
              </a:defRPr>
            </a:lvl7pPr>
            <a:lvl8pPr marR="0" lvl="7" algn="ctr" rtl="0">
              <a:lnSpc>
                <a:spcPct val="100000"/>
              </a:lnSpc>
              <a:spcBef>
                <a:spcPts val="0"/>
              </a:spcBef>
              <a:spcAft>
                <a:spcPts val="0"/>
              </a:spcAft>
              <a:buClr>
                <a:schemeClr val="dk1"/>
              </a:buClr>
              <a:buSzPts val="5200"/>
              <a:buFont typeface="Arial"/>
              <a:buNone/>
              <a:defRPr sz="5200" b="0" i="0" u="none" strike="noStrike" cap="none">
                <a:solidFill>
                  <a:schemeClr val="dk1"/>
                </a:solidFill>
                <a:latin typeface="Arial"/>
                <a:ea typeface="Arial"/>
                <a:cs typeface="Arial"/>
                <a:sym typeface="Arial"/>
              </a:defRPr>
            </a:lvl8pPr>
            <a:lvl9pPr marR="0" lvl="8" algn="ctr" rtl="0">
              <a:lnSpc>
                <a:spcPct val="100000"/>
              </a:lnSpc>
              <a:spcBef>
                <a:spcPts val="0"/>
              </a:spcBef>
              <a:spcAft>
                <a:spcPts val="0"/>
              </a:spcAft>
              <a:buClr>
                <a:schemeClr val="dk1"/>
              </a:buClr>
              <a:buSzPts val="5200"/>
              <a:buFont typeface="Arial"/>
              <a:buNone/>
              <a:defRPr sz="5200" b="0" i="0" u="none" strike="noStrike" cap="none">
                <a:solidFill>
                  <a:schemeClr val="dk1"/>
                </a:solidFill>
                <a:latin typeface="Arial"/>
                <a:ea typeface="Arial"/>
                <a:cs typeface="Arial"/>
                <a:sym typeface="Arial"/>
              </a:defRPr>
            </a:lvl9pPr>
          </a:lstStyle>
          <a:p>
            <a:pPr algn="ctr"/>
            <a:r>
              <a:rPr lang="en-US" sz="2800" dirty="0">
                <a:solidFill>
                  <a:srgbClr val="1C0303"/>
                </a:solidFill>
              </a:rPr>
              <a:t>Amanda Waltemath</a:t>
            </a:r>
          </a:p>
          <a:p>
            <a:pPr algn="ctr"/>
            <a:r>
              <a:rPr lang="en-US" sz="1800" dirty="0">
                <a:solidFill>
                  <a:srgbClr val="1C0303"/>
                </a:solidFill>
              </a:rPr>
              <a:t>PharmD, MPH</a:t>
            </a:r>
          </a:p>
          <a:p>
            <a:pPr algn="ctr"/>
            <a:endParaRPr lang="en-US" sz="2800" dirty="0">
              <a:solidFill>
                <a:srgbClr val="1C0303"/>
              </a:solidFill>
            </a:endParaRPr>
          </a:p>
          <a:p>
            <a:pPr algn="ctr"/>
            <a:r>
              <a:rPr lang="en-US" sz="2800" b="1" dirty="0" err="1">
                <a:solidFill>
                  <a:srgbClr val="1C0303"/>
                </a:solidFill>
              </a:rPr>
              <a:t>Healthesystems</a:t>
            </a:r>
            <a:endParaRPr lang="en-US" sz="2800" b="1" dirty="0">
              <a:solidFill>
                <a:srgbClr val="1C0303"/>
              </a:solidFill>
            </a:endParaRPr>
          </a:p>
        </p:txBody>
      </p:sp>
      <p:sp>
        <p:nvSpPr>
          <p:cNvPr id="19" name="Google Shape;1553;p41">
            <a:extLst>
              <a:ext uri="{FF2B5EF4-FFF2-40B4-BE49-F238E27FC236}">
                <a16:creationId xmlns:a16="http://schemas.microsoft.com/office/drawing/2014/main" id="{7FDF9A0E-21E4-B76C-D879-C5826BB3B799}"/>
              </a:ext>
            </a:extLst>
          </p:cNvPr>
          <p:cNvSpPr txBox="1">
            <a:spLocks/>
          </p:cNvSpPr>
          <p:nvPr/>
        </p:nvSpPr>
        <p:spPr>
          <a:xfrm>
            <a:off x="3035171" y="7757007"/>
            <a:ext cx="3392230" cy="1497622"/>
          </a:xfrm>
          <a:prstGeom prst="rect">
            <a:avLst/>
          </a:prstGeom>
          <a:noFill/>
          <a:ln>
            <a:noFill/>
          </a:ln>
        </p:spPr>
        <p:txBody>
          <a:bodyPr spcFirstLastPara="1" wrap="square" lIns="91425" tIns="91425" rIns="91425" bIns="91425" anchor="b" anchorCtr="0">
            <a:noAutofit/>
          </a:bodyPr>
          <a:lstStyle>
            <a:defPPr marR="0" lvl="0" algn="l" rtl="0">
              <a:lnSpc>
                <a:spcPct val="100000"/>
              </a:lnSpc>
              <a:spcBef>
                <a:spcPts val="0"/>
              </a:spcBef>
              <a:spcAft>
                <a:spcPts val="0"/>
              </a:spcAft>
            </a:defPPr>
            <a:lvl1pPr marR="0" lvl="0" algn="r" rtl="0">
              <a:lnSpc>
                <a:spcPct val="80000"/>
              </a:lnSpc>
              <a:spcBef>
                <a:spcPts val="0"/>
              </a:spcBef>
              <a:spcAft>
                <a:spcPts val="0"/>
              </a:spcAft>
              <a:buClr>
                <a:schemeClr val="dk1"/>
              </a:buClr>
              <a:buSzPts val="5200"/>
              <a:buFont typeface="Alfa Slab One"/>
              <a:buNone/>
              <a:defRPr sz="5900" b="0" i="0" u="none" strike="noStrike" cap="none">
                <a:solidFill>
                  <a:schemeClr val="dk1"/>
                </a:solidFill>
                <a:latin typeface="Alfa Slab One"/>
                <a:ea typeface="Alfa Slab One"/>
                <a:cs typeface="Alfa Slab One"/>
                <a:sym typeface="Alfa Slab One"/>
              </a:defRPr>
            </a:lvl1pPr>
            <a:lvl2pPr marR="0" lvl="1" algn="ctr" rtl="0">
              <a:lnSpc>
                <a:spcPct val="100000"/>
              </a:lnSpc>
              <a:spcBef>
                <a:spcPts val="0"/>
              </a:spcBef>
              <a:spcAft>
                <a:spcPts val="0"/>
              </a:spcAft>
              <a:buClr>
                <a:schemeClr val="dk1"/>
              </a:buClr>
              <a:buSzPts val="5200"/>
              <a:buFont typeface="Arial"/>
              <a:buNone/>
              <a:defRPr sz="5200" b="0" i="0" u="none" strike="noStrike" cap="none">
                <a:solidFill>
                  <a:schemeClr val="dk1"/>
                </a:solidFill>
                <a:latin typeface="Arial"/>
                <a:ea typeface="Arial"/>
                <a:cs typeface="Arial"/>
                <a:sym typeface="Arial"/>
              </a:defRPr>
            </a:lvl2pPr>
            <a:lvl3pPr marR="0" lvl="2" algn="ctr" rtl="0">
              <a:lnSpc>
                <a:spcPct val="100000"/>
              </a:lnSpc>
              <a:spcBef>
                <a:spcPts val="0"/>
              </a:spcBef>
              <a:spcAft>
                <a:spcPts val="0"/>
              </a:spcAft>
              <a:buClr>
                <a:schemeClr val="dk1"/>
              </a:buClr>
              <a:buSzPts val="5200"/>
              <a:buFont typeface="Arial"/>
              <a:buNone/>
              <a:defRPr sz="5200" b="0" i="0" u="none" strike="noStrike" cap="none">
                <a:solidFill>
                  <a:schemeClr val="dk1"/>
                </a:solidFill>
                <a:latin typeface="Arial"/>
                <a:ea typeface="Arial"/>
                <a:cs typeface="Arial"/>
                <a:sym typeface="Arial"/>
              </a:defRPr>
            </a:lvl3pPr>
            <a:lvl4pPr marR="0" lvl="3" algn="ctr" rtl="0">
              <a:lnSpc>
                <a:spcPct val="100000"/>
              </a:lnSpc>
              <a:spcBef>
                <a:spcPts val="0"/>
              </a:spcBef>
              <a:spcAft>
                <a:spcPts val="0"/>
              </a:spcAft>
              <a:buClr>
                <a:schemeClr val="dk1"/>
              </a:buClr>
              <a:buSzPts val="5200"/>
              <a:buFont typeface="Arial"/>
              <a:buNone/>
              <a:defRPr sz="5200" b="0" i="0" u="none" strike="noStrike" cap="none">
                <a:solidFill>
                  <a:schemeClr val="dk1"/>
                </a:solidFill>
                <a:latin typeface="Arial"/>
                <a:ea typeface="Arial"/>
                <a:cs typeface="Arial"/>
                <a:sym typeface="Arial"/>
              </a:defRPr>
            </a:lvl4pPr>
            <a:lvl5pPr marR="0" lvl="4" algn="ctr" rtl="0">
              <a:lnSpc>
                <a:spcPct val="100000"/>
              </a:lnSpc>
              <a:spcBef>
                <a:spcPts val="0"/>
              </a:spcBef>
              <a:spcAft>
                <a:spcPts val="0"/>
              </a:spcAft>
              <a:buClr>
                <a:schemeClr val="dk1"/>
              </a:buClr>
              <a:buSzPts val="5200"/>
              <a:buFont typeface="Arial"/>
              <a:buNone/>
              <a:defRPr sz="5200" b="0" i="0" u="none" strike="noStrike" cap="none">
                <a:solidFill>
                  <a:schemeClr val="dk1"/>
                </a:solidFill>
                <a:latin typeface="Arial"/>
                <a:ea typeface="Arial"/>
                <a:cs typeface="Arial"/>
                <a:sym typeface="Arial"/>
              </a:defRPr>
            </a:lvl5pPr>
            <a:lvl6pPr marR="0" lvl="5" algn="ctr" rtl="0">
              <a:lnSpc>
                <a:spcPct val="100000"/>
              </a:lnSpc>
              <a:spcBef>
                <a:spcPts val="0"/>
              </a:spcBef>
              <a:spcAft>
                <a:spcPts val="0"/>
              </a:spcAft>
              <a:buClr>
                <a:schemeClr val="dk1"/>
              </a:buClr>
              <a:buSzPts val="5200"/>
              <a:buFont typeface="Arial"/>
              <a:buNone/>
              <a:defRPr sz="5200" b="0" i="0" u="none" strike="noStrike" cap="none">
                <a:solidFill>
                  <a:schemeClr val="dk1"/>
                </a:solidFill>
                <a:latin typeface="Arial"/>
                <a:ea typeface="Arial"/>
                <a:cs typeface="Arial"/>
                <a:sym typeface="Arial"/>
              </a:defRPr>
            </a:lvl6pPr>
            <a:lvl7pPr marR="0" lvl="6" algn="ctr" rtl="0">
              <a:lnSpc>
                <a:spcPct val="100000"/>
              </a:lnSpc>
              <a:spcBef>
                <a:spcPts val="0"/>
              </a:spcBef>
              <a:spcAft>
                <a:spcPts val="0"/>
              </a:spcAft>
              <a:buClr>
                <a:schemeClr val="dk1"/>
              </a:buClr>
              <a:buSzPts val="5200"/>
              <a:buFont typeface="Arial"/>
              <a:buNone/>
              <a:defRPr sz="5200" b="0" i="0" u="none" strike="noStrike" cap="none">
                <a:solidFill>
                  <a:schemeClr val="dk1"/>
                </a:solidFill>
                <a:latin typeface="Arial"/>
                <a:ea typeface="Arial"/>
                <a:cs typeface="Arial"/>
                <a:sym typeface="Arial"/>
              </a:defRPr>
            </a:lvl7pPr>
            <a:lvl8pPr marR="0" lvl="7" algn="ctr" rtl="0">
              <a:lnSpc>
                <a:spcPct val="100000"/>
              </a:lnSpc>
              <a:spcBef>
                <a:spcPts val="0"/>
              </a:spcBef>
              <a:spcAft>
                <a:spcPts val="0"/>
              </a:spcAft>
              <a:buClr>
                <a:schemeClr val="dk1"/>
              </a:buClr>
              <a:buSzPts val="5200"/>
              <a:buFont typeface="Arial"/>
              <a:buNone/>
              <a:defRPr sz="5200" b="0" i="0" u="none" strike="noStrike" cap="none">
                <a:solidFill>
                  <a:schemeClr val="dk1"/>
                </a:solidFill>
                <a:latin typeface="Arial"/>
                <a:ea typeface="Arial"/>
                <a:cs typeface="Arial"/>
                <a:sym typeface="Arial"/>
              </a:defRPr>
            </a:lvl8pPr>
            <a:lvl9pPr marR="0" lvl="8" algn="ctr" rtl="0">
              <a:lnSpc>
                <a:spcPct val="100000"/>
              </a:lnSpc>
              <a:spcBef>
                <a:spcPts val="0"/>
              </a:spcBef>
              <a:spcAft>
                <a:spcPts val="0"/>
              </a:spcAft>
              <a:buClr>
                <a:schemeClr val="dk1"/>
              </a:buClr>
              <a:buSzPts val="5200"/>
              <a:buFont typeface="Arial"/>
              <a:buNone/>
              <a:defRPr sz="5200" b="0" i="0" u="none" strike="noStrike" cap="none">
                <a:solidFill>
                  <a:schemeClr val="dk1"/>
                </a:solidFill>
                <a:latin typeface="Arial"/>
                <a:ea typeface="Arial"/>
                <a:cs typeface="Arial"/>
                <a:sym typeface="Arial"/>
              </a:defRPr>
            </a:lvl9pPr>
          </a:lstStyle>
          <a:p>
            <a:pPr algn="ctr"/>
            <a:r>
              <a:rPr lang="en-US" sz="2800" dirty="0">
                <a:solidFill>
                  <a:srgbClr val="1C0303"/>
                </a:solidFill>
              </a:rPr>
              <a:t>Kevin Lederer</a:t>
            </a:r>
          </a:p>
          <a:p>
            <a:pPr algn="ctr"/>
            <a:r>
              <a:rPr lang="en-US" sz="1800" dirty="0">
                <a:solidFill>
                  <a:srgbClr val="1C0303"/>
                </a:solidFill>
              </a:rPr>
              <a:t>SVP, SIU</a:t>
            </a:r>
          </a:p>
          <a:p>
            <a:pPr algn="ctr"/>
            <a:endParaRPr lang="en-US" sz="2800" dirty="0">
              <a:solidFill>
                <a:srgbClr val="1C0303"/>
              </a:solidFill>
            </a:endParaRPr>
          </a:p>
          <a:p>
            <a:pPr algn="ctr"/>
            <a:r>
              <a:rPr lang="en-US" sz="2800" b="1" dirty="0">
                <a:solidFill>
                  <a:srgbClr val="1C0303"/>
                </a:solidFill>
              </a:rPr>
              <a:t>Davies</a:t>
            </a:r>
          </a:p>
        </p:txBody>
      </p:sp>
      <p:sp>
        <p:nvSpPr>
          <p:cNvPr id="20" name="Google Shape;1553;p41">
            <a:extLst>
              <a:ext uri="{FF2B5EF4-FFF2-40B4-BE49-F238E27FC236}">
                <a16:creationId xmlns:a16="http://schemas.microsoft.com/office/drawing/2014/main" id="{F1B62544-271A-7CFA-E74A-B9703A44E09F}"/>
              </a:ext>
            </a:extLst>
          </p:cNvPr>
          <p:cNvSpPr txBox="1">
            <a:spLocks/>
          </p:cNvSpPr>
          <p:nvPr/>
        </p:nvSpPr>
        <p:spPr>
          <a:xfrm>
            <a:off x="711380" y="7816600"/>
            <a:ext cx="2897118" cy="1413853"/>
          </a:xfrm>
          <a:prstGeom prst="rect">
            <a:avLst/>
          </a:prstGeom>
          <a:noFill/>
          <a:ln>
            <a:noFill/>
          </a:ln>
        </p:spPr>
        <p:txBody>
          <a:bodyPr spcFirstLastPara="1" wrap="square" lIns="91425" tIns="91425" rIns="91425" bIns="91425" anchor="b" anchorCtr="0">
            <a:noAutofit/>
          </a:bodyPr>
          <a:lstStyle>
            <a:defPPr marR="0" lvl="0" algn="l" rtl="0">
              <a:lnSpc>
                <a:spcPct val="100000"/>
              </a:lnSpc>
              <a:spcBef>
                <a:spcPts val="0"/>
              </a:spcBef>
              <a:spcAft>
                <a:spcPts val="0"/>
              </a:spcAft>
            </a:defPPr>
            <a:lvl1pPr marR="0" lvl="0" algn="r" rtl="0">
              <a:lnSpc>
                <a:spcPct val="80000"/>
              </a:lnSpc>
              <a:spcBef>
                <a:spcPts val="0"/>
              </a:spcBef>
              <a:spcAft>
                <a:spcPts val="0"/>
              </a:spcAft>
              <a:buClr>
                <a:schemeClr val="dk1"/>
              </a:buClr>
              <a:buSzPts val="5200"/>
              <a:buFont typeface="Alfa Slab One"/>
              <a:buNone/>
              <a:defRPr sz="5900" b="0" i="0" u="none" strike="noStrike" cap="none">
                <a:solidFill>
                  <a:schemeClr val="dk1"/>
                </a:solidFill>
                <a:latin typeface="Alfa Slab One"/>
                <a:ea typeface="Alfa Slab One"/>
                <a:cs typeface="Alfa Slab One"/>
                <a:sym typeface="Alfa Slab One"/>
              </a:defRPr>
            </a:lvl1pPr>
            <a:lvl2pPr marR="0" lvl="1" algn="ctr" rtl="0">
              <a:lnSpc>
                <a:spcPct val="100000"/>
              </a:lnSpc>
              <a:spcBef>
                <a:spcPts val="0"/>
              </a:spcBef>
              <a:spcAft>
                <a:spcPts val="0"/>
              </a:spcAft>
              <a:buClr>
                <a:schemeClr val="dk1"/>
              </a:buClr>
              <a:buSzPts val="5200"/>
              <a:buFont typeface="Arial"/>
              <a:buNone/>
              <a:defRPr sz="5200" b="0" i="0" u="none" strike="noStrike" cap="none">
                <a:solidFill>
                  <a:schemeClr val="dk1"/>
                </a:solidFill>
                <a:latin typeface="Arial"/>
                <a:ea typeface="Arial"/>
                <a:cs typeface="Arial"/>
                <a:sym typeface="Arial"/>
              </a:defRPr>
            </a:lvl2pPr>
            <a:lvl3pPr marR="0" lvl="2" algn="ctr" rtl="0">
              <a:lnSpc>
                <a:spcPct val="100000"/>
              </a:lnSpc>
              <a:spcBef>
                <a:spcPts val="0"/>
              </a:spcBef>
              <a:spcAft>
                <a:spcPts val="0"/>
              </a:spcAft>
              <a:buClr>
                <a:schemeClr val="dk1"/>
              </a:buClr>
              <a:buSzPts val="5200"/>
              <a:buFont typeface="Arial"/>
              <a:buNone/>
              <a:defRPr sz="5200" b="0" i="0" u="none" strike="noStrike" cap="none">
                <a:solidFill>
                  <a:schemeClr val="dk1"/>
                </a:solidFill>
                <a:latin typeface="Arial"/>
                <a:ea typeface="Arial"/>
                <a:cs typeface="Arial"/>
                <a:sym typeface="Arial"/>
              </a:defRPr>
            </a:lvl3pPr>
            <a:lvl4pPr marR="0" lvl="3" algn="ctr" rtl="0">
              <a:lnSpc>
                <a:spcPct val="100000"/>
              </a:lnSpc>
              <a:spcBef>
                <a:spcPts val="0"/>
              </a:spcBef>
              <a:spcAft>
                <a:spcPts val="0"/>
              </a:spcAft>
              <a:buClr>
                <a:schemeClr val="dk1"/>
              </a:buClr>
              <a:buSzPts val="5200"/>
              <a:buFont typeface="Arial"/>
              <a:buNone/>
              <a:defRPr sz="5200" b="0" i="0" u="none" strike="noStrike" cap="none">
                <a:solidFill>
                  <a:schemeClr val="dk1"/>
                </a:solidFill>
                <a:latin typeface="Arial"/>
                <a:ea typeface="Arial"/>
                <a:cs typeface="Arial"/>
                <a:sym typeface="Arial"/>
              </a:defRPr>
            </a:lvl4pPr>
            <a:lvl5pPr marR="0" lvl="4" algn="ctr" rtl="0">
              <a:lnSpc>
                <a:spcPct val="100000"/>
              </a:lnSpc>
              <a:spcBef>
                <a:spcPts val="0"/>
              </a:spcBef>
              <a:spcAft>
                <a:spcPts val="0"/>
              </a:spcAft>
              <a:buClr>
                <a:schemeClr val="dk1"/>
              </a:buClr>
              <a:buSzPts val="5200"/>
              <a:buFont typeface="Arial"/>
              <a:buNone/>
              <a:defRPr sz="5200" b="0" i="0" u="none" strike="noStrike" cap="none">
                <a:solidFill>
                  <a:schemeClr val="dk1"/>
                </a:solidFill>
                <a:latin typeface="Arial"/>
                <a:ea typeface="Arial"/>
                <a:cs typeface="Arial"/>
                <a:sym typeface="Arial"/>
              </a:defRPr>
            </a:lvl5pPr>
            <a:lvl6pPr marR="0" lvl="5" algn="ctr" rtl="0">
              <a:lnSpc>
                <a:spcPct val="100000"/>
              </a:lnSpc>
              <a:spcBef>
                <a:spcPts val="0"/>
              </a:spcBef>
              <a:spcAft>
                <a:spcPts val="0"/>
              </a:spcAft>
              <a:buClr>
                <a:schemeClr val="dk1"/>
              </a:buClr>
              <a:buSzPts val="5200"/>
              <a:buFont typeface="Arial"/>
              <a:buNone/>
              <a:defRPr sz="5200" b="0" i="0" u="none" strike="noStrike" cap="none">
                <a:solidFill>
                  <a:schemeClr val="dk1"/>
                </a:solidFill>
                <a:latin typeface="Arial"/>
                <a:ea typeface="Arial"/>
                <a:cs typeface="Arial"/>
                <a:sym typeface="Arial"/>
              </a:defRPr>
            </a:lvl6pPr>
            <a:lvl7pPr marR="0" lvl="6" algn="ctr" rtl="0">
              <a:lnSpc>
                <a:spcPct val="100000"/>
              </a:lnSpc>
              <a:spcBef>
                <a:spcPts val="0"/>
              </a:spcBef>
              <a:spcAft>
                <a:spcPts val="0"/>
              </a:spcAft>
              <a:buClr>
                <a:schemeClr val="dk1"/>
              </a:buClr>
              <a:buSzPts val="5200"/>
              <a:buFont typeface="Arial"/>
              <a:buNone/>
              <a:defRPr sz="5200" b="0" i="0" u="none" strike="noStrike" cap="none">
                <a:solidFill>
                  <a:schemeClr val="dk1"/>
                </a:solidFill>
                <a:latin typeface="Arial"/>
                <a:ea typeface="Arial"/>
                <a:cs typeface="Arial"/>
                <a:sym typeface="Arial"/>
              </a:defRPr>
            </a:lvl7pPr>
            <a:lvl8pPr marR="0" lvl="7" algn="ctr" rtl="0">
              <a:lnSpc>
                <a:spcPct val="100000"/>
              </a:lnSpc>
              <a:spcBef>
                <a:spcPts val="0"/>
              </a:spcBef>
              <a:spcAft>
                <a:spcPts val="0"/>
              </a:spcAft>
              <a:buClr>
                <a:schemeClr val="dk1"/>
              </a:buClr>
              <a:buSzPts val="5200"/>
              <a:buFont typeface="Arial"/>
              <a:buNone/>
              <a:defRPr sz="5200" b="0" i="0" u="none" strike="noStrike" cap="none">
                <a:solidFill>
                  <a:schemeClr val="dk1"/>
                </a:solidFill>
                <a:latin typeface="Arial"/>
                <a:ea typeface="Arial"/>
                <a:cs typeface="Arial"/>
                <a:sym typeface="Arial"/>
              </a:defRPr>
            </a:lvl8pPr>
            <a:lvl9pPr marR="0" lvl="8" algn="ctr" rtl="0">
              <a:lnSpc>
                <a:spcPct val="100000"/>
              </a:lnSpc>
              <a:spcBef>
                <a:spcPts val="0"/>
              </a:spcBef>
              <a:spcAft>
                <a:spcPts val="0"/>
              </a:spcAft>
              <a:buClr>
                <a:schemeClr val="dk1"/>
              </a:buClr>
              <a:buSzPts val="5200"/>
              <a:buFont typeface="Arial"/>
              <a:buNone/>
              <a:defRPr sz="5200" b="0" i="0" u="none" strike="noStrike" cap="none">
                <a:solidFill>
                  <a:schemeClr val="dk1"/>
                </a:solidFill>
                <a:latin typeface="Arial"/>
                <a:ea typeface="Arial"/>
                <a:cs typeface="Arial"/>
                <a:sym typeface="Arial"/>
              </a:defRPr>
            </a:lvl9pPr>
          </a:lstStyle>
          <a:p>
            <a:pPr algn="ctr"/>
            <a:r>
              <a:rPr lang="en-US" sz="2800" dirty="0">
                <a:solidFill>
                  <a:srgbClr val="1C0303"/>
                </a:solidFill>
              </a:rPr>
              <a:t>Amanda Radcliffe</a:t>
            </a:r>
          </a:p>
          <a:p>
            <a:pPr algn="ctr"/>
            <a:r>
              <a:rPr lang="en-US" sz="1800" dirty="0">
                <a:solidFill>
                  <a:srgbClr val="1C0303"/>
                </a:solidFill>
              </a:rPr>
              <a:t>AVP of Compliance</a:t>
            </a:r>
          </a:p>
          <a:p>
            <a:pPr algn="ctr"/>
            <a:endParaRPr lang="en-US" sz="2800" dirty="0">
              <a:solidFill>
                <a:srgbClr val="1C0303"/>
              </a:solidFill>
            </a:endParaRPr>
          </a:p>
          <a:p>
            <a:pPr algn="ctr"/>
            <a:r>
              <a:rPr lang="en-US" sz="2800" b="1" dirty="0">
                <a:solidFill>
                  <a:srgbClr val="1C0303"/>
                </a:solidFill>
              </a:rPr>
              <a:t>Davies</a:t>
            </a:r>
          </a:p>
        </p:txBody>
      </p:sp>
      <p:pic>
        <p:nvPicPr>
          <p:cNvPr id="21" name="Picture 20" descr="A person wearing a black suit&#10;&#10;Description automatically generated">
            <a:extLst>
              <a:ext uri="{FF2B5EF4-FFF2-40B4-BE49-F238E27FC236}">
                <a16:creationId xmlns:a16="http://schemas.microsoft.com/office/drawing/2014/main" id="{AF0B6B2B-D2BA-4125-D0BD-EA4BA1C94114}"/>
              </a:ext>
            </a:extLst>
          </p:cNvPr>
          <p:cNvPicPr>
            <a:picLocks noChangeAspect="1"/>
          </p:cNvPicPr>
          <p:nvPr/>
        </p:nvPicPr>
        <p:blipFill>
          <a:blip r:embed="rId5"/>
          <a:stretch>
            <a:fillRect/>
          </a:stretch>
        </p:blipFill>
        <p:spPr>
          <a:xfrm>
            <a:off x="1282910" y="6181922"/>
            <a:ext cx="1665026" cy="1665026"/>
          </a:xfrm>
          <a:prstGeom prst="ellipse">
            <a:avLst/>
          </a:prstGeom>
          <a:ln>
            <a:noFill/>
          </a:ln>
          <a:effectLst>
            <a:softEdge rad="0"/>
          </a:effectLst>
        </p:spPr>
      </p:pic>
      <p:grpSp>
        <p:nvGrpSpPr>
          <p:cNvPr id="22" name="Group 21">
            <a:extLst>
              <a:ext uri="{FF2B5EF4-FFF2-40B4-BE49-F238E27FC236}">
                <a16:creationId xmlns:a16="http://schemas.microsoft.com/office/drawing/2014/main" id="{A381AE23-C5D6-3022-A2DE-AF95E9219197}"/>
              </a:ext>
            </a:extLst>
          </p:cNvPr>
          <p:cNvGrpSpPr/>
          <p:nvPr/>
        </p:nvGrpSpPr>
        <p:grpSpPr>
          <a:xfrm>
            <a:off x="3913237" y="6196366"/>
            <a:ext cx="1627238" cy="1665027"/>
            <a:chOff x="648705" y="4832171"/>
            <a:chExt cx="919236" cy="914400"/>
          </a:xfrm>
          <a:solidFill>
            <a:srgbClr val="F9D06B"/>
          </a:solidFill>
        </p:grpSpPr>
        <p:sp>
          <p:nvSpPr>
            <p:cNvPr id="23" name="Oval 22">
              <a:extLst>
                <a:ext uri="{FF2B5EF4-FFF2-40B4-BE49-F238E27FC236}">
                  <a16:creationId xmlns:a16="http://schemas.microsoft.com/office/drawing/2014/main" id="{93128F89-566A-B1BF-D19E-1AD3DF4ADF53}"/>
                </a:ext>
              </a:extLst>
            </p:cNvPr>
            <p:cNvSpPr/>
            <p:nvPr/>
          </p:nvSpPr>
          <p:spPr>
            <a:xfrm>
              <a:off x="648705" y="4832171"/>
              <a:ext cx="914400" cy="914400"/>
            </a:xfrm>
            <a:prstGeom prst="ellipse">
              <a:avLst/>
            </a:prstGeom>
            <a:grpFill/>
            <a:ln w="76200">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Oval 23">
              <a:extLst>
                <a:ext uri="{FF2B5EF4-FFF2-40B4-BE49-F238E27FC236}">
                  <a16:creationId xmlns:a16="http://schemas.microsoft.com/office/drawing/2014/main" id="{1432166F-8DAE-D545-BB7E-F60B135ECEA6}"/>
                </a:ext>
              </a:extLst>
            </p:cNvPr>
            <p:cNvSpPr/>
            <p:nvPr/>
          </p:nvSpPr>
          <p:spPr>
            <a:xfrm>
              <a:off x="653541" y="4832171"/>
              <a:ext cx="914400" cy="914400"/>
            </a:xfrm>
            <a:prstGeom prst="ellipse">
              <a:avLst/>
            </a:prstGeom>
            <a:grpFill/>
            <a:ln w="762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grpSp>
      <p:pic>
        <p:nvPicPr>
          <p:cNvPr id="25" name="Picture 24" descr="A person with a beard smiling&#10;&#10;Description automatically generated">
            <a:extLst>
              <a:ext uri="{FF2B5EF4-FFF2-40B4-BE49-F238E27FC236}">
                <a16:creationId xmlns:a16="http://schemas.microsoft.com/office/drawing/2014/main" id="{1E3EFCB7-396D-93B0-7251-2CC4FAAA53AD}"/>
              </a:ext>
            </a:extLst>
          </p:cNvPr>
          <p:cNvPicPr>
            <a:picLocks noChangeAspect="1"/>
          </p:cNvPicPr>
          <p:nvPr/>
        </p:nvPicPr>
        <p:blipFill>
          <a:blip r:embed="rId6"/>
          <a:stretch>
            <a:fillRect/>
          </a:stretch>
        </p:blipFill>
        <p:spPr>
          <a:xfrm>
            <a:off x="3875741" y="6150604"/>
            <a:ext cx="1710789" cy="1710789"/>
          </a:xfrm>
          <a:prstGeom prst="ellipse">
            <a:avLst/>
          </a:prstGeom>
          <a:ln>
            <a:noFill/>
          </a:ln>
          <a:effectLst>
            <a:softEdge rad="0"/>
          </a:effectLst>
        </p:spPr>
      </p:pic>
      <p:grpSp>
        <p:nvGrpSpPr>
          <p:cNvPr id="26" name="Group 25">
            <a:extLst>
              <a:ext uri="{FF2B5EF4-FFF2-40B4-BE49-F238E27FC236}">
                <a16:creationId xmlns:a16="http://schemas.microsoft.com/office/drawing/2014/main" id="{34E086D3-ED88-EDCA-FA0A-292C9CD61691}"/>
              </a:ext>
            </a:extLst>
          </p:cNvPr>
          <p:cNvGrpSpPr/>
          <p:nvPr/>
        </p:nvGrpSpPr>
        <p:grpSpPr>
          <a:xfrm>
            <a:off x="9476324" y="6203777"/>
            <a:ext cx="1627238" cy="1665027"/>
            <a:chOff x="648705" y="4832171"/>
            <a:chExt cx="919236" cy="914400"/>
          </a:xfrm>
          <a:solidFill>
            <a:srgbClr val="F9D06B"/>
          </a:solidFill>
        </p:grpSpPr>
        <p:sp>
          <p:nvSpPr>
            <p:cNvPr id="27" name="Oval 26">
              <a:extLst>
                <a:ext uri="{FF2B5EF4-FFF2-40B4-BE49-F238E27FC236}">
                  <a16:creationId xmlns:a16="http://schemas.microsoft.com/office/drawing/2014/main" id="{48590D0F-8FBC-1CE2-5A0C-FF94DA649F5F}"/>
                </a:ext>
              </a:extLst>
            </p:cNvPr>
            <p:cNvSpPr/>
            <p:nvPr/>
          </p:nvSpPr>
          <p:spPr>
            <a:xfrm>
              <a:off x="648705" y="4832171"/>
              <a:ext cx="914400" cy="914400"/>
            </a:xfrm>
            <a:prstGeom prst="ellipse">
              <a:avLst/>
            </a:prstGeom>
            <a:grpFill/>
            <a:ln w="76200">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8" name="Oval 27">
              <a:extLst>
                <a:ext uri="{FF2B5EF4-FFF2-40B4-BE49-F238E27FC236}">
                  <a16:creationId xmlns:a16="http://schemas.microsoft.com/office/drawing/2014/main" id="{EA9D7F0B-79E8-4CE2-38D5-C64B09C57985}"/>
                </a:ext>
              </a:extLst>
            </p:cNvPr>
            <p:cNvSpPr/>
            <p:nvPr/>
          </p:nvSpPr>
          <p:spPr>
            <a:xfrm>
              <a:off x="653541" y="4832171"/>
              <a:ext cx="914400" cy="914400"/>
            </a:xfrm>
            <a:prstGeom prst="ellipse">
              <a:avLst/>
            </a:prstGeom>
            <a:grpFill/>
            <a:ln w="762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grpSp>
      <p:grpSp>
        <p:nvGrpSpPr>
          <p:cNvPr id="29" name="Group 28">
            <a:extLst>
              <a:ext uri="{FF2B5EF4-FFF2-40B4-BE49-F238E27FC236}">
                <a16:creationId xmlns:a16="http://schemas.microsoft.com/office/drawing/2014/main" id="{7F1FFFCD-284D-F4E0-0B45-260E4D51372A}"/>
              </a:ext>
            </a:extLst>
          </p:cNvPr>
          <p:cNvGrpSpPr/>
          <p:nvPr/>
        </p:nvGrpSpPr>
        <p:grpSpPr>
          <a:xfrm>
            <a:off x="6619249" y="6177919"/>
            <a:ext cx="1627238" cy="1665027"/>
            <a:chOff x="648705" y="4832171"/>
            <a:chExt cx="919236" cy="914400"/>
          </a:xfrm>
          <a:solidFill>
            <a:srgbClr val="F9D06B"/>
          </a:solidFill>
        </p:grpSpPr>
        <p:sp>
          <p:nvSpPr>
            <p:cNvPr id="30" name="Oval 29">
              <a:extLst>
                <a:ext uri="{FF2B5EF4-FFF2-40B4-BE49-F238E27FC236}">
                  <a16:creationId xmlns:a16="http://schemas.microsoft.com/office/drawing/2014/main" id="{C3D77317-AC0B-7368-28E5-3CB5B530D3ED}"/>
                </a:ext>
              </a:extLst>
            </p:cNvPr>
            <p:cNvSpPr/>
            <p:nvPr/>
          </p:nvSpPr>
          <p:spPr>
            <a:xfrm>
              <a:off x="648705" y="4832171"/>
              <a:ext cx="914400" cy="914400"/>
            </a:xfrm>
            <a:prstGeom prst="ellipse">
              <a:avLst/>
            </a:prstGeom>
            <a:grpFill/>
            <a:ln w="76200">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1" name="Oval 30">
              <a:extLst>
                <a:ext uri="{FF2B5EF4-FFF2-40B4-BE49-F238E27FC236}">
                  <a16:creationId xmlns:a16="http://schemas.microsoft.com/office/drawing/2014/main" id="{B337B76F-EB6C-D24F-4A84-42D5A29FBCBE}"/>
                </a:ext>
              </a:extLst>
            </p:cNvPr>
            <p:cNvSpPr/>
            <p:nvPr/>
          </p:nvSpPr>
          <p:spPr>
            <a:xfrm>
              <a:off x="653541" y="4832171"/>
              <a:ext cx="914400" cy="914400"/>
            </a:xfrm>
            <a:prstGeom prst="ellipse">
              <a:avLst/>
            </a:prstGeom>
            <a:grpFill/>
            <a:ln w="76200">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chemeClr val="tx1"/>
                </a:solidFill>
              </a:endParaRPr>
            </a:p>
          </p:txBody>
        </p:sp>
      </p:grpSp>
      <p:pic>
        <p:nvPicPr>
          <p:cNvPr id="608" name="Picture 607">
            <a:extLst>
              <a:ext uri="{FF2B5EF4-FFF2-40B4-BE49-F238E27FC236}">
                <a16:creationId xmlns:a16="http://schemas.microsoft.com/office/drawing/2014/main" id="{7F3D1676-3E74-C5D2-2993-1301F7A1097E}"/>
              </a:ext>
            </a:extLst>
          </p:cNvPr>
          <p:cNvPicPr>
            <a:picLocks noChangeAspect="1"/>
          </p:cNvPicPr>
          <p:nvPr/>
        </p:nvPicPr>
        <p:blipFill>
          <a:blip r:embed="rId7"/>
          <a:stretch>
            <a:fillRect/>
          </a:stretch>
        </p:blipFill>
        <p:spPr>
          <a:xfrm>
            <a:off x="6535705" y="6138975"/>
            <a:ext cx="1714280" cy="1714280"/>
          </a:xfrm>
          <a:prstGeom prst="ellipse">
            <a:avLst/>
          </a:prstGeom>
          <a:ln>
            <a:noFill/>
          </a:ln>
          <a:effectLst>
            <a:softEdge rad="0"/>
          </a:effectLst>
        </p:spPr>
      </p:pic>
      <p:sp>
        <p:nvSpPr>
          <p:cNvPr id="609" name="Oval 608">
            <a:extLst>
              <a:ext uri="{FF2B5EF4-FFF2-40B4-BE49-F238E27FC236}">
                <a16:creationId xmlns:a16="http://schemas.microsoft.com/office/drawing/2014/main" id="{1EE61953-D226-6AC9-C8D0-13C136B88668}"/>
              </a:ext>
            </a:extLst>
          </p:cNvPr>
          <p:cNvSpPr/>
          <p:nvPr/>
        </p:nvSpPr>
        <p:spPr>
          <a:xfrm>
            <a:off x="9382485" y="5977604"/>
            <a:ext cx="1823476" cy="1888337"/>
          </a:xfrm>
          <a:prstGeom prst="ellipse">
            <a:avLst/>
          </a:prstGeom>
          <a:blipFill>
            <a:blip r:embed="rId8"/>
            <a:srcRect/>
            <a:stretch>
              <a:fillRect l="13562" t="9227" r="17644"/>
            </a:stretch>
          </a:blipFill>
          <a:ln w="76200">
            <a:noFill/>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p:cNvSpPr/>
          <p:nvPr/>
        </p:nvSpPr>
        <p:spPr>
          <a:xfrm>
            <a:off x="1" y="10765044"/>
            <a:ext cx="19096074" cy="6649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Rectangle 1">
            <a:extLst>
              <a:ext uri="{FF2B5EF4-FFF2-40B4-BE49-F238E27FC236}">
                <a16:creationId xmlns:a16="http://schemas.microsoft.com/office/drawing/2014/main" id="{C6506D95-8C30-D7A2-A39E-D42A0261817A}"/>
              </a:ext>
            </a:extLst>
          </p:cNvPr>
          <p:cNvSpPr/>
          <p:nvPr/>
        </p:nvSpPr>
        <p:spPr>
          <a:xfrm>
            <a:off x="0" y="10765044"/>
            <a:ext cx="18523617" cy="6649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 name="Rectangle 4">
            <a:extLst>
              <a:ext uri="{FF2B5EF4-FFF2-40B4-BE49-F238E27FC236}">
                <a16:creationId xmlns:a16="http://schemas.microsoft.com/office/drawing/2014/main" id="{92C5C3F1-63C1-16B5-BCD5-052EEA625BE0}"/>
              </a:ext>
            </a:extLst>
          </p:cNvPr>
          <p:cNvSpPr/>
          <p:nvPr/>
        </p:nvSpPr>
        <p:spPr>
          <a:xfrm>
            <a:off x="-1" y="8725"/>
            <a:ext cx="19000381" cy="6649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 name="Rectangle 5">
            <a:extLst>
              <a:ext uri="{FF2B5EF4-FFF2-40B4-BE49-F238E27FC236}">
                <a16:creationId xmlns:a16="http://schemas.microsoft.com/office/drawing/2014/main" id="{50F40E48-282F-0F92-E28A-F897B473675E}"/>
              </a:ext>
            </a:extLst>
          </p:cNvPr>
          <p:cNvSpPr/>
          <p:nvPr/>
        </p:nvSpPr>
        <p:spPr>
          <a:xfrm rot="16200000">
            <a:off x="13149820" y="5382522"/>
            <a:ext cx="11412550" cy="6649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 name="Title 6">
            <a:extLst>
              <a:ext uri="{FF2B5EF4-FFF2-40B4-BE49-F238E27FC236}">
                <a16:creationId xmlns:a16="http://schemas.microsoft.com/office/drawing/2014/main" id="{B3DEC9B6-6FC3-59F0-EFC0-A1CAB484F406}"/>
              </a:ext>
            </a:extLst>
          </p:cNvPr>
          <p:cNvSpPr txBox="1">
            <a:spLocks/>
          </p:cNvSpPr>
          <p:nvPr/>
        </p:nvSpPr>
        <p:spPr>
          <a:xfrm>
            <a:off x="1176914" y="868635"/>
            <a:ext cx="12292017" cy="383060"/>
          </a:xfrm>
          <a:prstGeom prst="rect">
            <a:avLst/>
          </a:prstGeom>
        </p:spPr>
        <p:txBody>
          <a:bodyPr anchor="ctr" anchorCtr="0"/>
          <a:lstStyle>
            <a:lvl1pPr algn="ctr" defTabSz="914400" rtl="0" eaLnBrk="1" latinLnBrk="0" hangingPunct="1">
              <a:lnSpc>
                <a:spcPct val="90000"/>
              </a:lnSpc>
              <a:spcBef>
                <a:spcPct val="0"/>
              </a:spcBef>
              <a:buNone/>
              <a:defRPr sz="7200" b="1" kern="1200">
                <a:solidFill>
                  <a:schemeClr val="tx1"/>
                </a:solidFill>
                <a:latin typeface="+mn-lt"/>
                <a:ea typeface="+mj-ea"/>
                <a:cs typeface="+mj-cs"/>
              </a:defRPr>
            </a:lvl1pPr>
          </a:lstStyle>
          <a:p>
            <a:pPr algn="l" fontAlgn="auto">
              <a:spcAft>
                <a:spcPts val="0"/>
              </a:spcAft>
            </a:pPr>
            <a:r>
              <a:rPr lang="en-GB" sz="4400" b="0" dirty="0">
                <a:solidFill>
                  <a:schemeClr val="accent5"/>
                </a:solidFill>
                <a:latin typeface="Arial" panose="020B0604020202020204" pitchFamily="34" charset="0"/>
                <a:cs typeface="Arial" panose="020B0604020202020204" pitchFamily="34" charset="0"/>
              </a:rPr>
              <a:t>Social Determinants of Health</a:t>
            </a:r>
          </a:p>
        </p:txBody>
      </p:sp>
      <p:sp>
        <p:nvSpPr>
          <p:cNvPr id="15" name="Oval 14">
            <a:extLst>
              <a:ext uri="{FF2B5EF4-FFF2-40B4-BE49-F238E27FC236}">
                <a16:creationId xmlns:a16="http://schemas.microsoft.com/office/drawing/2014/main" id="{2C374A97-4FDD-4DA8-3F5D-ED135C7A141D}"/>
              </a:ext>
            </a:extLst>
          </p:cNvPr>
          <p:cNvSpPr/>
          <p:nvPr/>
        </p:nvSpPr>
        <p:spPr>
          <a:xfrm>
            <a:off x="674121" y="840259"/>
            <a:ext cx="383060" cy="38306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 name="Title 3">
            <a:extLst>
              <a:ext uri="{FF2B5EF4-FFF2-40B4-BE49-F238E27FC236}">
                <a16:creationId xmlns:a16="http://schemas.microsoft.com/office/drawing/2014/main" id="{8829F90D-FCBE-F734-FC2B-1ADFE7BB4B43}"/>
              </a:ext>
            </a:extLst>
          </p:cNvPr>
          <p:cNvSpPr txBox="1">
            <a:spLocks/>
          </p:cNvSpPr>
          <p:nvPr/>
        </p:nvSpPr>
        <p:spPr>
          <a:xfrm>
            <a:off x="3805219" y="2420662"/>
            <a:ext cx="3234219" cy="1162626"/>
          </a:xfrm>
          <a:prstGeom prst="rect">
            <a:avLst/>
          </a:prstGeom>
        </p:spPr>
        <p:txBody>
          <a:bodyPr vert="horz" wrap="none" lIns="203200" tIns="101600" rIns="203200" bIns="101600" rtlCol="0" anchor="ctr">
            <a:sp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r">
              <a:lnSpc>
                <a:spcPct val="100000"/>
              </a:lnSpc>
              <a:buClrTx/>
              <a:buFontTx/>
              <a:buNone/>
            </a:pPr>
            <a:r>
              <a:rPr lang="en-US" sz="3111" b="1" dirty="0">
                <a:solidFill>
                  <a:srgbClr val="2C5F71"/>
                </a:solidFill>
                <a:latin typeface="Calibri" panose="020F0502020204030204" pitchFamily="34" charset="0"/>
                <a:cs typeface="Calibri" panose="020F0502020204030204" pitchFamily="34" charset="0"/>
              </a:rPr>
              <a:t>Education Access</a:t>
            </a:r>
          </a:p>
          <a:p>
            <a:pPr algn="r">
              <a:lnSpc>
                <a:spcPct val="100000"/>
              </a:lnSpc>
              <a:buClrTx/>
              <a:buFontTx/>
              <a:buNone/>
            </a:pPr>
            <a:r>
              <a:rPr lang="en-US" sz="3111" b="1" dirty="0">
                <a:solidFill>
                  <a:srgbClr val="2C5F71"/>
                </a:solidFill>
                <a:latin typeface="Calibri" panose="020F0502020204030204" pitchFamily="34" charset="0"/>
                <a:cs typeface="Calibri" panose="020F0502020204030204" pitchFamily="34" charset="0"/>
              </a:rPr>
              <a:t>And Quality</a:t>
            </a:r>
          </a:p>
        </p:txBody>
      </p:sp>
      <p:sp>
        <p:nvSpPr>
          <p:cNvPr id="8" name="Title 3">
            <a:extLst>
              <a:ext uri="{FF2B5EF4-FFF2-40B4-BE49-F238E27FC236}">
                <a16:creationId xmlns:a16="http://schemas.microsoft.com/office/drawing/2014/main" id="{C9948028-B4BB-FE9D-0E09-FD496B6FAF72}"/>
              </a:ext>
            </a:extLst>
          </p:cNvPr>
          <p:cNvSpPr txBox="1">
            <a:spLocks/>
          </p:cNvSpPr>
          <p:nvPr/>
        </p:nvSpPr>
        <p:spPr>
          <a:xfrm>
            <a:off x="3990437" y="6135827"/>
            <a:ext cx="1996957" cy="1162626"/>
          </a:xfrm>
          <a:prstGeom prst="rect">
            <a:avLst/>
          </a:prstGeom>
        </p:spPr>
        <p:txBody>
          <a:bodyPr vert="horz" wrap="none" lIns="203200" tIns="101600" rIns="203200" bIns="101600" rtlCol="0" anchor="ctr">
            <a:sp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r">
              <a:lnSpc>
                <a:spcPct val="100000"/>
              </a:lnSpc>
              <a:buClrTx/>
              <a:buFontTx/>
              <a:buNone/>
            </a:pPr>
            <a:r>
              <a:rPr lang="en-US" sz="3111" b="1" dirty="0">
                <a:solidFill>
                  <a:srgbClr val="2C5F71"/>
                </a:solidFill>
                <a:latin typeface="Calibri" panose="020F0502020204030204" pitchFamily="34" charset="0"/>
                <a:cs typeface="Calibri" panose="020F0502020204030204" pitchFamily="34" charset="0"/>
              </a:rPr>
              <a:t>Economic</a:t>
            </a:r>
          </a:p>
          <a:p>
            <a:pPr algn="r">
              <a:lnSpc>
                <a:spcPct val="100000"/>
              </a:lnSpc>
              <a:buClrTx/>
              <a:buFontTx/>
              <a:buNone/>
            </a:pPr>
            <a:r>
              <a:rPr lang="en-US" sz="3111" b="1" dirty="0">
                <a:solidFill>
                  <a:srgbClr val="2C5F71"/>
                </a:solidFill>
                <a:latin typeface="Calibri" panose="020F0502020204030204" pitchFamily="34" charset="0"/>
                <a:cs typeface="Calibri" panose="020F0502020204030204" pitchFamily="34" charset="0"/>
              </a:rPr>
              <a:t>Stability</a:t>
            </a:r>
          </a:p>
        </p:txBody>
      </p:sp>
      <p:sp>
        <p:nvSpPr>
          <p:cNvPr id="17" name="Title 3">
            <a:extLst>
              <a:ext uri="{FF2B5EF4-FFF2-40B4-BE49-F238E27FC236}">
                <a16:creationId xmlns:a16="http://schemas.microsoft.com/office/drawing/2014/main" id="{CA66528C-D276-57E0-B3C7-401D3FCD6822}"/>
              </a:ext>
            </a:extLst>
          </p:cNvPr>
          <p:cNvSpPr txBox="1">
            <a:spLocks/>
          </p:cNvSpPr>
          <p:nvPr/>
        </p:nvSpPr>
        <p:spPr>
          <a:xfrm>
            <a:off x="6950209" y="9554483"/>
            <a:ext cx="6419582" cy="683905"/>
          </a:xfrm>
          <a:prstGeom prst="rect">
            <a:avLst/>
          </a:prstGeom>
        </p:spPr>
        <p:txBody>
          <a:bodyPr vert="horz" wrap="square" lIns="203200" tIns="101600" rIns="203200" bIns="101600" rtlCol="0" anchor="ctr">
            <a:sp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lnSpc>
                <a:spcPct val="100000"/>
              </a:lnSpc>
              <a:buClrTx/>
              <a:buFontTx/>
              <a:buNone/>
            </a:pPr>
            <a:r>
              <a:rPr lang="en-US" sz="3111" b="1" dirty="0">
                <a:solidFill>
                  <a:srgbClr val="2C5F71"/>
                </a:solidFill>
                <a:latin typeface="Calibri" panose="020F0502020204030204" pitchFamily="34" charset="0"/>
                <a:cs typeface="Calibri" panose="020F0502020204030204" pitchFamily="34" charset="0"/>
              </a:rPr>
              <a:t>Social and Community Context</a:t>
            </a:r>
          </a:p>
        </p:txBody>
      </p:sp>
      <p:sp>
        <p:nvSpPr>
          <p:cNvPr id="18" name="Title 3">
            <a:extLst>
              <a:ext uri="{FF2B5EF4-FFF2-40B4-BE49-F238E27FC236}">
                <a16:creationId xmlns:a16="http://schemas.microsoft.com/office/drawing/2014/main" id="{25163E20-DC29-64A5-034B-D1028C01676E}"/>
              </a:ext>
            </a:extLst>
          </p:cNvPr>
          <p:cNvSpPr txBox="1">
            <a:spLocks/>
          </p:cNvSpPr>
          <p:nvPr/>
        </p:nvSpPr>
        <p:spPr>
          <a:xfrm>
            <a:off x="13713644" y="6135827"/>
            <a:ext cx="3718809" cy="1162626"/>
          </a:xfrm>
          <a:prstGeom prst="rect">
            <a:avLst/>
          </a:prstGeom>
        </p:spPr>
        <p:txBody>
          <a:bodyPr vert="horz" wrap="square" lIns="203200" tIns="101600" rIns="203200" bIns="101600" rtlCol="0" anchor="ctr">
            <a:sp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buClrTx/>
              <a:buFontTx/>
              <a:buNone/>
            </a:pPr>
            <a:r>
              <a:rPr lang="en-US" sz="3111" b="1" dirty="0">
                <a:solidFill>
                  <a:srgbClr val="2C5F71"/>
                </a:solidFill>
                <a:latin typeface="Calibri" panose="020F0502020204030204" pitchFamily="34" charset="0"/>
                <a:cs typeface="Calibri" panose="020F0502020204030204" pitchFamily="34" charset="0"/>
              </a:rPr>
              <a:t>Neighborhood and Built Environment</a:t>
            </a:r>
          </a:p>
        </p:txBody>
      </p:sp>
      <p:sp>
        <p:nvSpPr>
          <p:cNvPr id="19" name="Title 3">
            <a:extLst>
              <a:ext uri="{FF2B5EF4-FFF2-40B4-BE49-F238E27FC236}">
                <a16:creationId xmlns:a16="http://schemas.microsoft.com/office/drawing/2014/main" id="{6226DDE1-D3F9-6F03-7670-AC01BDED5829}"/>
              </a:ext>
            </a:extLst>
          </p:cNvPr>
          <p:cNvSpPr txBox="1">
            <a:spLocks/>
          </p:cNvSpPr>
          <p:nvPr/>
        </p:nvSpPr>
        <p:spPr>
          <a:xfrm>
            <a:off x="12611107" y="2420663"/>
            <a:ext cx="3718809" cy="1162626"/>
          </a:xfrm>
          <a:prstGeom prst="rect">
            <a:avLst/>
          </a:prstGeom>
        </p:spPr>
        <p:txBody>
          <a:bodyPr vert="horz" wrap="square" lIns="203200" tIns="101600" rIns="203200" bIns="101600" rtlCol="0" anchor="ctr">
            <a:sp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buClrTx/>
              <a:buFontTx/>
              <a:buNone/>
            </a:pPr>
            <a:r>
              <a:rPr lang="en-US" sz="3111" b="1" dirty="0">
                <a:solidFill>
                  <a:srgbClr val="2C5F71"/>
                </a:solidFill>
                <a:latin typeface="Calibri" panose="020F0502020204030204" pitchFamily="34" charset="0"/>
                <a:cs typeface="Calibri" panose="020F0502020204030204" pitchFamily="34" charset="0"/>
              </a:rPr>
              <a:t>Health Care Access and Quality</a:t>
            </a:r>
          </a:p>
        </p:txBody>
      </p:sp>
      <p:grpSp>
        <p:nvGrpSpPr>
          <p:cNvPr id="21" name="Group 20">
            <a:extLst>
              <a:ext uri="{FF2B5EF4-FFF2-40B4-BE49-F238E27FC236}">
                <a16:creationId xmlns:a16="http://schemas.microsoft.com/office/drawing/2014/main" id="{FC0D321B-91F4-344D-5B75-0C70F4242585}"/>
              </a:ext>
            </a:extLst>
          </p:cNvPr>
          <p:cNvGrpSpPr/>
          <p:nvPr/>
        </p:nvGrpSpPr>
        <p:grpSpPr>
          <a:xfrm>
            <a:off x="6411338" y="2444549"/>
            <a:ext cx="7128209" cy="7137631"/>
            <a:chOff x="2620729" y="2542619"/>
            <a:chExt cx="3207694" cy="3211934"/>
          </a:xfrm>
        </p:grpSpPr>
        <p:grpSp>
          <p:nvGrpSpPr>
            <p:cNvPr id="22" name="Group 21">
              <a:extLst>
                <a:ext uri="{FF2B5EF4-FFF2-40B4-BE49-F238E27FC236}">
                  <a16:creationId xmlns:a16="http://schemas.microsoft.com/office/drawing/2014/main" id="{4CB88E47-D9E4-9897-FFE2-CE66EA12C889}"/>
                </a:ext>
              </a:extLst>
            </p:cNvPr>
            <p:cNvGrpSpPr/>
            <p:nvPr/>
          </p:nvGrpSpPr>
          <p:grpSpPr>
            <a:xfrm>
              <a:off x="2620729" y="2542619"/>
              <a:ext cx="3207694" cy="3211934"/>
              <a:chOff x="2663967" y="2986269"/>
              <a:chExt cx="3207694" cy="3211934"/>
            </a:xfrm>
          </p:grpSpPr>
          <p:sp>
            <p:nvSpPr>
              <p:cNvPr id="39" name="Freeform 6">
                <a:extLst>
                  <a:ext uri="{FF2B5EF4-FFF2-40B4-BE49-F238E27FC236}">
                    <a16:creationId xmlns:a16="http://schemas.microsoft.com/office/drawing/2014/main" id="{6269DE7D-9F42-AACF-AA85-75A6488374AA}"/>
                  </a:ext>
                </a:extLst>
              </p:cNvPr>
              <p:cNvSpPr>
                <a:spLocks/>
              </p:cNvSpPr>
              <p:nvPr/>
            </p:nvSpPr>
            <p:spPr bwMode="auto">
              <a:xfrm>
                <a:off x="2663967" y="4151258"/>
                <a:ext cx="1198910" cy="1689710"/>
              </a:xfrm>
              <a:custGeom>
                <a:avLst/>
                <a:gdLst>
                  <a:gd name="T0" fmla="*/ 400 w 471"/>
                  <a:gd name="T1" fmla="*/ 145 h 663"/>
                  <a:gd name="T2" fmla="*/ 374 w 471"/>
                  <a:gd name="T3" fmla="*/ 108 h 663"/>
                  <a:gd name="T4" fmla="*/ 56 w 471"/>
                  <a:gd name="T5" fmla="*/ 5 h 663"/>
                  <a:gd name="T6" fmla="*/ 16 w 471"/>
                  <a:gd name="T7" fmla="*/ 27 h 663"/>
                  <a:gd name="T8" fmla="*/ 0 w 471"/>
                  <a:gd name="T9" fmla="*/ 172 h 663"/>
                  <a:gd name="T10" fmla="*/ 219 w 471"/>
                  <a:gd name="T11" fmla="*/ 651 h 663"/>
                  <a:gd name="T12" fmla="*/ 264 w 471"/>
                  <a:gd name="T13" fmla="*/ 645 h 663"/>
                  <a:gd name="T14" fmla="*/ 460 w 471"/>
                  <a:gd name="T15" fmla="*/ 375 h 663"/>
                  <a:gd name="T16" fmla="*/ 456 w 471"/>
                  <a:gd name="T17" fmla="*/ 325 h 663"/>
                  <a:gd name="T18" fmla="*/ 399 w 471"/>
                  <a:gd name="T19" fmla="*/ 172 h 663"/>
                  <a:gd name="T20" fmla="*/ 400 w 471"/>
                  <a:gd name="T21" fmla="*/ 145 h 6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471" h="663">
                    <a:moveTo>
                      <a:pt x="400" y="145"/>
                    </a:moveTo>
                    <a:cubicBezTo>
                      <a:pt x="402" y="130"/>
                      <a:pt x="391" y="114"/>
                      <a:pt x="374" y="108"/>
                    </a:cubicBezTo>
                    <a:cubicBezTo>
                      <a:pt x="56" y="5"/>
                      <a:pt x="56" y="5"/>
                      <a:pt x="56" y="5"/>
                    </a:cubicBezTo>
                    <a:cubicBezTo>
                      <a:pt x="39" y="0"/>
                      <a:pt x="21" y="9"/>
                      <a:pt x="16" y="27"/>
                    </a:cubicBezTo>
                    <a:cubicBezTo>
                      <a:pt x="5" y="74"/>
                      <a:pt x="0" y="122"/>
                      <a:pt x="0" y="172"/>
                    </a:cubicBezTo>
                    <a:cubicBezTo>
                      <a:pt x="0" y="364"/>
                      <a:pt x="85" y="535"/>
                      <a:pt x="219" y="651"/>
                    </a:cubicBezTo>
                    <a:cubicBezTo>
                      <a:pt x="233" y="663"/>
                      <a:pt x="254" y="660"/>
                      <a:pt x="264" y="645"/>
                    </a:cubicBezTo>
                    <a:cubicBezTo>
                      <a:pt x="460" y="375"/>
                      <a:pt x="460" y="375"/>
                      <a:pt x="460" y="375"/>
                    </a:cubicBezTo>
                    <a:cubicBezTo>
                      <a:pt x="471" y="360"/>
                      <a:pt x="468" y="339"/>
                      <a:pt x="456" y="325"/>
                    </a:cubicBezTo>
                    <a:cubicBezTo>
                      <a:pt x="420" y="284"/>
                      <a:pt x="399" y="231"/>
                      <a:pt x="399" y="172"/>
                    </a:cubicBezTo>
                    <a:cubicBezTo>
                      <a:pt x="399" y="163"/>
                      <a:pt x="399" y="154"/>
                      <a:pt x="400" y="145"/>
                    </a:cubicBezTo>
                    <a:close/>
                  </a:path>
                </a:pathLst>
              </a:custGeom>
              <a:solidFill>
                <a:srgbClr val="2C5F71"/>
              </a:solidFill>
              <a:ln>
                <a:noFill/>
              </a:ln>
              <a:effectLst/>
            </p:spPr>
            <p:txBody>
              <a:bodyPr vert="horz" wrap="square" lIns="203200" tIns="101600" rIns="203200" bIns="101600" numCol="1" anchor="t" anchorCtr="0" compatLnSpc="1">
                <a:prstTxWarp prst="textNoShape">
                  <a:avLst/>
                </a:prstTxWarp>
              </a:bodyPr>
              <a:lstStyle/>
              <a:p>
                <a:pPr defTabSz="2031980" eaLnBrk="1" fontAlgn="auto" hangingPunct="1">
                  <a:spcBef>
                    <a:spcPts val="0"/>
                  </a:spcBef>
                  <a:spcAft>
                    <a:spcPts val="0"/>
                  </a:spcAft>
                  <a:defRPr/>
                </a:pPr>
                <a:endParaRPr lang="ru-UA" sz="4000">
                  <a:solidFill>
                    <a:prstClr val="black"/>
                  </a:solidFill>
                  <a:latin typeface="Calibri" panose="020F0502020204030204"/>
                </a:endParaRPr>
              </a:p>
            </p:txBody>
          </p:sp>
          <p:sp>
            <p:nvSpPr>
              <p:cNvPr id="40" name="Freeform 7">
                <a:extLst>
                  <a:ext uri="{FF2B5EF4-FFF2-40B4-BE49-F238E27FC236}">
                    <a16:creationId xmlns:a16="http://schemas.microsoft.com/office/drawing/2014/main" id="{564B539B-FBA0-D7C7-9347-17B24B424F59}"/>
                  </a:ext>
                </a:extLst>
              </p:cNvPr>
              <p:cNvSpPr>
                <a:spLocks/>
              </p:cNvSpPr>
              <p:nvPr/>
            </p:nvSpPr>
            <p:spPr bwMode="auto">
              <a:xfrm>
                <a:off x="3384797" y="5114838"/>
                <a:ext cx="1766034" cy="1083365"/>
              </a:xfrm>
              <a:custGeom>
                <a:avLst/>
                <a:gdLst>
                  <a:gd name="T0" fmla="*/ 255 w 694"/>
                  <a:gd name="T1" fmla="*/ 7 h 425"/>
                  <a:gd name="T2" fmla="*/ 207 w 694"/>
                  <a:gd name="T3" fmla="*/ 19 h 425"/>
                  <a:gd name="T4" fmla="*/ 11 w 694"/>
                  <a:gd name="T5" fmla="*/ 288 h 425"/>
                  <a:gd name="T6" fmla="*/ 19 w 694"/>
                  <a:gd name="T7" fmla="*/ 333 h 425"/>
                  <a:gd name="T8" fmla="*/ 347 w 694"/>
                  <a:gd name="T9" fmla="*/ 425 h 425"/>
                  <a:gd name="T10" fmla="*/ 675 w 694"/>
                  <a:gd name="T11" fmla="*/ 333 h 425"/>
                  <a:gd name="T12" fmla="*/ 683 w 694"/>
                  <a:gd name="T13" fmla="*/ 288 h 425"/>
                  <a:gd name="T14" fmla="*/ 487 w 694"/>
                  <a:gd name="T15" fmla="*/ 19 h 425"/>
                  <a:gd name="T16" fmla="*/ 439 w 694"/>
                  <a:gd name="T17" fmla="*/ 7 h 425"/>
                  <a:gd name="T18" fmla="*/ 347 w 694"/>
                  <a:gd name="T19" fmla="*/ 26 h 425"/>
                  <a:gd name="T20" fmla="*/ 255 w 694"/>
                  <a:gd name="T21" fmla="*/ 7 h 425"/>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694" h="425">
                    <a:moveTo>
                      <a:pt x="255" y="7"/>
                    </a:moveTo>
                    <a:cubicBezTo>
                      <a:pt x="239" y="0"/>
                      <a:pt x="217" y="4"/>
                      <a:pt x="207" y="19"/>
                    </a:cubicBezTo>
                    <a:cubicBezTo>
                      <a:pt x="11" y="288"/>
                      <a:pt x="11" y="288"/>
                      <a:pt x="11" y="288"/>
                    </a:cubicBezTo>
                    <a:cubicBezTo>
                      <a:pt x="0" y="303"/>
                      <a:pt x="3" y="323"/>
                      <a:pt x="19" y="333"/>
                    </a:cubicBezTo>
                    <a:cubicBezTo>
                      <a:pt x="115" y="391"/>
                      <a:pt x="227" y="425"/>
                      <a:pt x="347" y="425"/>
                    </a:cubicBezTo>
                    <a:cubicBezTo>
                      <a:pt x="467" y="425"/>
                      <a:pt x="579" y="391"/>
                      <a:pt x="675" y="333"/>
                    </a:cubicBezTo>
                    <a:cubicBezTo>
                      <a:pt x="691" y="323"/>
                      <a:pt x="694" y="303"/>
                      <a:pt x="683" y="288"/>
                    </a:cubicBezTo>
                    <a:cubicBezTo>
                      <a:pt x="487" y="19"/>
                      <a:pt x="487" y="19"/>
                      <a:pt x="487" y="19"/>
                    </a:cubicBezTo>
                    <a:cubicBezTo>
                      <a:pt x="477" y="4"/>
                      <a:pt x="455" y="0"/>
                      <a:pt x="439" y="7"/>
                    </a:cubicBezTo>
                    <a:cubicBezTo>
                      <a:pt x="410" y="19"/>
                      <a:pt x="380" y="26"/>
                      <a:pt x="347" y="26"/>
                    </a:cubicBezTo>
                    <a:cubicBezTo>
                      <a:pt x="314" y="26"/>
                      <a:pt x="284" y="19"/>
                      <a:pt x="255" y="7"/>
                    </a:cubicBezTo>
                    <a:close/>
                  </a:path>
                </a:pathLst>
              </a:custGeom>
              <a:solidFill>
                <a:srgbClr val="F76C6C"/>
              </a:solidFill>
              <a:ln>
                <a:noFill/>
              </a:ln>
              <a:effectLst/>
            </p:spPr>
            <p:txBody>
              <a:bodyPr vert="horz" wrap="square" lIns="203200" tIns="101600" rIns="203200" bIns="101600" numCol="1" anchor="t" anchorCtr="0" compatLnSpc="1">
                <a:prstTxWarp prst="textNoShape">
                  <a:avLst/>
                </a:prstTxWarp>
              </a:bodyPr>
              <a:lstStyle/>
              <a:p>
                <a:pPr defTabSz="2031980" eaLnBrk="1" fontAlgn="auto" hangingPunct="1">
                  <a:spcBef>
                    <a:spcPts val="0"/>
                  </a:spcBef>
                  <a:spcAft>
                    <a:spcPts val="0"/>
                  </a:spcAft>
                  <a:defRPr/>
                </a:pPr>
                <a:endParaRPr lang="ru-UA" sz="4000">
                  <a:solidFill>
                    <a:prstClr val="black"/>
                  </a:solidFill>
                  <a:latin typeface="Calibri" panose="020F0502020204030204"/>
                </a:endParaRPr>
              </a:p>
            </p:txBody>
          </p:sp>
          <p:sp>
            <p:nvSpPr>
              <p:cNvPr id="41" name="Freeform 8">
                <a:extLst>
                  <a:ext uri="{FF2B5EF4-FFF2-40B4-BE49-F238E27FC236}">
                    <a16:creationId xmlns:a16="http://schemas.microsoft.com/office/drawing/2014/main" id="{77958CD1-8023-3530-5CF8-CA3DAA3BCDC5}"/>
                  </a:ext>
                </a:extLst>
              </p:cNvPr>
              <p:cNvSpPr>
                <a:spLocks/>
              </p:cNvSpPr>
              <p:nvPr/>
            </p:nvSpPr>
            <p:spPr bwMode="auto">
              <a:xfrm>
                <a:off x="4672751" y="4151258"/>
                <a:ext cx="1198910" cy="1689710"/>
              </a:xfrm>
              <a:custGeom>
                <a:avLst/>
                <a:gdLst>
                  <a:gd name="T0" fmla="*/ 415 w 471"/>
                  <a:gd name="T1" fmla="*/ 5 h 663"/>
                  <a:gd name="T2" fmla="*/ 98 w 471"/>
                  <a:gd name="T3" fmla="*/ 108 h 663"/>
                  <a:gd name="T4" fmla="*/ 71 w 471"/>
                  <a:gd name="T5" fmla="*/ 145 h 663"/>
                  <a:gd name="T6" fmla="*/ 72 w 471"/>
                  <a:gd name="T7" fmla="*/ 172 h 663"/>
                  <a:gd name="T8" fmla="*/ 15 w 471"/>
                  <a:gd name="T9" fmla="*/ 325 h 663"/>
                  <a:gd name="T10" fmla="*/ 11 w 471"/>
                  <a:gd name="T11" fmla="*/ 375 h 663"/>
                  <a:gd name="T12" fmla="*/ 207 w 471"/>
                  <a:gd name="T13" fmla="*/ 645 h 663"/>
                  <a:gd name="T14" fmla="*/ 252 w 471"/>
                  <a:gd name="T15" fmla="*/ 651 h 663"/>
                  <a:gd name="T16" fmla="*/ 471 w 471"/>
                  <a:gd name="T17" fmla="*/ 172 h 663"/>
                  <a:gd name="T18" fmla="*/ 455 w 471"/>
                  <a:gd name="T19" fmla="*/ 27 h 663"/>
                  <a:gd name="T20" fmla="*/ 415 w 471"/>
                  <a:gd name="T21" fmla="*/ 5 h 66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Lst>
                <a:rect l="0" t="0" r="r" b="b"/>
                <a:pathLst>
                  <a:path w="471" h="663">
                    <a:moveTo>
                      <a:pt x="415" y="5"/>
                    </a:moveTo>
                    <a:cubicBezTo>
                      <a:pt x="98" y="108"/>
                      <a:pt x="98" y="108"/>
                      <a:pt x="98" y="108"/>
                    </a:cubicBezTo>
                    <a:cubicBezTo>
                      <a:pt x="80" y="114"/>
                      <a:pt x="69" y="130"/>
                      <a:pt x="71" y="145"/>
                    </a:cubicBezTo>
                    <a:cubicBezTo>
                      <a:pt x="72" y="154"/>
                      <a:pt x="72" y="163"/>
                      <a:pt x="72" y="172"/>
                    </a:cubicBezTo>
                    <a:cubicBezTo>
                      <a:pt x="72" y="231"/>
                      <a:pt x="51" y="284"/>
                      <a:pt x="15" y="325"/>
                    </a:cubicBezTo>
                    <a:cubicBezTo>
                      <a:pt x="3" y="339"/>
                      <a:pt x="0" y="360"/>
                      <a:pt x="11" y="375"/>
                    </a:cubicBezTo>
                    <a:cubicBezTo>
                      <a:pt x="207" y="645"/>
                      <a:pt x="207" y="645"/>
                      <a:pt x="207" y="645"/>
                    </a:cubicBezTo>
                    <a:cubicBezTo>
                      <a:pt x="217" y="660"/>
                      <a:pt x="238" y="663"/>
                      <a:pt x="252" y="651"/>
                    </a:cubicBezTo>
                    <a:cubicBezTo>
                      <a:pt x="386" y="535"/>
                      <a:pt x="471" y="364"/>
                      <a:pt x="471" y="172"/>
                    </a:cubicBezTo>
                    <a:cubicBezTo>
                      <a:pt x="471" y="122"/>
                      <a:pt x="466" y="74"/>
                      <a:pt x="455" y="27"/>
                    </a:cubicBezTo>
                    <a:cubicBezTo>
                      <a:pt x="450" y="9"/>
                      <a:pt x="432" y="0"/>
                      <a:pt x="415" y="5"/>
                    </a:cubicBezTo>
                    <a:close/>
                  </a:path>
                </a:pathLst>
              </a:custGeom>
              <a:solidFill>
                <a:srgbClr val="2C5F71"/>
              </a:solidFill>
              <a:ln>
                <a:noFill/>
              </a:ln>
              <a:effectLst/>
            </p:spPr>
            <p:txBody>
              <a:bodyPr vert="horz" wrap="square" lIns="203200" tIns="101600" rIns="203200" bIns="101600" numCol="1" anchor="t" anchorCtr="0" compatLnSpc="1">
                <a:prstTxWarp prst="textNoShape">
                  <a:avLst/>
                </a:prstTxWarp>
              </a:bodyPr>
              <a:lstStyle/>
              <a:p>
                <a:pPr defTabSz="2031980" eaLnBrk="1" fontAlgn="auto" hangingPunct="1">
                  <a:spcBef>
                    <a:spcPts val="0"/>
                  </a:spcBef>
                  <a:spcAft>
                    <a:spcPts val="0"/>
                  </a:spcAft>
                  <a:defRPr/>
                </a:pPr>
                <a:endParaRPr lang="ru-UA" sz="4000">
                  <a:solidFill>
                    <a:prstClr val="black"/>
                  </a:solidFill>
                  <a:latin typeface="Calibri" panose="020F0502020204030204"/>
                </a:endParaRPr>
              </a:p>
            </p:txBody>
          </p:sp>
          <p:sp>
            <p:nvSpPr>
              <p:cNvPr id="42" name="Freeform 9">
                <a:extLst>
                  <a:ext uri="{FF2B5EF4-FFF2-40B4-BE49-F238E27FC236}">
                    <a16:creationId xmlns:a16="http://schemas.microsoft.com/office/drawing/2014/main" id="{C0E973E9-5CF5-3FF4-829E-154FC278D721}"/>
                  </a:ext>
                </a:extLst>
              </p:cNvPr>
              <p:cNvSpPr>
                <a:spLocks/>
              </p:cNvSpPr>
              <p:nvPr/>
            </p:nvSpPr>
            <p:spPr bwMode="auto">
              <a:xfrm>
                <a:off x="4313396" y="2986269"/>
                <a:ext cx="1454381" cy="1366397"/>
              </a:xfrm>
              <a:custGeom>
                <a:avLst/>
                <a:gdLst>
                  <a:gd name="T0" fmla="*/ 227 w 571"/>
                  <a:gd name="T1" fmla="*/ 531 h 536"/>
                  <a:gd name="T2" fmla="*/ 544 w 571"/>
                  <a:gd name="T3" fmla="*/ 428 h 536"/>
                  <a:gd name="T4" fmla="*/ 564 w 571"/>
                  <a:gd name="T5" fmla="*/ 387 h 536"/>
                  <a:gd name="T6" fmla="*/ 33 w 571"/>
                  <a:gd name="T7" fmla="*/ 1 h 536"/>
                  <a:gd name="T8" fmla="*/ 0 w 571"/>
                  <a:gd name="T9" fmla="*/ 32 h 536"/>
                  <a:gd name="T10" fmla="*/ 0 w 571"/>
                  <a:gd name="T11" fmla="*/ 366 h 536"/>
                  <a:gd name="T12" fmla="*/ 33 w 571"/>
                  <a:gd name="T13" fmla="*/ 404 h 536"/>
                  <a:gd name="T14" fmla="*/ 181 w 571"/>
                  <a:gd name="T15" fmla="*/ 511 h 536"/>
                  <a:gd name="T16" fmla="*/ 227 w 571"/>
                  <a:gd name="T17" fmla="*/ 531 h 5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71" h="536">
                    <a:moveTo>
                      <a:pt x="227" y="531"/>
                    </a:moveTo>
                    <a:cubicBezTo>
                      <a:pt x="544" y="428"/>
                      <a:pt x="544" y="428"/>
                      <a:pt x="544" y="428"/>
                    </a:cubicBezTo>
                    <a:cubicBezTo>
                      <a:pt x="562" y="422"/>
                      <a:pt x="571" y="403"/>
                      <a:pt x="564" y="387"/>
                    </a:cubicBezTo>
                    <a:cubicBezTo>
                      <a:pt x="475" y="174"/>
                      <a:pt x="273" y="20"/>
                      <a:pt x="33" y="1"/>
                    </a:cubicBezTo>
                    <a:cubicBezTo>
                      <a:pt x="15" y="0"/>
                      <a:pt x="0" y="14"/>
                      <a:pt x="0" y="32"/>
                    </a:cubicBezTo>
                    <a:cubicBezTo>
                      <a:pt x="0" y="366"/>
                      <a:pt x="0" y="366"/>
                      <a:pt x="0" y="366"/>
                    </a:cubicBezTo>
                    <a:cubicBezTo>
                      <a:pt x="0" y="384"/>
                      <a:pt x="15" y="400"/>
                      <a:pt x="33" y="404"/>
                    </a:cubicBezTo>
                    <a:cubicBezTo>
                      <a:pt x="96" y="418"/>
                      <a:pt x="149" y="458"/>
                      <a:pt x="181" y="511"/>
                    </a:cubicBezTo>
                    <a:cubicBezTo>
                      <a:pt x="190" y="527"/>
                      <a:pt x="210" y="536"/>
                      <a:pt x="227" y="531"/>
                    </a:cubicBezTo>
                    <a:close/>
                  </a:path>
                </a:pathLst>
              </a:custGeom>
              <a:solidFill>
                <a:srgbClr val="F76C6C"/>
              </a:solidFill>
              <a:ln>
                <a:noFill/>
              </a:ln>
              <a:effectLst/>
            </p:spPr>
            <p:txBody>
              <a:bodyPr vert="horz" wrap="square" lIns="203200" tIns="101600" rIns="203200" bIns="101600" numCol="1" anchor="t" anchorCtr="0" compatLnSpc="1">
                <a:prstTxWarp prst="textNoShape">
                  <a:avLst/>
                </a:prstTxWarp>
              </a:bodyPr>
              <a:lstStyle/>
              <a:p>
                <a:pPr defTabSz="2031980" eaLnBrk="1" fontAlgn="auto" hangingPunct="1">
                  <a:spcBef>
                    <a:spcPts val="0"/>
                  </a:spcBef>
                  <a:spcAft>
                    <a:spcPts val="0"/>
                  </a:spcAft>
                  <a:defRPr/>
                </a:pPr>
                <a:endParaRPr lang="ru-UA" sz="4000">
                  <a:solidFill>
                    <a:prstClr val="black"/>
                  </a:solidFill>
                  <a:latin typeface="Calibri" panose="020F0502020204030204"/>
                </a:endParaRPr>
              </a:p>
            </p:txBody>
          </p:sp>
          <p:sp>
            <p:nvSpPr>
              <p:cNvPr id="43" name="Freeform 10">
                <a:extLst>
                  <a:ext uri="{FF2B5EF4-FFF2-40B4-BE49-F238E27FC236}">
                    <a16:creationId xmlns:a16="http://schemas.microsoft.com/office/drawing/2014/main" id="{102994F0-C710-A93A-CD66-C5AD14B86E1E}"/>
                  </a:ext>
                </a:extLst>
              </p:cNvPr>
              <p:cNvSpPr>
                <a:spLocks/>
              </p:cNvSpPr>
              <p:nvPr/>
            </p:nvSpPr>
            <p:spPr bwMode="auto">
              <a:xfrm>
                <a:off x="2768911" y="2986269"/>
                <a:ext cx="1453321" cy="1366397"/>
              </a:xfrm>
              <a:custGeom>
                <a:avLst/>
                <a:gdLst>
                  <a:gd name="T0" fmla="*/ 571 w 571"/>
                  <a:gd name="T1" fmla="*/ 366 h 536"/>
                  <a:gd name="T2" fmla="*/ 571 w 571"/>
                  <a:gd name="T3" fmla="*/ 32 h 536"/>
                  <a:gd name="T4" fmla="*/ 538 w 571"/>
                  <a:gd name="T5" fmla="*/ 1 h 536"/>
                  <a:gd name="T6" fmla="*/ 7 w 571"/>
                  <a:gd name="T7" fmla="*/ 387 h 536"/>
                  <a:gd name="T8" fmla="*/ 27 w 571"/>
                  <a:gd name="T9" fmla="*/ 428 h 536"/>
                  <a:gd name="T10" fmla="*/ 344 w 571"/>
                  <a:gd name="T11" fmla="*/ 531 h 536"/>
                  <a:gd name="T12" fmla="*/ 390 w 571"/>
                  <a:gd name="T13" fmla="*/ 511 h 536"/>
                  <a:gd name="T14" fmla="*/ 538 w 571"/>
                  <a:gd name="T15" fmla="*/ 404 h 536"/>
                  <a:gd name="T16" fmla="*/ 571 w 571"/>
                  <a:gd name="T17" fmla="*/ 366 h 536"/>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Lst>
                <a:rect l="0" t="0" r="r" b="b"/>
                <a:pathLst>
                  <a:path w="571" h="536">
                    <a:moveTo>
                      <a:pt x="571" y="366"/>
                    </a:moveTo>
                    <a:cubicBezTo>
                      <a:pt x="571" y="32"/>
                      <a:pt x="571" y="32"/>
                      <a:pt x="571" y="32"/>
                    </a:cubicBezTo>
                    <a:cubicBezTo>
                      <a:pt x="571" y="14"/>
                      <a:pt x="556" y="0"/>
                      <a:pt x="538" y="1"/>
                    </a:cubicBezTo>
                    <a:cubicBezTo>
                      <a:pt x="298" y="20"/>
                      <a:pt x="96" y="174"/>
                      <a:pt x="7" y="387"/>
                    </a:cubicBezTo>
                    <a:cubicBezTo>
                      <a:pt x="0" y="403"/>
                      <a:pt x="9" y="422"/>
                      <a:pt x="27" y="428"/>
                    </a:cubicBezTo>
                    <a:cubicBezTo>
                      <a:pt x="344" y="531"/>
                      <a:pt x="344" y="531"/>
                      <a:pt x="344" y="531"/>
                    </a:cubicBezTo>
                    <a:cubicBezTo>
                      <a:pt x="361" y="536"/>
                      <a:pt x="381" y="527"/>
                      <a:pt x="390" y="511"/>
                    </a:cubicBezTo>
                    <a:cubicBezTo>
                      <a:pt x="422" y="458"/>
                      <a:pt x="475" y="418"/>
                      <a:pt x="538" y="404"/>
                    </a:cubicBezTo>
                    <a:cubicBezTo>
                      <a:pt x="556" y="400"/>
                      <a:pt x="571" y="384"/>
                      <a:pt x="571" y="366"/>
                    </a:cubicBezTo>
                    <a:close/>
                  </a:path>
                </a:pathLst>
              </a:custGeom>
              <a:solidFill>
                <a:srgbClr val="F76C6C"/>
              </a:solidFill>
              <a:ln>
                <a:noFill/>
              </a:ln>
              <a:effectLst/>
            </p:spPr>
            <p:txBody>
              <a:bodyPr vert="horz" wrap="square" lIns="203200" tIns="101600" rIns="203200" bIns="101600" numCol="1" anchor="t" anchorCtr="0" compatLnSpc="1">
                <a:prstTxWarp prst="textNoShape">
                  <a:avLst/>
                </a:prstTxWarp>
              </a:bodyPr>
              <a:lstStyle/>
              <a:p>
                <a:pPr defTabSz="2031980" eaLnBrk="1" fontAlgn="auto" hangingPunct="1">
                  <a:spcBef>
                    <a:spcPts val="0"/>
                  </a:spcBef>
                  <a:spcAft>
                    <a:spcPts val="0"/>
                  </a:spcAft>
                  <a:defRPr/>
                </a:pPr>
                <a:endParaRPr lang="ru-UA" sz="4000">
                  <a:solidFill>
                    <a:prstClr val="black"/>
                  </a:solidFill>
                  <a:latin typeface="Calibri" panose="020F0502020204030204"/>
                </a:endParaRPr>
              </a:p>
            </p:txBody>
          </p:sp>
        </p:grpSp>
        <p:pic>
          <p:nvPicPr>
            <p:cNvPr id="23" name="Graphic 22">
              <a:extLst>
                <a:ext uri="{FF2B5EF4-FFF2-40B4-BE49-F238E27FC236}">
                  <a16:creationId xmlns:a16="http://schemas.microsoft.com/office/drawing/2014/main" id="{4D3F7D98-B51F-C760-95EA-3931728389AB}"/>
                </a:ext>
              </a:extLst>
            </p:cNvPr>
            <p:cNvPicPr>
              <a:picLocks noChangeAspect="1"/>
            </p:cNvPicPr>
            <p:nvPr/>
          </p:nvPicPr>
          <p:blipFill>
            <a:blip r:embed="rId2">
              <a:extLst>
                <a:ext uri="{96DAC541-7B7A-43D3-8B79-37D633B846F1}">
                  <asvg:svgBlip xmlns:asvg="http://schemas.microsoft.com/office/drawing/2016/SVG/main" xmlns="" r:embed="rId3"/>
                </a:ext>
              </a:extLst>
            </a:blip>
            <a:stretch>
              <a:fillRect/>
            </a:stretch>
          </p:blipFill>
          <p:spPr>
            <a:xfrm>
              <a:off x="3570620" y="3420671"/>
              <a:ext cx="1307912" cy="1455830"/>
            </a:xfrm>
            <a:prstGeom prst="rect">
              <a:avLst/>
            </a:prstGeom>
            <a:effectLst/>
          </p:spPr>
        </p:pic>
        <p:sp>
          <p:nvSpPr>
            <p:cNvPr id="24" name="Graphic 4">
              <a:extLst>
                <a:ext uri="{FF2B5EF4-FFF2-40B4-BE49-F238E27FC236}">
                  <a16:creationId xmlns:a16="http://schemas.microsoft.com/office/drawing/2014/main" id="{BCE45D8F-5AB5-9B5D-B51E-E68FFD832A27}"/>
                </a:ext>
              </a:extLst>
            </p:cNvPr>
            <p:cNvSpPr/>
            <p:nvPr/>
          </p:nvSpPr>
          <p:spPr>
            <a:xfrm>
              <a:off x="3239889" y="3044957"/>
              <a:ext cx="561730" cy="337042"/>
            </a:xfrm>
            <a:custGeom>
              <a:avLst/>
              <a:gdLst>
                <a:gd name="connsiteX0" fmla="*/ 5927741 w 6095976"/>
                <a:gd name="connsiteY0" fmla="*/ 849654 h 3657628"/>
                <a:gd name="connsiteX1" fmla="*/ 3270837 w 6095976"/>
                <a:gd name="connsiteY1" fmla="*/ 33361 h 3657628"/>
                <a:gd name="connsiteX2" fmla="*/ 2825163 w 6095976"/>
                <a:gd name="connsiteY2" fmla="*/ 33361 h 3657628"/>
                <a:gd name="connsiteX3" fmla="*/ 168164 w 6095976"/>
                <a:gd name="connsiteY3" fmla="*/ 849654 h 3657628"/>
                <a:gd name="connsiteX4" fmla="*/ 168164 w 6095976"/>
                <a:gd name="connsiteY4" fmla="*/ 1283894 h 3657628"/>
                <a:gd name="connsiteX5" fmla="*/ 631365 w 6095976"/>
                <a:gd name="connsiteY5" fmla="*/ 1426197 h 3657628"/>
                <a:gd name="connsiteX6" fmla="*/ 461058 w 6095976"/>
                <a:gd name="connsiteY6" fmla="*/ 1872929 h 3657628"/>
                <a:gd name="connsiteX7" fmla="*/ 304752 w 6095976"/>
                <a:gd name="connsiteY7" fmla="*/ 2133629 h 3657628"/>
                <a:gd name="connsiteX8" fmla="*/ 436769 w 6095976"/>
                <a:gd name="connsiteY8" fmla="*/ 2377935 h 3657628"/>
                <a:gd name="connsiteX9" fmla="*/ 193596 w 6095976"/>
                <a:gd name="connsiteY9" fmla="*/ 3472177 h 3657628"/>
                <a:gd name="connsiteX10" fmla="*/ 342281 w 6095976"/>
                <a:gd name="connsiteY10" fmla="*/ 3657629 h 3657628"/>
                <a:gd name="connsiteX11" fmla="*/ 876729 w 6095976"/>
                <a:gd name="connsiteY11" fmla="*/ 3657629 h 3657628"/>
                <a:gd name="connsiteX12" fmla="*/ 1025509 w 6095976"/>
                <a:gd name="connsiteY12" fmla="*/ 3472177 h 3657628"/>
                <a:gd name="connsiteX13" fmla="*/ 782336 w 6095976"/>
                <a:gd name="connsiteY13" fmla="*/ 2377935 h 3657628"/>
                <a:gd name="connsiteX14" fmla="*/ 914352 w 6095976"/>
                <a:gd name="connsiteY14" fmla="*/ 2133629 h 3657628"/>
                <a:gd name="connsiteX15" fmla="*/ 765191 w 6095976"/>
                <a:gd name="connsiteY15" fmla="*/ 1877692 h 3657628"/>
                <a:gd name="connsiteX16" fmla="*/ 962263 w 6095976"/>
                <a:gd name="connsiteY16" fmla="*/ 1527934 h 3657628"/>
                <a:gd name="connsiteX17" fmla="*/ 2825068 w 6095976"/>
                <a:gd name="connsiteY17" fmla="*/ 2100291 h 3657628"/>
                <a:gd name="connsiteX18" fmla="*/ 3270742 w 6095976"/>
                <a:gd name="connsiteY18" fmla="*/ 2100291 h 3657628"/>
                <a:gd name="connsiteX19" fmla="*/ 5927741 w 6095976"/>
                <a:gd name="connsiteY19" fmla="*/ 1283999 h 3657628"/>
                <a:gd name="connsiteX20" fmla="*/ 5927741 w 6095976"/>
                <a:gd name="connsiteY20" fmla="*/ 849654 h 3657628"/>
                <a:gd name="connsiteX21" fmla="*/ 5927741 w 6095976"/>
                <a:gd name="connsiteY21" fmla="*/ 849654 h 3657628"/>
                <a:gd name="connsiteX22" fmla="*/ 3360277 w 6095976"/>
                <a:gd name="connsiteY22" fmla="*/ 2391651 h 3657628"/>
                <a:gd name="connsiteX23" fmla="*/ 2735533 w 6095976"/>
                <a:gd name="connsiteY23" fmla="*/ 2391651 h 3657628"/>
                <a:gd name="connsiteX24" fmla="*/ 1354217 w 6095976"/>
                <a:gd name="connsiteY24" fmla="*/ 1967313 h 3657628"/>
                <a:gd name="connsiteX25" fmla="*/ 1219152 w 6095976"/>
                <a:gd name="connsiteY25" fmla="*/ 3048029 h 3657628"/>
                <a:gd name="connsiteX26" fmla="*/ 3047952 w 6095976"/>
                <a:gd name="connsiteY26" fmla="*/ 3657629 h 3657628"/>
                <a:gd name="connsiteX27" fmla="*/ 4876753 w 6095976"/>
                <a:gd name="connsiteY27" fmla="*/ 3048029 h 3657628"/>
                <a:gd name="connsiteX28" fmla="*/ 4741688 w 6095976"/>
                <a:gd name="connsiteY28" fmla="*/ 1967217 h 3657628"/>
                <a:gd name="connsiteX29" fmla="*/ 3360277 w 6095976"/>
                <a:gd name="connsiteY29" fmla="*/ 2391651 h 36576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Lst>
              <a:rect l="l" t="t" r="r" b="b"/>
              <a:pathLst>
                <a:path w="6095976" h="3657628">
                  <a:moveTo>
                    <a:pt x="5927741" y="849654"/>
                  </a:moveTo>
                  <a:lnTo>
                    <a:pt x="3270837" y="33361"/>
                  </a:lnTo>
                  <a:cubicBezTo>
                    <a:pt x="3126058" y="-11120"/>
                    <a:pt x="2969848" y="-11120"/>
                    <a:pt x="2825163" y="33361"/>
                  </a:cubicBezTo>
                  <a:lnTo>
                    <a:pt x="168164" y="849654"/>
                  </a:lnTo>
                  <a:cubicBezTo>
                    <a:pt x="-56055" y="918520"/>
                    <a:pt x="-56055" y="1215028"/>
                    <a:pt x="168164" y="1283894"/>
                  </a:cubicBezTo>
                  <a:lnTo>
                    <a:pt x="631365" y="1426197"/>
                  </a:lnTo>
                  <a:cubicBezTo>
                    <a:pt x="529733" y="1551842"/>
                    <a:pt x="467249" y="1705089"/>
                    <a:pt x="461058" y="1872929"/>
                  </a:cubicBezTo>
                  <a:cubicBezTo>
                    <a:pt x="369332" y="1925498"/>
                    <a:pt x="304752" y="2020367"/>
                    <a:pt x="304752" y="2133629"/>
                  </a:cubicBezTo>
                  <a:cubicBezTo>
                    <a:pt x="304752" y="2236308"/>
                    <a:pt x="358854" y="2322700"/>
                    <a:pt x="436769" y="2377935"/>
                  </a:cubicBezTo>
                  <a:lnTo>
                    <a:pt x="193596" y="3472177"/>
                  </a:lnTo>
                  <a:cubicBezTo>
                    <a:pt x="172450" y="3567322"/>
                    <a:pt x="244840" y="3657629"/>
                    <a:pt x="342281" y="3657629"/>
                  </a:cubicBezTo>
                  <a:lnTo>
                    <a:pt x="876729" y="3657629"/>
                  </a:lnTo>
                  <a:cubicBezTo>
                    <a:pt x="974265" y="3657629"/>
                    <a:pt x="1046655" y="3567322"/>
                    <a:pt x="1025509" y="3472177"/>
                  </a:cubicBezTo>
                  <a:lnTo>
                    <a:pt x="782336" y="2377935"/>
                  </a:lnTo>
                  <a:cubicBezTo>
                    <a:pt x="860250" y="2322700"/>
                    <a:pt x="914352" y="2236308"/>
                    <a:pt x="914352" y="2133629"/>
                  </a:cubicBezTo>
                  <a:cubicBezTo>
                    <a:pt x="914352" y="2023415"/>
                    <a:pt x="852726" y="1931222"/>
                    <a:pt x="765191" y="1877692"/>
                  </a:cubicBezTo>
                  <a:cubicBezTo>
                    <a:pt x="772430" y="1734626"/>
                    <a:pt x="845582" y="1608134"/>
                    <a:pt x="962263" y="1527934"/>
                  </a:cubicBezTo>
                  <a:lnTo>
                    <a:pt x="2825068" y="2100291"/>
                  </a:lnTo>
                  <a:cubicBezTo>
                    <a:pt x="2911364" y="2126771"/>
                    <a:pt x="3076909" y="2159823"/>
                    <a:pt x="3270742" y="2100291"/>
                  </a:cubicBezTo>
                  <a:lnTo>
                    <a:pt x="5927741" y="1283999"/>
                  </a:lnTo>
                  <a:cubicBezTo>
                    <a:pt x="6152055" y="1215028"/>
                    <a:pt x="6152055" y="918615"/>
                    <a:pt x="5927741" y="849654"/>
                  </a:cubicBezTo>
                  <a:lnTo>
                    <a:pt x="5927741" y="849654"/>
                  </a:lnTo>
                  <a:close/>
                  <a:moveTo>
                    <a:pt x="3360277" y="2391651"/>
                  </a:moveTo>
                  <a:cubicBezTo>
                    <a:pt x="3088529" y="2475100"/>
                    <a:pt x="2856976" y="2428989"/>
                    <a:pt x="2735533" y="2391651"/>
                  </a:cubicBezTo>
                  <a:lnTo>
                    <a:pt x="1354217" y="1967313"/>
                  </a:lnTo>
                  <a:lnTo>
                    <a:pt x="1219152" y="3048029"/>
                  </a:lnTo>
                  <a:cubicBezTo>
                    <a:pt x="1219152" y="3384737"/>
                    <a:pt x="2037921" y="3657629"/>
                    <a:pt x="3047952" y="3657629"/>
                  </a:cubicBezTo>
                  <a:cubicBezTo>
                    <a:pt x="4057984" y="3657629"/>
                    <a:pt x="4876753" y="3384737"/>
                    <a:pt x="4876753" y="3048029"/>
                  </a:cubicBezTo>
                  <a:lnTo>
                    <a:pt x="4741688" y="1967217"/>
                  </a:lnTo>
                  <a:lnTo>
                    <a:pt x="3360277" y="2391651"/>
                  </a:lnTo>
                  <a:close/>
                </a:path>
              </a:pathLst>
            </a:custGeom>
            <a:solidFill>
              <a:sysClr val="window" lastClr="FFFFFF"/>
            </a:solidFill>
            <a:ln w="0" cap="flat">
              <a:no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pic>
          <p:nvPicPr>
            <p:cNvPr id="25" name="Graphic 24">
              <a:extLst>
                <a:ext uri="{FF2B5EF4-FFF2-40B4-BE49-F238E27FC236}">
                  <a16:creationId xmlns:a16="http://schemas.microsoft.com/office/drawing/2014/main" id="{6322CA50-9A95-ADAF-863A-19B6A1AE9151}"/>
                </a:ext>
              </a:extLst>
            </p:cNvPr>
            <p:cNvPicPr>
              <a:picLocks noChangeAspect="1"/>
            </p:cNvPicPr>
            <p:nvPr/>
          </p:nvPicPr>
          <p:blipFill>
            <a:blip r:embed="rId4">
              <a:extLst>
                <a:ext uri="{96DAC541-7B7A-43D3-8B79-37D633B846F1}">
                  <asvg:svgBlip xmlns:asvg="http://schemas.microsoft.com/office/drawing/2016/SVG/main" xmlns="" r:embed="rId5"/>
                </a:ext>
              </a:extLst>
            </a:blip>
            <a:stretch>
              <a:fillRect/>
            </a:stretch>
          </p:blipFill>
          <p:spPr>
            <a:xfrm>
              <a:off x="4686531" y="3021413"/>
              <a:ext cx="385571" cy="385571"/>
            </a:xfrm>
            <a:prstGeom prst="rect">
              <a:avLst/>
            </a:prstGeom>
          </p:spPr>
        </p:pic>
        <p:pic>
          <p:nvPicPr>
            <p:cNvPr id="27" name="Graphic 26">
              <a:extLst>
                <a:ext uri="{FF2B5EF4-FFF2-40B4-BE49-F238E27FC236}">
                  <a16:creationId xmlns:a16="http://schemas.microsoft.com/office/drawing/2014/main" id="{C4DDE425-1241-17E9-5D56-7124501161CE}"/>
                </a:ext>
              </a:extLst>
            </p:cNvPr>
            <p:cNvPicPr>
              <a:picLocks noChangeAspect="1"/>
            </p:cNvPicPr>
            <p:nvPr/>
          </p:nvPicPr>
          <p:blipFill>
            <a:blip r:embed="rId6">
              <a:extLst>
                <a:ext uri="{96DAC541-7B7A-43D3-8B79-37D633B846F1}">
                  <asvg:svgBlip xmlns:asvg="http://schemas.microsoft.com/office/drawing/2016/SVG/main" xmlns="" r:embed="rId7"/>
                </a:ext>
              </a:extLst>
            </a:blip>
            <a:stretch>
              <a:fillRect/>
            </a:stretch>
          </p:blipFill>
          <p:spPr>
            <a:xfrm>
              <a:off x="2967401" y="4219077"/>
              <a:ext cx="272487" cy="506048"/>
            </a:xfrm>
            <a:prstGeom prst="rect">
              <a:avLst/>
            </a:prstGeom>
          </p:spPr>
        </p:pic>
        <p:pic>
          <p:nvPicPr>
            <p:cNvPr id="32" name="Graphic 31">
              <a:extLst>
                <a:ext uri="{FF2B5EF4-FFF2-40B4-BE49-F238E27FC236}">
                  <a16:creationId xmlns:a16="http://schemas.microsoft.com/office/drawing/2014/main" id="{B9E1AFA6-2CD6-BBDF-5CD5-647036EE893B}"/>
                </a:ext>
              </a:extLst>
            </p:cNvPr>
            <p:cNvPicPr>
              <a:picLocks noChangeAspect="1"/>
            </p:cNvPicPr>
            <p:nvPr/>
          </p:nvPicPr>
          <p:blipFill>
            <a:blip r:embed="rId8">
              <a:extLst>
                <a:ext uri="{96DAC541-7B7A-43D3-8B79-37D633B846F1}">
                  <asvg:svgBlip xmlns:asvg="http://schemas.microsoft.com/office/drawing/2016/SVG/main" xmlns="" r:embed="rId9"/>
                </a:ext>
              </a:extLst>
            </a:blip>
            <a:stretch>
              <a:fillRect/>
            </a:stretch>
          </p:blipFill>
          <p:spPr>
            <a:xfrm>
              <a:off x="4037005" y="5049955"/>
              <a:ext cx="455498" cy="455498"/>
            </a:xfrm>
            <a:prstGeom prst="rect">
              <a:avLst/>
            </a:prstGeom>
          </p:spPr>
        </p:pic>
        <p:pic>
          <p:nvPicPr>
            <p:cNvPr id="34" name="Graphic 33">
              <a:extLst>
                <a:ext uri="{FF2B5EF4-FFF2-40B4-BE49-F238E27FC236}">
                  <a16:creationId xmlns:a16="http://schemas.microsoft.com/office/drawing/2014/main" id="{0522E81C-E3EA-01E8-6E87-CD968408263F}"/>
                </a:ext>
              </a:extLst>
            </p:cNvPr>
            <p:cNvPicPr>
              <a:picLocks noChangeAspect="1"/>
            </p:cNvPicPr>
            <p:nvPr/>
          </p:nvPicPr>
          <p:blipFill>
            <a:blip r:embed="rId10">
              <a:extLst>
                <a:ext uri="{96DAC541-7B7A-43D3-8B79-37D633B846F1}">
                  <asvg:svgBlip xmlns:asvg="http://schemas.microsoft.com/office/drawing/2016/SVG/main" xmlns="" r:embed="rId11"/>
                </a:ext>
              </a:extLst>
            </a:blip>
            <a:stretch>
              <a:fillRect/>
            </a:stretch>
          </p:blipFill>
          <p:spPr>
            <a:xfrm>
              <a:off x="5042838" y="4281577"/>
              <a:ext cx="643763" cy="259427"/>
            </a:xfrm>
            <a:prstGeom prst="rect">
              <a:avLst/>
            </a:prstGeom>
          </p:spPr>
        </p:pic>
        <p:grpSp>
          <p:nvGrpSpPr>
            <p:cNvPr id="36" name="Group 35">
              <a:extLst>
                <a:ext uri="{FF2B5EF4-FFF2-40B4-BE49-F238E27FC236}">
                  <a16:creationId xmlns:a16="http://schemas.microsoft.com/office/drawing/2014/main" id="{75B0171F-AE9D-4605-B50F-55BD4C814776}"/>
                </a:ext>
              </a:extLst>
            </p:cNvPr>
            <p:cNvGrpSpPr/>
            <p:nvPr/>
          </p:nvGrpSpPr>
          <p:grpSpPr>
            <a:xfrm>
              <a:off x="3965246" y="3793136"/>
              <a:ext cx="531381" cy="636835"/>
              <a:chOff x="4815509" y="2012251"/>
              <a:chExt cx="193775" cy="232230"/>
            </a:xfrm>
            <a:solidFill>
              <a:srgbClr val="E7E6E6"/>
            </a:solidFill>
          </p:grpSpPr>
          <p:sp>
            <p:nvSpPr>
              <p:cNvPr id="37" name="Freeform 3">
                <a:extLst>
                  <a:ext uri="{FF2B5EF4-FFF2-40B4-BE49-F238E27FC236}">
                    <a16:creationId xmlns:a16="http://schemas.microsoft.com/office/drawing/2014/main" id="{339B49CB-55A1-AFD9-6709-1D825075EA89}"/>
                  </a:ext>
                </a:extLst>
              </p:cNvPr>
              <p:cNvSpPr/>
              <p:nvPr/>
            </p:nvSpPr>
            <p:spPr>
              <a:xfrm>
                <a:off x="4815509" y="2147457"/>
                <a:ext cx="193775" cy="97024"/>
              </a:xfrm>
              <a:custGeom>
                <a:avLst/>
                <a:gdLst>
                  <a:gd name="connsiteX0" fmla="*/ 114300 w 190500"/>
                  <a:gd name="connsiteY0" fmla="*/ 0 h 95384"/>
                  <a:gd name="connsiteX1" fmla="*/ 76200 w 190500"/>
                  <a:gd name="connsiteY1" fmla="*/ 0 h 95384"/>
                  <a:gd name="connsiteX2" fmla="*/ 0 w 190500"/>
                  <a:gd name="connsiteY2" fmla="*/ 76200 h 95384"/>
                  <a:gd name="connsiteX3" fmla="*/ 6620 w 190500"/>
                  <a:gd name="connsiteY3" fmla="*/ 85277 h 95384"/>
                  <a:gd name="connsiteX4" fmla="*/ 95250 w 190500"/>
                  <a:gd name="connsiteY4" fmla="*/ 95250 h 95384"/>
                  <a:gd name="connsiteX5" fmla="*/ 183880 w 190500"/>
                  <a:gd name="connsiteY5" fmla="*/ 85277 h 95384"/>
                  <a:gd name="connsiteX6" fmla="*/ 190500 w 190500"/>
                  <a:gd name="connsiteY6" fmla="*/ 76200 h 95384"/>
                  <a:gd name="connsiteX7" fmla="*/ 114300 w 190500"/>
                  <a:gd name="connsiteY7" fmla="*/ 0 h 953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90500" h="95384">
                    <a:moveTo>
                      <a:pt x="114300" y="0"/>
                    </a:moveTo>
                    <a:lnTo>
                      <a:pt x="76200" y="0"/>
                    </a:lnTo>
                    <a:cubicBezTo>
                      <a:pt x="34136" y="48"/>
                      <a:pt x="47" y="34136"/>
                      <a:pt x="0" y="76200"/>
                    </a:cubicBezTo>
                    <a:cubicBezTo>
                      <a:pt x="-3" y="80343"/>
                      <a:pt x="2674" y="84013"/>
                      <a:pt x="6620" y="85277"/>
                    </a:cubicBezTo>
                    <a:cubicBezTo>
                      <a:pt x="35546" y="92761"/>
                      <a:pt x="65384" y="96119"/>
                      <a:pt x="95250" y="95250"/>
                    </a:cubicBezTo>
                    <a:cubicBezTo>
                      <a:pt x="125116" y="96119"/>
                      <a:pt x="154955" y="92761"/>
                      <a:pt x="183880" y="85277"/>
                    </a:cubicBezTo>
                    <a:cubicBezTo>
                      <a:pt x="187826" y="84013"/>
                      <a:pt x="190503" y="80343"/>
                      <a:pt x="190500" y="76200"/>
                    </a:cubicBezTo>
                    <a:cubicBezTo>
                      <a:pt x="190452" y="34136"/>
                      <a:pt x="156364" y="48"/>
                      <a:pt x="114300" y="0"/>
                    </a:cubicBezTo>
                    <a:close/>
                  </a:path>
                </a:pathLst>
              </a:custGeom>
              <a:grpFill/>
              <a:ln w="0" cap="flat">
                <a:no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sp>
            <p:nvSpPr>
              <p:cNvPr id="38" name="Freeform 4">
                <a:extLst>
                  <a:ext uri="{FF2B5EF4-FFF2-40B4-BE49-F238E27FC236}">
                    <a16:creationId xmlns:a16="http://schemas.microsoft.com/office/drawing/2014/main" id="{2C193893-F213-82AA-4B5B-F5CFF5AEEE54}"/>
                  </a:ext>
                </a:extLst>
              </p:cNvPr>
              <p:cNvSpPr/>
              <p:nvPr/>
            </p:nvSpPr>
            <p:spPr>
              <a:xfrm>
                <a:off x="4859109" y="2012251"/>
                <a:ext cx="106576" cy="115828"/>
              </a:xfrm>
              <a:custGeom>
                <a:avLst/>
                <a:gdLst>
                  <a:gd name="connsiteX0" fmla="*/ 52388 w 104775"/>
                  <a:gd name="connsiteY0" fmla="*/ 113871 h 113871"/>
                  <a:gd name="connsiteX1" fmla="*/ 104775 w 104775"/>
                  <a:gd name="connsiteY1" fmla="*/ 52388 h 113871"/>
                  <a:gd name="connsiteX2" fmla="*/ 52388 w 104775"/>
                  <a:gd name="connsiteY2" fmla="*/ 0 h 113871"/>
                  <a:gd name="connsiteX3" fmla="*/ 0 w 104775"/>
                  <a:gd name="connsiteY3" fmla="*/ 52388 h 113871"/>
                  <a:gd name="connsiteX4" fmla="*/ 52388 w 104775"/>
                  <a:gd name="connsiteY4" fmla="*/ 113871 h 11387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4775" h="113871">
                    <a:moveTo>
                      <a:pt x="52388" y="113871"/>
                    </a:moveTo>
                    <a:cubicBezTo>
                      <a:pt x="81915" y="113871"/>
                      <a:pt x="104775" y="80820"/>
                      <a:pt x="104775" y="52388"/>
                    </a:cubicBezTo>
                    <a:cubicBezTo>
                      <a:pt x="104775" y="23455"/>
                      <a:pt x="81321" y="0"/>
                      <a:pt x="52388" y="0"/>
                    </a:cubicBezTo>
                    <a:cubicBezTo>
                      <a:pt x="23455" y="0"/>
                      <a:pt x="0" y="23455"/>
                      <a:pt x="0" y="52388"/>
                    </a:cubicBezTo>
                    <a:cubicBezTo>
                      <a:pt x="0" y="80820"/>
                      <a:pt x="22860" y="113871"/>
                      <a:pt x="52388" y="113871"/>
                    </a:cubicBezTo>
                    <a:close/>
                  </a:path>
                </a:pathLst>
              </a:custGeom>
              <a:grpFill/>
              <a:ln w="0" cap="flat">
                <a:no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grpSp>
      </p:grpSp>
    </p:spTree>
    <p:extLst>
      <p:ext uri="{BB962C8B-B14F-4D97-AF65-F5344CB8AC3E}">
        <p14:creationId xmlns:p14="http://schemas.microsoft.com/office/powerpoint/2010/main" val="3808207037"/>
      </p:ext>
    </p:extLst>
  </p:cSld>
  <p:clrMapOvr>
    <a:masterClrMapping/>
  </p:clrMapOvr>
  <p:transition spd="slow">
    <p:push dir="u"/>
  </p:transition>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5" name="OTLSHAPE_SL_089d7eb988274527948a1ef4646e8746_HeaderRectangle">
            <a:extLst>
              <a:ext uri="{FF2B5EF4-FFF2-40B4-BE49-F238E27FC236}">
                <a16:creationId xmlns:a16="http://schemas.microsoft.com/office/drawing/2014/main" id="{153CF6A8-2361-4CFB-AE55-A45CF2328821}"/>
              </a:ext>
            </a:extLst>
          </p:cNvPr>
          <p:cNvSpPr/>
          <p:nvPr>
            <p:custDataLst>
              <p:tags r:id="rId1"/>
            </p:custDataLst>
          </p:nvPr>
        </p:nvSpPr>
        <p:spPr>
          <a:xfrm>
            <a:off x="277910" y="5527084"/>
            <a:ext cx="1828800" cy="1893518"/>
          </a:xfrm>
          <a:prstGeom prst="rect">
            <a:avLst/>
          </a:prstGeom>
          <a:solidFill>
            <a:srgbClr val="ED7D31"/>
          </a:solidFill>
          <a:ln w="28575" cap="flat" cmpd="sng" algn="ctr">
            <a:solidFill>
              <a:sysClr val="window" lastClr="FFFFFF"/>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defRPr/>
            </a:pPr>
            <a:r>
              <a:rPr lang="en-US" sz="2000" b="1">
                <a:solidFill>
                  <a:prstClr val="white"/>
                </a:solidFill>
                <a:latin typeface="Arial" panose="020B0604020202020204" pitchFamily="34" charset="0"/>
                <a:cs typeface="Arial" panose="020B0604020202020204" pitchFamily="34" charset="0"/>
              </a:rPr>
              <a:t>Technology Solutions</a:t>
            </a:r>
          </a:p>
        </p:txBody>
      </p:sp>
      <p:sp>
        <p:nvSpPr>
          <p:cNvPr id="117" name="OTLSHAPE_SL_089d7eb988274527948a1ef4646e8746_Header">
            <a:extLst>
              <a:ext uri="{FF2B5EF4-FFF2-40B4-BE49-F238E27FC236}">
                <a16:creationId xmlns:a16="http://schemas.microsoft.com/office/drawing/2014/main" id="{8483E04F-A955-44C0-851D-07FCE6067C35}"/>
              </a:ext>
            </a:extLst>
          </p:cNvPr>
          <p:cNvSpPr txBox="1"/>
          <p:nvPr>
            <p:custDataLst>
              <p:tags r:id="rId2"/>
            </p:custDataLst>
          </p:nvPr>
        </p:nvSpPr>
        <p:spPr>
          <a:xfrm>
            <a:off x="277910" y="6192464"/>
            <a:ext cx="1828800" cy="310092"/>
          </a:xfrm>
          <a:prstGeom prst="rect">
            <a:avLst/>
          </a:prstGeom>
          <a:noFill/>
        </p:spPr>
        <p:txBody>
          <a:bodyPr vert="horz" wrap="square" lIns="0" tIns="0" rIns="0" bIns="0" rtlCol="0" anchor="ctr" anchorCtr="0">
            <a:no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defRPr/>
            </a:pPr>
            <a:endParaRPr lang="en-US" sz="2000" b="1">
              <a:solidFill>
                <a:prstClr val="white"/>
              </a:solidFill>
              <a:latin typeface="Arial" panose="020B0604020202020204" pitchFamily="34" charset="0"/>
              <a:cs typeface="Arial" panose="020B0604020202020204" pitchFamily="34" charset="0"/>
            </a:endParaRPr>
          </a:p>
        </p:txBody>
      </p:sp>
      <p:sp>
        <p:nvSpPr>
          <p:cNvPr id="123" name="Rectangle 122"/>
          <p:cNvSpPr/>
          <p:nvPr/>
        </p:nvSpPr>
        <p:spPr>
          <a:xfrm>
            <a:off x="13897531" y="2383365"/>
            <a:ext cx="1950468" cy="839177"/>
          </a:xfrm>
          <a:prstGeom prst="rect">
            <a:avLst/>
          </a:prstGeom>
          <a:solidFill>
            <a:sysClr val="window" lastClr="FFFFFF"/>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30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24" name="Rectangle 123"/>
          <p:cNvSpPr/>
          <p:nvPr/>
        </p:nvSpPr>
        <p:spPr>
          <a:xfrm>
            <a:off x="9367700" y="2383365"/>
            <a:ext cx="2946600" cy="839177"/>
          </a:xfrm>
          <a:prstGeom prst="rect">
            <a:avLst/>
          </a:prstGeom>
          <a:solidFill>
            <a:sysClr val="window" lastClr="FFFFFF"/>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30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25" name="Rectangle 124"/>
          <p:cNvSpPr/>
          <p:nvPr/>
        </p:nvSpPr>
        <p:spPr>
          <a:xfrm>
            <a:off x="5687591" y="2383365"/>
            <a:ext cx="2007468" cy="839177"/>
          </a:xfrm>
          <a:prstGeom prst="rect">
            <a:avLst/>
          </a:prstGeom>
          <a:solidFill>
            <a:sysClr val="window" lastClr="FFFFFF"/>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30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26" name="Rectangle 125"/>
          <p:cNvSpPr/>
          <p:nvPr/>
        </p:nvSpPr>
        <p:spPr>
          <a:xfrm>
            <a:off x="2203882" y="2530649"/>
            <a:ext cx="16723796" cy="1328851"/>
          </a:xfrm>
          <a:prstGeom prst="rect">
            <a:avLst/>
          </a:prstGeom>
          <a:solidFill>
            <a:srgbClr val="4472C4">
              <a:lumMod val="20000"/>
              <a:lumOff val="80000"/>
            </a:srgbClr>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30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28" name="OTLSHAPE_SL_9cf0b9a3b4064869b9ae748fb5efbb51_HeaderRectangle">
            <a:extLst>
              <a:ext uri="{FF2B5EF4-FFF2-40B4-BE49-F238E27FC236}">
                <a16:creationId xmlns:a16="http://schemas.microsoft.com/office/drawing/2014/main" id="{25633857-B41D-4336-9D91-9BA5D9D9332B}"/>
              </a:ext>
            </a:extLst>
          </p:cNvPr>
          <p:cNvSpPr/>
          <p:nvPr>
            <p:custDataLst>
              <p:tags r:id="rId3"/>
            </p:custDataLst>
          </p:nvPr>
        </p:nvSpPr>
        <p:spPr>
          <a:xfrm>
            <a:off x="266492" y="7502248"/>
            <a:ext cx="1828800" cy="905048"/>
          </a:xfrm>
          <a:prstGeom prst="rect">
            <a:avLst/>
          </a:prstGeom>
          <a:solidFill>
            <a:srgbClr val="FFC000"/>
          </a:solidFill>
          <a:ln w="28575" cap="flat" cmpd="sng" algn="ctr">
            <a:solidFill>
              <a:sysClr val="window" lastClr="FFFFFF"/>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defRPr/>
            </a:pPr>
            <a:r>
              <a:rPr lang="en-US" sz="2000" b="1">
                <a:solidFill>
                  <a:prstClr val="white"/>
                </a:solidFill>
                <a:latin typeface="Arial" panose="020B0604020202020204" pitchFamily="34" charset="0"/>
                <a:cs typeface="Arial" panose="020B0604020202020204" pitchFamily="34" charset="0"/>
              </a:rPr>
              <a:t>Data Collection</a:t>
            </a:r>
          </a:p>
        </p:txBody>
      </p:sp>
      <p:sp>
        <p:nvSpPr>
          <p:cNvPr id="132" name="OTLSHAPE_SL_9cf0b9a3b4064869b9ae748fb5efbb51_HeaderRectangle">
            <a:extLst>
              <a:ext uri="{FF2B5EF4-FFF2-40B4-BE49-F238E27FC236}">
                <a16:creationId xmlns:a16="http://schemas.microsoft.com/office/drawing/2014/main" id="{25633857-B41D-4336-9D91-9BA5D9D9332B}"/>
              </a:ext>
            </a:extLst>
          </p:cNvPr>
          <p:cNvSpPr/>
          <p:nvPr>
            <p:custDataLst>
              <p:tags r:id="rId4"/>
            </p:custDataLst>
          </p:nvPr>
        </p:nvSpPr>
        <p:spPr>
          <a:xfrm>
            <a:off x="297972" y="2523852"/>
            <a:ext cx="1828800" cy="1233067"/>
          </a:xfrm>
          <a:prstGeom prst="rect">
            <a:avLst/>
          </a:prstGeom>
          <a:solidFill>
            <a:srgbClr val="313B6E"/>
          </a:solidFill>
          <a:ln w="12700" cap="flat" cmpd="sng" algn="ctr">
            <a:solidFill>
              <a:sysClr val="window" lastClr="FFFFFF"/>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r>
              <a:rPr kumimoji="0" lang="en-US" sz="2000" b="1" i="0" u="none" strike="noStrike" kern="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rPr>
              <a:t>Claim Process</a:t>
            </a:r>
          </a:p>
        </p:txBody>
      </p:sp>
      <p:sp>
        <p:nvSpPr>
          <p:cNvPr id="133" name="TextBox 132"/>
          <p:cNvSpPr txBox="1"/>
          <p:nvPr/>
        </p:nvSpPr>
        <p:spPr>
          <a:xfrm>
            <a:off x="2458902" y="2841058"/>
            <a:ext cx="1340512" cy="502766"/>
          </a:xfrm>
          <a:prstGeom prst="rect">
            <a:avLst/>
          </a:prstGeom>
          <a:noFill/>
        </p:spPr>
        <p:txBody>
          <a:bodyPr wrap="square" rtlCol="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r>
              <a:rPr lang="en-US" sz="2667" b="1">
                <a:solidFill>
                  <a:srgbClr val="E7E6E6">
                    <a:lumMod val="25000"/>
                  </a:srgbClr>
                </a:solidFill>
                <a:latin typeface="Arial" panose="020B0604020202020204" pitchFamily="34" charset="0"/>
                <a:cs typeface="Arial" panose="020B0604020202020204" pitchFamily="34" charset="0"/>
              </a:rPr>
              <a:t>Injury</a:t>
            </a:r>
          </a:p>
        </p:txBody>
      </p:sp>
      <p:sp>
        <p:nvSpPr>
          <p:cNvPr id="134" name="TextBox 133"/>
          <p:cNvSpPr txBox="1"/>
          <p:nvPr/>
        </p:nvSpPr>
        <p:spPr>
          <a:xfrm>
            <a:off x="4683200" y="2864829"/>
            <a:ext cx="2012460" cy="502766"/>
          </a:xfrm>
          <a:prstGeom prst="rect">
            <a:avLst/>
          </a:prstGeom>
          <a:noFill/>
        </p:spPr>
        <p:txBody>
          <a:bodyPr wrap="square" rtlCol="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r>
              <a:rPr lang="en-US" sz="2667" b="1">
                <a:solidFill>
                  <a:srgbClr val="E7E6E6">
                    <a:lumMod val="25000"/>
                  </a:srgbClr>
                </a:solidFill>
                <a:latin typeface="Arial" panose="020B0604020202020204" pitchFamily="34" charset="0"/>
                <a:cs typeface="Arial" panose="020B0604020202020204" pitchFamily="34" charset="0"/>
              </a:rPr>
              <a:t>PT Referral</a:t>
            </a:r>
          </a:p>
        </p:txBody>
      </p:sp>
      <p:sp>
        <p:nvSpPr>
          <p:cNvPr id="135" name="TextBox 134"/>
          <p:cNvSpPr txBox="1"/>
          <p:nvPr/>
        </p:nvSpPr>
        <p:spPr>
          <a:xfrm>
            <a:off x="7919936" y="2899711"/>
            <a:ext cx="2928165" cy="502766"/>
          </a:xfrm>
          <a:prstGeom prst="rect">
            <a:avLst/>
          </a:prstGeom>
          <a:noFill/>
        </p:spPr>
        <p:txBody>
          <a:bodyPr wrap="square" rtlCol="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r>
              <a:rPr lang="en-US" sz="2667" b="1">
                <a:solidFill>
                  <a:srgbClr val="E7E6E6">
                    <a:lumMod val="25000"/>
                  </a:srgbClr>
                </a:solidFill>
                <a:latin typeface="Arial" panose="020B0604020202020204" pitchFamily="34" charset="0"/>
                <a:cs typeface="Arial" panose="020B0604020202020204" pitchFamily="34" charset="0"/>
              </a:rPr>
              <a:t>Initial Evaluation</a:t>
            </a:r>
          </a:p>
        </p:txBody>
      </p:sp>
      <p:sp>
        <p:nvSpPr>
          <p:cNvPr id="136" name="TextBox 135"/>
          <p:cNvSpPr txBox="1"/>
          <p:nvPr/>
        </p:nvSpPr>
        <p:spPr>
          <a:xfrm>
            <a:off x="11494892" y="2873718"/>
            <a:ext cx="2012460" cy="502766"/>
          </a:xfrm>
          <a:prstGeom prst="rect">
            <a:avLst/>
          </a:prstGeom>
          <a:noFill/>
        </p:spPr>
        <p:txBody>
          <a:bodyPr wrap="square" rtlCol="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r>
              <a:rPr lang="en-US" sz="2667" b="1">
                <a:solidFill>
                  <a:srgbClr val="E7E6E6">
                    <a:lumMod val="25000"/>
                  </a:srgbClr>
                </a:solidFill>
                <a:latin typeface="Arial" panose="020B0604020202020204" pitchFamily="34" charset="0"/>
                <a:cs typeface="Arial" panose="020B0604020202020204" pitchFamily="34" charset="0"/>
              </a:rPr>
              <a:t>Treatment</a:t>
            </a:r>
          </a:p>
        </p:txBody>
      </p:sp>
      <p:sp>
        <p:nvSpPr>
          <p:cNvPr id="137" name="TextBox 136"/>
          <p:cNvSpPr txBox="1"/>
          <p:nvPr/>
        </p:nvSpPr>
        <p:spPr>
          <a:xfrm>
            <a:off x="16938921" y="2926431"/>
            <a:ext cx="1957160" cy="502766"/>
          </a:xfrm>
          <a:prstGeom prst="rect">
            <a:avLst/>
          </a:prstGeom>
          <a:noFill/>
        </p:spPr>
        <p:txBody>
          <a:bodyPr wrap="square" rtlCol="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r>
              <a:rPr lang="en-US" sz="2667" b="1">
                <a:solidFill>
                  <a:srgbClr val="E7E6E6">
                    <a:lumMod val="25000"/>
                  </a:srgbClr>
                </a:solidFill>
                <a:latin typeface="Arial" panose="020B0604020202020204" pitchFamily="34" charset="0"/>
                <a:cs typeface="Arial" panose="020B0604020202020204" pitchFamily="34" charset="0"/>
              </a:rPr>
              <a:t>Discharge</a:t>
            </a:r>
          </a:p>
        </p:txBody>
      </p:sp>
      <p:grpSp>
        <p:nvGrpSpPr>
          <p:cNvPr id="142" name="Group 141"/>
          <p:cNvGrpSpPr/>
          <p:nvPr/>
        </p:nvGrpSpPr>
        <p:grpSpPr>
          <a:xfrm>
            <a:off x="7561607" y="10351149"/>
            <a:ext cx="6572987" cy="461665"/>
            <a:chOff x="3983602" y="5549036"/>
            <a:chExt cx="3943792" cy="276999"/>
          </a:xfrm>
        </p:grpSpPr>
        <p:sp>
          <p:nvSpPr>
            <p:cNvPr id="144" name="OTLSHAPE_SLA_3ef8107866514941904e61ada6b41143_Title">
              <a:extLst>
                <a:ext uri="{FF2B5EF4-FFF2-40B4-BE49-F238E27FC236}">
                  <a16:creationId xmlns:a16="http://schemas.microsoft.com/office/drawing/2014/main" id="{68D454F9-C030-4C2B-BC95-C22B559F9D90}"/>
                </a:ext>
              </a:extLst>
            </p:cNvPr>
            <p:cNvSpPr txBox="1"/>
            <p:nvPr>
              <p:custDataLst>
                <p:tags r:id="rId52"/>
              </p:custDataLst>
            </p:nvPr>
          </p:nvSpPr>
          <p:spPr>
            <a:xfrm>
              <a:off x="3983602" y="5549036"/>
              <a:ext cx="1478650" cy="276999"/>
            </a:xfrm>
            <a:prstGeom prst="rect">
              <a:avLst/>
            </a:prstGeom>
            <a:noFill/>
          </p:spPr>
          <p:txBody>
            <a:bodyPr vert="horz" wrap="square" lIns="0" tIns="0" rIns="0" bIns="0" rtlCol="0" anchor="ctr" anchorCtr="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lvl="0" algn="ctr">
                <a:defRPr/>
              </a:pPr>
              <a:r>
                <a:rPr lang="it-IT" sz="1500" kern="0" spc="-13">
                  <a:solidFill>
                    <a:prstClr val="black"/>
                  </a:solidFill>
                  <a:latin typeface="Arial" panose="020B0604020202020204" pitchFamily="34" charset="0"/>
                  <a:cs typeface="Arial" panose="020B0604020202020204" pitchFamily="34" charset="0"/>
                </a:rPr>
                <a:t>AI, Generative AI, ML Solutions</a:t>
              </a:r>
              <a:endParaRPr kumimoji="0" lang="en-US" sz="1500" b="0" i="0" u="none" strike="noStrike" kern="0" cap="none" spc="-13" normalizeH="0" baseline="0" noProof="0">
                <a:ln>
                  <a:noFill/>
                </a:ln>
                <a:solidFill>
                  <a:prstClr val="black"/>
                </a:solidFill>
                <a:effectLst/>
                <a:uLnTx/>
                <a:uFillTx/>
                <a:latin typeface="Arial" panose="020B0604020202020204" pitchFamily="34" charset="0"/>
                <a:cs typeface="Arial" panose="020B0604020202020204" pitchFamily="34" charset="0"/>
              </a:endParaRPr>
            </a:p>
          </p:txBody>
        </p:sp>
        <p:sp>
          <p:nvSpPr>
            <p:cNvPr id="145" name="OTLSHAPE_SLT_f1b03b9fadb246d6b74eef66d2c662d1_Shape">
              <a:extLst>
                <a:ext uri="{FF2B5EF4-FFF2-40B4-BE49-F238E27FC236}">
                  <a16:creationId xmlns:a16="http://schemas.microsoft.com/office/drawing/2014/main" id="{2EC68B91-759E-4BE2-92C9-FB12B30AE322}"/>
                </a:ext>
              </a:extLst>
            </p:cNvPr>
            <p:cNvSpPr/>
            <p:nvPr>
              <p:custDataLst>
                <p:tags r:id="rId53"/>
              </p:custDataLst>
            </p:nvPr>
          </p:nvSpPr>
          <p:spPr>
            <a:xfrm>
              <a:off x="5756417" y="5577528"/>
              <a:ext cx="775403" cy="198127"/>
            </a:xfrm>
            <a:prstGeom prst="snip2DiagRect">
              <a:avLst>
                <a:gd name="adj1" fmla="val 100000"/>
                <a:gd name="adj2" fmla="val 16667"/>
              </a:avLst>
            </a:prstGeom>
            <a:solidFill>
              <a:srgbClr val="E7E6E6">
                <a:lumMod val="50000"/>
              </a:srgbClr>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3000" b="0" i="0" u="none" strike="noStrike" kern="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146" name="OTLSHAPE_SLA_3ef8107866514941904e61ada6b41143_Title">
              <a:extLst>
                <a:ext uri="{FF2B5EF4-FFF2-40B4-BE49-F238E27FC236}">
                  <a16:creationId xmlns:a16="http://schemas.microsoft.com/office/drawing/2014/main" id="{68D454F9-C030-4C2B-BC95-C22B559F9D90}"/>
                </a:ext>
              </a:extLst>
            </p:cNvPr>
            <p:cNvSpPr txBox="1"/>
            <p:nvPr>
              <p:custDataLst>
                <p:tags r:id="rId54"/>
              </p:custDataLst>
            </p:nvPr>
          </p:nvSpPr>
          <p:spPr>
            <a:xfrm>
              <a:off x="6250287" y="5602733"/>
              <a:ext cx="1677107" cy="138499"/>
            </a:xfrm>
            <a:prstGeom prst="rect">
              <a:avLst/>
            </a:prstGeom>
            <a:noFill/>
          </p:spPr>
          <p:txBody>
            <a:bodyPr vert="horz" wrap="square" lIns="0" tIns="0" rIns="0" bIns="0" rtlCol="0" anchor="ctr" anchorCtr="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r>
                <a:rPr kumimoji="0" lang="en-US" sz="1500" b="0" i="0" u="none" strike="noStrike" kern="0" cap="none" spc="-13" normalizeH="0" baseline="0" noProof="0">
                  <a:ln>
                    <a:noFill/>
                  </a:ln>
                  <a:solidFill>
                    <a:prstClr val="black"/>
                  </a:solidFill>
                  <a:effectLst/>
                  <a:uLnTx/>
                  <a:uFillTx/>
                  <a:latin typeface="Arial" panose="020B0604020202020204" pitchFamily="34" charset="0"/>
                  <a:cs typeface="Arial" panose="020B0604020202020204" pitchFamily="34" charset="0"/>
                </a:rPr>
                <a:t>Ongoing Activities</a:t>
              </a:r>
            </a:p>
          </p:txBody>
        </p:sp>
      </p:grpSp>
      <p:sp>
        <p:nvSpPr>
          <p:cNvPr id="148" name="OTLSHAPE_SL_9cf0b9a3b4064869b9ae748fb5efbb51_HeaderRectangle">
            <a:extLst>
              <a:ext uri="{FF2B5EF4-FFF2-40B4-BE49-F238E27FC236}">
                <a16:creationId xmlns:a16="http://schemas.microsoft.com/office/drawing/2014/main" id="{25633857-B41D-4336-9D91-9BA5D9D9332B}"/>
              </a:ext>
            </a:extLst>
          </p:cNvPr>
          <p:cNvSpPr/>
          <p:nvPr>
            <p:custDataLst>
              <p:tags r:id="rId5"/>
            </p:custDataLst>
          </p:nvPr>
        </p:nvSpPr>
        <p:spPr>
          <a:xfrm>
            <a:off x="227157" y="8588943"/>
            <a:ext cx="1828800" cy="1382618"/>
          </a:xfrm>
          <a:prstGeom prst="rect">
            <a:avLst/>
          </a:prstGeom>
          <a:solidFill>
            <a:srgbClr val="00B0F0"/>
          </a:solidFill>
          <a:ln w="28575" cap="flat" cmpd="sng" algn="ctr">
            <a:solidFill>
              <a:sysClr val="window" lastClr="FFFFFF"/>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defRPr/>
            </a:pPr>
            <a:r>
              <a:rPr lang="en-US" sz="2000" b="1">
                <a:solidFill>
                  <a:prstClr val="white"/>
                </a:solidFill>
                <a:latin typeface="Arial" panose="020B0604020202020204" pitchFamily="34" charset="0"/>
                <a:cs typeface="Arial" panose="020B0604020202020204" pitchFamily="34" charset="0"/>
              </a:rPr>
              <a:t>Stakeholder Engagement</a:t>
            </a:r>
          </a:p>
        </p:txBody>
      </p:sp>
      <p:sp>
        <p:nvSpPr>
          <p:cNvPr id="150" name="OTLSHAPE_SL_9cf0b9a3b4064869b9ae748fb5efbb51_Header">
            <a:extLst>
              <a:ext uri="{FF2B5EF4-FFF2-40B4-BE49-F238E27FC236}">
                <a16:creationId xmlns:a16="http://schemas.microsoft.com/office/drawing/2014/main" id="{DE487498-AFF0-4E41-8BE2-DC7A6B94BFFA}"/>
              </a:ext>
            </a:extLst>
          </p:cNvPr>
          <p:cNvSpPr txBox="1"/>
          <p:nvPr>
            <p:custDataLst>
              <p:tags r:id="rId6"/>
            </p:custDataLst>
          </p:nvPr>
        </p:nvSpPr>
        <p:spPr>
          <a:xfrm>
            <a:off x="297972" y="8943813"/>
            <a:ext cx="1828800" cy="630260"/>
          </a:xfrm>
          <a:prstGeom prst="rect">
            <a:avLst/>
          </a:prstGeom>
          <a:noFill/>
        </p:spPr>
        <p:txBody>
          <a:bodyPr vert="horz" wrap="square" lIns="0" tIns="0" rIns="0" bIns="0" rtlCol="0" anchor="ctr" anchorCtr="0">
            <a:no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defRPr/>
            </a:pPr>
            <a:endParaRPr lang="en-US" sz="1833" b="1">
              <a:solidFill>
                <a:prstClr val="white"/>
              </a:solidFill>
              <a:latin typeface="Arial" panose="020B0604020202020204" pitchFamily="34" charset="0"/>
              <a:cs typeface="Arial" panose="020B0604020202020204" pitchFamily="34" charset="0"/>
            </a:endParaRPr>
          </a:p>
        </p:txBody>
      </p:sp>
      <p:sp>
        <p:nvSpPr>
          <p:cNvPr id="152" name="OTLSHAPE_SL_ffee1e79b85943a28c39454ea880fda8_HeaderRectangle">
            <a:extLst>
              <a:ext uri="{FF2B5EF4-FFF2-40B4-BE49-F238E27FC236}">
                <a16:creationId xmlns:a16="http://schemas.microsoft.com/office/drawing/2014/main" id="{52A8538F-A6C9-45FD-BE99-03B137BD0D46}"/>
              </a:ext>
            </a:extLst>
          </p:cNvPr>
          <p:cNvSpPr/>
          <p:nvPr>
            <p:custDataLst>
              <p:tags r:id="rId7"/>
            </p:custDataLst>
          </p:nvPr>
        </p:nvSpPr>
        <p:spPr>
          <a:xfrm>
            <a:off x="281127" y="3885939"/>
            <a:ext cx="1828800" cy="1553552"/>
          </a:xfrm>
          <a:prstGeom prst="rect">
            <a:avLst/>
          </a:prstGeom>
          <a:solidFill>
            <a:srgbClr val="70AD47"/>
          </a:solidFill>
          <a:ln w="28575" cap="flat" cmpd="sng" algn="ctr">
            <a:solidFill>
              <a:sysClr val="window" lastClr="FFFFFF"/>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defRPr/>
            </a:pPr>
            <a:r>
              <a:rPr lang="en-US" sz="2000" b="1">
                <a:solidFill>
                  <a:prstClr val="white"/>
                </a:solidFill>
                <a:latin typeface="Arial" panose="020B0604020202020204" pitchFamily="34" charset="0"/>
                <a:cs typeface="Arial" panose="020B0604020202020204" pitchFamily="34" charset="0"/>
              </a:rPr>
              <a:t>Clinical Oversight</a:t>
            </a:r>
          </a:p>
        </p:txBody>
      </p:sp>
      <p:grpSp>
        <p:nvGrpSpPr>
          <p:cNvPr id="29" name="Group 28"/>
          <p:cNvGrpSpPr/>
          <p:nvPr/>
        </p:nvGrpSpPr>
        <p:grpSpPr>
          <a:xfrm>
            <a:off x="2202359" y="3900402"/>
            <a:ext cx="16720919" cy="1512702"/>
            <a:chOff x="1288359" y="2116587"/>
            <a:chExt cx="10507004" cy="907621"/>
          </a:xfrm>
        </p:grpSpPr>
        <p:sp>
          <p:nvSpPr>
            <p:cNvPr id="151" name="OTLSHAPE_SL_ffee1e79b85943a28c39454ea880fda8_BackgroundRectangle">
              <a:extLst>
                <a:ext uri="{FF2B5EF4-FFF2-40B4-BE49-F238E27FC236}">
                  <a16:creationId xmlns:a16="http://schemas.microsoft.com/office/drawing/2014/main" id="{CA725516-BF6D-40AC-916D-FE02D0477FFC}"/>
                </a:ext>
              </a:extLst>
            </p:cNvPr>
            <p:cNvSpPr/>
            <p:nvPr>
              <p:custDataLst>
                <p:tags r:id="rId48"/>
              </p:custDataLst>
            </p:nvPr>
          </p:nvSpPr>
          <p:spPr>
            <a:xfrm>
              <a:off x="1288359" y="2116587"/>
              <a:ext cx="10507004" cy="907621"/>
            </a:xfrm>
            <a:prstGeom prst="rect">
              <a:avLst/>
            </a:prstGeom>
            <a:solidFill>
              <a:srgbClr val="70AD47">
                <a:alpha val="14902"/>
              </a:srgbClr>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833" b="0" i="0" u="none" strike="noStrike" kern="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154" name="OTLSHAPE_SLT_c60910096d5a4b6f9de76b63feadcf94_Shape">
              <a:extLst>
                <a:ext uri="{FF2B5EF4-FFF2-40B4-BE49-F238E27FC236}">
                  <a16:creationId xmlns:a16="http://schemas.microsoft.com/office/drawing/2014/main" id="{11FA8F44-CE46-4F40-8F67-44C301B05425}"/>
                </a:ext>
              </a:extLst>
            </p:cNvPr>
            <p:cNvSpPr/>
            <p:nvPr>
              <p:custDataLst>
                <p:tags r:id="rId49"/>
              </p:custDataLst>
            </p:nvPr>
          </p:nvSpPr>
          <p:spPr>
            <a:xfrm>
              <a:off x="3471986" y="2193234"/>
              <a:ext cx="8086590" cy="155448"/>
            </a:xfrm>
            <a:prstGeom prst="snip2DiagRect">
              <a:avLst>
                <a:gd name="adj1" fmla="val 100000"/>
                <a:gd name="adj2" fmla="val 16667"/>
              </a:avLst>
            </a:prstGeom>
            <a:solidFill>
              <a:srgbClr val="70AD47"/>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r>
                <a:rPr kumimoji="0" lang="en-US" sz="1833" b="1" i="0" u="none" strike="noStrike" kern="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rPr>
                <a:t>Clinical Oversight</a:t>
              </a:r>
            </a:p>
          </p:txBody>
        </p:sp>
        <p:sp>
          <p:nvSpPr>
            <p:cNvPr id="162" name="OTLSHAPE_SLT_c60910096d5a4b6f9de76b63feadcf94_Shape">
              <a:extLst>
                <a:ext uri="{FF2B5EF4-FFF2-40B4-BE49-F238E27FC236}">
                  <a16:creationId xmlns:a16="http://schemas.microsoft.com/office/drawing/2014/main" id="{11FA8F44-CE46-4F40-8F67-44C301B05425}"/>
                </a:ext>
              </a:extLst>
            </p:cNvPr>
            <p:cNvSpPr/>
            <p:nvPr>
              <p:custDataLst>
                <p:tags r:id="rId50"/>
              </p:custDataLst>
            </p:nvPr>
          </p:nvSpPr>
          <p:spPr>
            <a:xfrm>
              <a:off x="6626092" y="2513182"/>
              <a:ext cx="4641231" cy="155448"/>
            </a:xfrm>
            <a:prstGeom prst="snip2DiagRect">
              <a:avLst>
                <a:gd name="adj1" fmla="val 100000"/>
                <a:gd name="adj2" fmla="val 16667"/>
              </a:avLst>
            </a:prstGeom>
            <a:solidFill>
              <a:srgbClr val="70AD47"/>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r>
                <a:rPr kumimoji="0" lang="en-US" sz="1833" b="1" i="0" u="none" strike="noStrike" kern="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rPr>
                <a:t>Provider Oversight </a:t>
              </a:r>
            </a:p>
          </p:txBody>
        </p:sp>
        <p:sp>
          <p:nvSpPr>
            <p:cNvPr id="9" name="OTLSHAPE_SLT_c60910096d5a4b6f9de76b63feadcf94_Shape">
              <a:extLst>
                <a:ext uri="{FF2B5EF4-FFF2-40B4-BE49-F238E27FC236}">
                  <a16:creationId xmlns:a16="http://schemas.microsoft.com/office/drawing/2014/main" id="{28228329-59CA-4559-6E2D-DF9CCBE2CE11}"/>
                </a:ext>
              </a:extLst>
            </p:cNvPr>
            <p:cNvSpPr/>
            <p:nvPr>
              <p:custDataLst>
                <p:tags r:id="rId51"/>
              </p:custDataLst>
            </p:nvPr>
          </p:nvSpPr>
          <p:spPr>
            <a:xfrm>
              <a:off x="3379498" y="2800494"/>
              <a:ext cx="8039203" cy="155448"/>
            </a:xfrm>
            <a:prstGeom prst="snip2DiagRect">
              <a:avLst>
                <a:gd name="adj1" fmla="val 100000"/>
                <a:gd name="adj2" fmla="val 16667"/>
              </a:avLst>
            </a:prstGeom>
            <a:solidFill>
              <a:srgbClr val="70AD47"/>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r>
                <a:rPr kumimoji="0" lang="en-US" sz="1833" b="1" i="0" u="none" strike="noStrike" kern="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rPr>
                <a:t>Patient engagement </a:t>
              </a:r>
            </a:p>
          </p:txBody>
        </p:sp>
      </p:grpSp>
      <p:sp>
        <p:nvSpPr>
          <p:cNvPr id="16" name="Chevron 15"/>
          <p:cNvSpPr/>
          <p:nvPr/>
        </p:nvSpPr>
        <p:spPr>
          <a:xfrm>
            <a:off x="3908565" y="2789273"/>
            <a:ext cx="544950" cy="769440"/>
          </a:xfrm>
          <a:prstGeom prst="chevron">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endParaRPr lang="en-US" sz="5000">
              <a:solidFill>
                <a:schemeClr val="tx1"/>
              </a:solidFill>
            </a:endParaRPr>
          </a:p>
        </p:txBody>
      </p:sp>
      <p:sp>
        <p:nvSpPr>
          <p:cNvPr id="64" name="Chevron 63"/>
          <p:cNvSpPr/>
          <p:nvPr/>
        </p:nvSpPr>
        <p:spPr>
          <a:xfrm>
            <a:off x="7401013" y="2789273"/>
            <a:ext cx="544950" cy="769440"/>
          </a:xfrm>
          <a:prstGeom prst="chevron">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endParaRPr lang="en-US" sz="5000">
              <a:solidFill>
                <a:schemeClr val="tx1"/>
              </a:solidFill>
            </a:endParaRPr>
          </a:p>
        </p:txBody>
      </p:sp>
      <p:sp>
        <p:nvSpPr>
          <p:cNvPr id="65" name="Chevron 64"/>
          <p:cNvSpPr/>
          <p:nvPr/>
        </p:nvSpPr>
        <p:spPr>
          <a:xfrm>
            <a:off x="10670682" y="2789273"/>
            <a:ext cx="544950" cy="769440"/>
          </a:xfrm>
          <a:prstGeom prst="chevron">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endParaRPr lang="en-US" sz="5000">
              <a:solidFill>
                <a:schemeClr val="tx1"/>
              </a:solidFill>
            </a:endParaRPr>
          </a:p>
        </p:txBody>
      </p:sp>
      <p:grpSp>
        <p:nvGrpSpPr>
          <p:cNvPr id="17" name="Group 16"/>
          <p:cNvGrpSpPr/>
          <p:nvPr/>
        </p:nvGrpSpPr>
        <p:grpSpPr>
          <a:xfrm>
            <a:off x="14085929" y="2755963"/>
            <a:ext cx="2856708" cy="769440"/>
            <a:chOff x="7988480" y="1449910"/>
            <a:chExt cx="1714025" cy="461664"/>
          </a:xfrm>
        </p:grpSpPr>
        <p:sp>
          <p:nvSpPr>
            <p:cNvPr id="66" name="Chevron 65"/>
            <p:cNvSpPr/>
            <p:nvPr/>
          </p:nvSpPr>
          <p:spPr>
            <a:xfrm>
              <a:off x="7988480" y="1449910"/>
              <a:ext cx="326970" cy="461664"/>
            </a:xfrm>
            <a:prstGeom prst="chevron">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endParaRPr lang="en-US" sz="5000">
                <a:solidFill>
                  <a:schemeClr val="tx1"/>
                </a:solidFill>
              </a:endParaRPr>
            </a:p>
          </p:txBody>
        </p:sp>
        <p:sp>
          <p:nvSpPr>
            <p:cNvPr id="67" name="Chevron 66"/>
            <p:cNvSpPr/>
            <p:nvPr/>
          </p:nvSpPr>
          <p:spPr>
            <a:xfrm>
              <a:off x="8473388" y="1449910"/>
              <a:ext cx="326970" cy="461664"/>
            </a:xfrm>
            <a:prstGeom prst="chevron">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endParaRPr lang="en-US" sz="5000">
                <a:solidFill>
                  <a:schemeClr val="tx1"/>
                </a:solidFill>
              </a:endParaRPr>
            </a:p>
          </p:txBody>
        </p:sp>
        <p:sp>
          <p:nvSpPr>
            <p:cNvPr id="68" name="Chevron 67"/>
            <p:cNvSpPr/>
            <p:nvPr/>
          </p:nvSpPr>
          <p:spPr>
            <a:xfrm>
              <a:off x="8959200" y="1449910"/>
              <a:ext cx="326970" cy="461664"/>
            </a:xfrm>
            <a:prstGeom prst="chevron">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endParaRPr lang="en-US" sz="5000">
                <a:solidFill>
                  <a:schemeClr val="tx1"/>
                </a:solidFill>
              </a:endParaRPr>
            </a:p>
          </p:txBody>
        </p:sp>
        <p:sp>
          <p:nvSpPr>
            <p:cNvPr id="69" name="Chevron 68"/>
            <p:cNvSpPr/>
            <p:nvPr/>
          </p:nvSpPr>
          <p:spPr>
            <a:xfrm>
              <a:off x="9375535" y="1449910"/>
              <a:ext cx="326970" cy="461664"/>
            </a:xfrm>
            <a:prstGeom prst="chevron">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endParaRPr lang="en-US" sz="5000">
                <a:solidFill>
                  <a:schemeClr val="tx1"/>
                </a:solidFill>
              </a:endParaRPr>
            </a:p>
          </p:txBody>
        </p:sp>
      </p:grpSp>
      <p:grpSp>
        <p:nvGrpSpPr>
          <p:cNvPr id="27" name="Group 26"/>
          <p:cNvGrpSpPr/>
          <p:nvPr/>
        </p:nvGrpSpPr>
        <p:grpSpPr>
          <a:xfrm>
            <a:off x="2177397" y="7517247"/>
            <a:ext cx="16960226" cy="902634"/>
            <a:chOff x="1300207" y="4379741"/>
            <a:chExt cx="10483308" cy="512826"/>
          </a:xfrm>
        </p:grpSpPr>
        <p:sp>
          <p:nvSpPr>
            <p:cNvPr id="172" name="OTLSHAPE_SL_9cf0b9a3b4064869b9ae748fb5efbb51_BackgroundRectangle">
              <a:extLst>
                <a:ext uri="{FF2B5EF4-FFF2-40B4-BE49-F238E27FC236}">
                  <a16:creationId xmlns:a16="http://schemas.microsoft.com/office/drawing/2014/main" id="{D42D8BE7-7C53-4B49-B22B-645D6CD9FAF8}"/>
                </a:ext>
              </a:extLst>
            </p:cNvPr>
            <p:cNvSpPr/>
            <p:nvPr>
              <p:custDataLst>
                <p:tags r:id="rId46"/>
              </p:custDataLst>
            </p:nvPr>
          </p:nvSpPr>
          <p:spPr>
            <a:xfrm>
              <a:off x="1300207" y="4379741"/>
              <a:ext cx="10483308" cy="512826"/>
            </a:xfrm>
            <a:prstGeom prst="rect">
              <a:avLst/>
            </a:prstGeom>
            <a:solidFill>
              <a:srgbClr val="FFC000">
                <a:alpha val="1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833" b="0" i="0" u="none" strike="noStrike" kern="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173" name="OTLSHAPE_SLT_1f3ecdb523214d1c858ab8fb12392a13_Shape">
              <a:extLst>
                <a:ext uri="{FF2B5EF4-FFF2-40B4-BE49-F238E27FC236}">
                  <a16:creationId xmlns:a16="http://schemas.microsoft.com/office/drawing/2014/main" id="{C4E5A75A-BFA2-40E8-B57A-5B4DA777E209}"/>
                </a:ext>
              </a:extLst>
            </p:cNvPr>
            <p:cNvSpPr/>
            <p:nvPr>
              <p:custDataLst>
                <p:tags r:id="rId47"/>
              </p:custDataLst>
            </p:nvPr>
          </p:nvSpPr>
          <p:spPr>
            <a:xfrm>
              <a:off x="2613652" y="4572619"/>
              <a:ext cx="9010693" cy="155448"/>
            </a:xfrm>
            <a:prstGeom prst="snip2DiagRect">
              <a:avLst>
                <a:gd name="adj1" fmla="val 100000"/>
                <a:gd name="adj2" fmla="val 16667"/>
              </a:avLst>
            </a:prstGeom>
            <a:solidFill>
              <a:srgbClr val="FFC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defRPr/>
              </a:pPr>
              <a:r>
                <a:rPr lang="en-US" sz="1833" b="1" spc="-13">
                  <a:solidFill>
                    <a:schemeClr val="accent2">
                      <a:lumMod val="50000"/>
                    </a:schemeClr>
                  </a:solidFill>
                  <a:latin typeface="Arial" panose="020B0604020202020204" pitchFamily="34" charset="0"/>
                  <a:cs typeface="Arial" panose="020B0604020202020204" pitchFamily="34" charset="0"/>
                </a:rPr>
                <a:t>Claims data + Referral Script + IE data + PT on-going treatment data + Billing data</a:t>
              </a:r>
            </a:p>
          </p:txBody>
        </p:sp>
      </p:grpSp>
      <p:grpSp>
        <p:nvGrpSpPr>
          <p:cNvPr id="24" name="Group 23"/>
          <p:cNvGrpSpPr/>
          <p:nvPr/>
        </p:nvGrpSpPr>
        <p:grpSpPr>
          <a:xfrm>
            <a:off x="2177397" y="8606363"/>
            <a:ext cx="17036760" cy="1327488"/>
            <a:chOff x="12328420" y="5364625"/>
            <a:chExt cx="10495226" cy="796493"/>
          </a:xfrm>
        </p:grpSpPr>
        <p:sp>
          <p:nvSpPr>
            <p:cNvPr id="175" name="OTLSHAPE_SL_9cf0b9a3b4064869b9ae748fb5efbb51_BackgroundRectangle">
              <a:extLst>
                <a:ext uri="{FF2B5EF4-FFF2-40B4-BE49-F238E27FC236}">
                  <a16:creationId xmlns:a16="http://schemas.microsoft.com/office/drawing/2014/main" id="{D42D8BE7-7C53-4B49-B22B-645D6CD9FAF8}"/>
                </a:ext>
              </a:extLst>
            </p:cNvPr>
            <p:cNvSpPr/>
            <p:nvPr>
              <p:custDataLst>
                <p:tags r:id="rId42"/>
              </p:custDataLst>
            </p:nvPr>
          </p:nvSpPr>
          <p:spPr>
            <a:xfrm>
              <a:off x="12328420" y="5364625"/>
              <a:ext cx="10495226" cy="796493"/>
            </a:xfrm>
            <a:prstGeom prst="rect">
              <a:avLst/>
            </a:prstGeom>
            <a:solidFill>
              <a:srgbClr val="4472C4">
                <a:lumMod val="20000"/>
                <a:lumOff val="80000"/>
                <a:alpha val="14902"/>
              </a:srgbClr>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833" b="0" i="0" u="none" strike="noStrike" kern="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179" name="OTLSHAPE_SLT_1f3ecdb523214d1c858ab8fb12392a13_Shape">
              <a:extLst>
                <a:ext uri="{FF2B5EF4-FFF2-40B4-BE49-F238E27FC236}">
                  <a16:creationId xmlns:a16="http://schemas.microsoft.com/office/drawing/2014/main" id="{C4E5A75A-BFA2-40E8-B57A-5B4DA777E209}"/>
                </a:ext>
              </a:extLst>
            </p:cNvPr>
            <p:cNvSpPr/>
            <p:nvPr>
              <p:custDataLst>
                <p:tags r:id="rId43"/>
              </p:custDataLst>
            </p:nvPr>
          </p:nvSpPr>
          <p:spPr>
            <a:xfrm>
              <a:off x="15849885" y="5429740"/>
              <a:ext cx="6762475" cy="155448"/>
            </a:xfrm>
            <a:prstGeom prst="snip2DiagRect">
              <a:avLst>
                <a:gd name="adj1" fmla="val 100000"/>
                <a:gd name="adj2" fmla="val 16667"/>
              </a:avLst>
            </a:prstGeom>
            <a:solidFill>
              <a:srgbClr val="00B0F0"/>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r>
                <a:rPr kumimoji="0" lang="en-US" sz="1833" b="1" i="0" u="none" strike="noStrike" kern="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rPr>
                <a:t>Flag at risk PT claims + Key insight / recommendations on subset of claims</a:t>
              </a:r>
            </a:p>
          </p:txBody>
        </p:sp>
        <p:sp>
          <p:nvSpPr>
            <p:cNvPr id="112" name="OTLSHAPE_SLT_1f3ecdb523214d1c858ab8fb12392a13_Shape">
              <a:extLst>
                <a:ext uri="{FF2B5EF4-FFF2-40B4-BE49-F238E27FC236}">
                  <a16:creationId xmlns:a16="http://schemas.microsoft.com/office/drawing/2014/main" id="{C4E5A75A-BFA2-40E8-B57A-5B4DA777E209}"/>
                </a:ext>
              </a:extLst>
            </p:cNvPr>
            <p:cNvSpPr/>
            <p:nvPr>
              <p:custDataLst>
                <p:tags r:id="rId44"/>
              </p:custDataLst>
            </p:nvPr>
          </p:nvSpPr>
          <p:spPr>
            <a:xfrm>
              <a:off x="12467055" y="5685703"/>
              <a:ext cx="10145305" cy="155448"/>
            </a:xfrm>
            <a:prstGeom prst="snip2DiagRect">
              <a:avLst>
                <a:gd name="adj1" fmla="val 100000"/>
                <a:gd name="adj2" fmla="val 16667"/>
              </a:avLst>
            </a:prstGeom>
            <a:solidFill>
              <a:schemeClr val="accent5">
                <a:lumMod val="75000"/>
              </a:schemeClr>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lvl="0" algn="ctr">
                <a:defRPr/>
              </a:pPr>
              <a:r>
                <a:rPr kumimoji="0" lang="en-US" sz="1833" b="1"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rPr>
                <a:t>Provider Dashboard</a:t>
              </a:r>
              <a:r>
                <a:rPr lang="en-US" sz="1833" b="1" kern="0">
                  <a:solidFill>
                    <a:prstClr val="white"/>
                  </a:solidFill>
                  <a:latin typeface="Arial" panose="020B0604020202020204" pitchFamily="34" charset="0"/>
                  <a:cs typeface="Arial" panose="020B0604020202020204" pitchFamily="34" charset="0"/>
                </a:rPr>
                <a:t> for program success metrics and drilling down to the case level</a:t>
              </a:r>
            </a:p>
          </p:txBody>
        </p:sp>
        <p:sp>
          <p:nvSpPr>
            <p:cNvPr id="113" name="OTLSHAPE_SLT_1f3ecdb523214d1c858ab8fb12392a13_Shape">
              <a:extLst>
                <a:ext uri="{FF2B5EF4-FFF2-40B4-BE49-F238E27FC236}">
                  <a16:creationId xmlns:a16="http://schemas.microsoft.com/office/drawing/2014/main" id="{C4E5A75A-BFA2-40E8-B57A-5B4DA777E209}"/>
                </a:ext>
              </a:extLst>
            </p:cNvPr>
            <p:cNvSpPr/>
            <p:nvPr>
              <p:custDataLst>
                <p:tags r:id="rId45"/>
              </p:custDataLst>
            </p:nvPr>
          </p:nvSpPr>
          <p:spPr>
            <a:xfrm>
              <a:off x="12467055" y="5931466"/>
              <a:ext cx="10145305" cy="155448"/>
            </a:xfrm>
            <a:prstGeom prst="snip2DiagRect">
              <a:avLst>
                <a:gd name="adj1" fmla="val 100000"/>
                <a:gd name="adj2" fmla="val 16667"/>
              </a:avLst>
            </a:prstGeom>
            <a:solidFill>
              <a:schemeClr val="accent5">
                <a:lumMod val="75000"/>
              </a:schemeClr>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r>
                <a:rPr kumimoji="0" lang="en-US" sz="1833" b="1" i="0" u="none" strike="noStrike" kern="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rPr>
                <a:t>Client Insights</a:t>
              </a:r>
              <a:r>
                <a:rPr kumimoji="0" lang="en-US" sz="1833" b="1" i="0" u="none" strike="noStrike" kern="0" cap="none" spc="0" normalizeH="0" noProof="0">
                  <a:ln>
                    <a:noFill/>
                  </a:ln>
                  <a:solidFill>
                    <a:prstClr val="white"/>
                  </a:solidFill>
                  <a:effectLst/>
                  <a:uLnTx/>
                  <a:uFillTx/>
                  <a:latin typeface="Arial" panose="020B0604020202020204" pitchFamily="34" charset="0"/>
                  <a:ea typeface="+mn-ea"/>
                  <a:cs typeface="Arial" panose="020B0604020202020204" pitchFamily="34" charset="0"/>
                </a:rPr>
                <a:t> Dashboard for program success metrics and drilling down to the case level</a:t>
              </a:r>
              <a:endParaRPr kumimoji="0" lang="en-US" sz="1833" b="1" i="0" u="none" strike="noStrike" kern="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grpSp>
      <p:grpSp>
        <p:nvGrpSpPr>
          <p:cNvPr id="26" name="Group 25"/>
          <p:cNvGrpSpPr/>
          <p:nvPr/>
        </p:nvGrpSpPr>
        <p:grpSpPr>
          <a:xfrm>
            <a:off x="2195526" y="5524286"/>
            <a:ext cx="17024188" cy="1894378"/>
            <a:chOff x="1571691" y="3154647"/>
            <a:chExt cx="10304924" cy="1136627"/>
          </a:xfrm>
        </p:grpSpPr>
        <p:sp>
          <p:nvSpPr>
            <p:cNvPr id="164" name="OTLSHAPE_SL_089d7eb988274527948a1ef4646e8746_BackgroundRectangle">
              <a:extLst>
                <a:ext uri="{FF2B5EF4-FFF2-40B4-BE49-F238E27FC236}">
                  <a16:creationId xmlns:a16="http://schemas.microsoft.com/office/drawing/2014/main" id="{42D619D9-7EEF-408A-B01F-CC72B1634F44}"/>
                </a:ext>
              </a:extLst>
            </p:cNvPr>
            <p:cNvSpPr/>
            <p:nvPr>
              <p:custDataLst>
                <p:tags r:id="rId36"/>
              </p:custDataLst>
            </p:nvPr>
          </p:nvSpPr>
          <p:spPr>
            <a:xfrm>
              <a:off x="1571691" y="3154647"/>
              <a:ext cx="10304924" cy="1136627"/>
            </a:xfrm>
            <a:prstGeom prst="rect">
              <a:avLst/>
            </a:prstGeom>
            <a:solidFill>
              <a:srgbClr val="ED7D31">
                <a:alpha val="14902"/>
              </a:srgbClr>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833" b="0" i="0" u="none" strike="noStrike" kern="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114" name="OTLSHAPE_SLT_c60910096d5a4b6f9de76b63feadcf94_Shape">
              <a:extLst>
                <a:ext uri="{FF2B5EF4-FFF2-40B4-BE49-F238E27FC236}">
                  <a16:creationId xmlns:a16="http://schemas.microsoft.com/office/drawing/2014/main" id="{11FA8F44-CE46-4F40-8F67-44C301B05425}"/>
                </a:ext>
              </a:extLst>
            </p:cNvPr>
            <p:cNvSpPr/>
            <p:nvPr>
              <p:custDataLst>
                <p:tags r:id="rId37"/>
              </p:custDataLst>
            </p:nvPr>
          </p:nvSpPr>
          <p:spPr>
            <a:xfrm>
              <a:off x="3379498" y="3771569"/>
              <a:ext cx="8223343" cy="155448"/>
            </a:xfrm>
            <a:prstGeom prst="snip2DiagRect">
              <a:avLst>
                <a:gd name="adj1" fmla="val 100000"/>
                <a:gd name="adj2" fmla="val 16667"/>
              </a:avLst>
            </a:prstGeom>
            <a:solidFill>
              <a:srgbClr val="ED7D31"/>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r>
                <a:rPr kumimoji="0" lang="en-US" sz="1833" b="1" i="0" u="none" strike="noStrike" kern="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rPr>
                <a:t>Enhanced Communication via 2-way text messaging</a:t>
              </a:r>
            </a:p>
          </p:txBody>
        </p:sp>
        <p:sp>
          <p:nvSpPr>
            <p:cNvPr id="15" name="AutoShape 10"/>
            <p:cNvSpPr>
              <a:spLocks noChangeAspect="1" noChangeArrowheads="1" noTextEdit="1"/>
            </p:cNvSpPr>
            <p:nvPr/>
          </p:nvSpPr>
          <p:spPr bwMode="auto">
            <a:xfrm>
              <a:off x="3228725" y="3206638"/>
              <a:ext cx="666750" cy="6667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166" name="OTLSHAPE_SLT_f1b03b9fadb246d6b74eef66d2c662d1_Shape">
              <a:extLst>
                <a:ext uri="{FF2B5EF4-FFF2-40B4-BE49-F238E27FC236}">
                  <a16:creationId xmlns:a16="http://schemas.microsoft.com/office/drawing/2014/main" id="{2EC68B91-759E-4BE2-92C9-FB12B30AE322}"/>
                </a:ext>
              </a:extLst>
            </p:cNvPr>
            <p:cNvSpPr/>
            <p:nvPr>
              <p:custDataLst>
                <p:tags r:id="rId38"/>
              </p:custDataLst>
            </p:nvPr>
          </p:nvSpPr>
          <p:spPr>
            <a:xfrm>
              <a:off x="3340273" y="3294266"/>
              <a:ext cx="2517314" cy="155448"/>
            </a:xfrm>
            <a:prstGeom prst="snip2DiagRect">
              <a:avLst>
                <a:gd name="adj1" fmla="val 100000"/>
                <a:gd name="adj2" fmla="val 16667"/>
              </a:avLst>
            </a:prstGeom>
            <a:solidFill>
              <a:srgbClr val="ED7D3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defRPr/>
              </a:pPr>
              <a:r>
                <a:rPr lang="en-US" sz="1833" b="1" spc="-13">
                  <a:solidFill>
                    <a:prstClr val="white"/>
                  </a:solidFill>
                  <a:latin typeface="Arial" panose="020B0604020202020204" pitchFamily="34" charset="0"/>
                  <a:cs typeface="Arial" panose="020B0604020202020204" pitchFamily="34" charset="0"/>
                </a:rPr>
                <a:t>Sentiment Analysis</a:t>
              </a:r>
            </a:p>
          </p:txBody>
        </p:sp>
        <p:sp>
          <p:nvSpPr>
            <p:cNvPr id="168" name="OTLSHAPE_SLA_0723a534b8b04d848ad49d960b833b9c_Title">
              <a:extLst>
                <a:ext uri="{FF2B5EF4-FFF2-40B4-BE49-F238E27FC236}">
                  <a16:creationId xmlns:a16="http://schemas.microsoft.com/office/drawing/2014/main" id="{72D121A0-C10F-4E33-ADC6-72F6C42E6E34}"/>
                </a:ext>
              </a:extLst>
            </p:cNvPr>
            <p:cNvSpPr txBox="1"/>
            <p:nvPr>
              <p:custDataLst>
                <p:tags r:id="rId39"/>
              </p:custDataLst>
            </p:nvPr>
          </p:nvSpPr>
          <p:spPr>
            <a:xfrm>
              <a:off x="2807279" y="3551849"/>
              <a:ext cx="1598368" cy="169277"/>
            </a:xfrm>
            <a:prstGeom prst="rect">
              <a:avLst/>
            </a:prstGeom>
            <a:noFill/>
          </p:spPr>
          <p:txBody>
            <a:bodyPr vert="horz" wrap="square" lIns="0" tIns="0" rIns="0" bIns="0" rtlCol="0" anchor="ctr" anchorCtr="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r>
                <a:rPr lang="en-US" sz="1833" b="1" spc="-13">
                  <a:solidFill>
                    <a:schemeClr val="bg2">
                      <a:lumMod val="25000"/>
                    </a:schemeClr>
                  </a:solidFill>
                  <a:latin typeface="Arial" panose="020B0604020202020204" pitchFamily="34" charset="0"/>
                  <a:cs typeface="Arial" panose="020B0604020202020204" pitchFamily="34" charset="0"/>
                </a:rPr>
                <a:t>Provider SmartMatch</a:t>
              </a:r>
            </a:p>
          </p:txBody>
        </p:sp>
        <p:sp>
          <p:nvSpPr>
            <p:cNvPr id="170" name="OTLSHAPE_SLT_c60910096d5a4b6f9de76b63feadcf94_Shape">
              <a:extLst>
                <a:ext uri="{FF2B5EF4-FFF2-40B4-BE49-F238E27FC236}">
                  <a16:creationId xmlns:a16="http://schemas.microsoft.com/office/drawing/2014/main" id="{11FA8F44-CE46-4F40-8F67-44C301B05425}"/>
                </a:ext>
              </a:extLst>
            </p:cNvPr>
            <p:cNvSpPr/>
            <p:nvPr>
              <p:custDataLst>
                <p:tags r:id="rId40"/>
              </p:custDataLst>
            </p:nvPr>
          </p:nvSpPr>
          <p:spPr>
            <a:xfrm>
              <a:off x="4995409" y="3492021"/>
              <a:ext cx="6607432" cy="155448"/>
            </a:xfrm>
            <a:prstGeom prst="snip2DiagRect">
              <a:avLst>
                <a:gd name="adj1" fmla="val 100000"/>
                <a:gd name="adj2" fmla="val 16667"/>
              </a:avLst>
            </a:prstGeom>
            <a:solidFill>
              <a:srgbClr val="ED7D31"/>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defRPr/>
              </a:pPr>
              <a:r>
                <a:rPr lang="en-US" sz="1833" b="1" spc="-10">
                  <a:solidFill>
                    <a:prstClr val="white"/>
                  </a:solidFill>
                  <a:latin typeface="Arial" panose="020B0604020202020204" pitchFamily="34" charset="0"/>
                  <a:cs typeface="Arial" panose="020B0604020202020204" pitchFamily="34" charset="0"/>
                </a:rPr>
                <a:t>Notes Summarization</a:t>
              </a:r>
            </a:p>
          </p:txBody>
        </p:sp>
        <p:sp>
          <p:nvSpPr>
            <p:cNvPr id="177" name="OTLSHAPE_SLT_c60910096d5a4b6f9de76b63feadcf94_Shape">
              <a:extLst>
                <a:ext uri="{FF2B5EF4-FFF2-40B4-BE49-F238E27FC236}">
                  <a16:creationId xmlns:a16="http://schemas.microsoft.com/office/drawing/2014/main" id="{11FA8F44-CE46-4F40-8F67-44C301B05425}"/>
                </a:ext>
              </a:extLst>
            </p:cNvPr>
            <p:cNvSpPr/>
            <p:nvPr>
              <p:custDataLst>
                <p:tags r:id="rId41"/>
              </p:custDataLst>
            </p:nvPr>
          </p:nvSpPr>
          <p:spPr>
            <a:xfrm>
              <a:off x="3056365" y="4071004"/>
              <a:ext cx="8497072" cy="155448"/>
            </a:xfrm>
            <a:prstGeom prst="snip2DiagRect">
              <a:avLst>
                <a:gd name="adj1" fmla="val 100000"/>
                <a:gd name="adj2" fmla="val 16667"/>
              </a:avLst>
            </a:prstGeom>
            <a:solidFill>
              <a:srgbClr val="ED7D31"/>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defRPr/>
              </a:pPr>
              <a:r>
                <a:rPr lang="en-US" sz="1833" b="1" spc="-10">
                  <a:solidFill>
                    <a:prstClr val="white"/>
                  </a:solidFill>
                  <a:latin typeface="Arial" panose="020B0604020202020204" pitchFamily="34" charset="0"/>
                  <a:cs typeface="Arial" panose="020B0604020202020204" pitchFamily="34" charset="0"/>
                </a:rPr>
                <a:t>PT Risk Score</a:t>
              </a:r>
            </a:p>
          </p:txBody>
        </p:sp>
        <p:grpSp>
          <p:nvGrpSpPr>
            <p:cNvPr id="70" name="Group 4"/>
            <p:cNvGrpSpPr>
              <a:grpSpLocks noChangeAspect="1"/>
            </p:cNvGrpSpPr>
            <p:nvPr/>
          </p:nvGrpSpPr>
          <p:grpSpPr bwMode="auto">
            <a:xfrm>
              <a:off x="3682056" y="3222184"/>
              <a:ext cx="245879" cy="245879"/>
              <a:chOff x="1680" y="0"/>
              <a:chExt cx="4320" cy="4320"/>
            </a:xfrm>
          </p:grpSpPr>
          <p:sp>
            <p:nvSpPr>
              <p:cNvPr id="71" name="AutoShape 3"/>
              <p:cNvSpPr>
                <a:spLocks noChangeAspect="1" noChangeArrowheads="1" noTextEdit="1"/>
              </p:cNvSpPr>
              <p:nvPr/>
            </p:nvSpPr>
            <p:spPr bwMode="auto">
              <a:xfrm>
                <a:off x="1680" y="0"/>
                <a:ext cx="4320" cy="43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72" name="Freeform 5"/>
              <p:cNvSpPr>
                <a:spLocks/>
              </p:cNvSpPr>
              <p:nvPr/>
            </p:nvSpPr>
            <p:spPr bwMode="auto">
              <a:xfrm>
                <a:off x="1749" y="1"/>
                <a:ext cx="4182" cy="4319"/>
              </a:xfrm>
              <a:custGeom>
                <a:avLst/>
                <a:gdLst>
                  <a:gd name="T0" fmla="*/ 6745 w 17426"/>
                  <a:gd name="T1" fmla="*/ 69 h 17994"/>
                  <a:gd name="T2" fmla="*/ 4827 w 17426"/>
                  <a:gd name="T3" fmla="*/ 564 h 17994"/>
                  <a:gd name="T4" fmla="*/ 2990 w 17426"/>
                  <a:gd name="T5" fmla="*/ 1624 h 17994"/>
                  <a:gd name="T6" fmla="*/ 1316 w 17426"/>
                  <a:gd name="T7" fmla="*/ 3448 h 17994"/>
                  <a:gd name="T8" fmla="*/ 585 w 17426"/>
                  <a:gd name="T9" fmla="*/ 4819 h 17994"/>
                  <a:gd name="T10" fmla="*/ 4557 w 17426"/>
                  <a:gd name="T11" fmla="*/ 4164 h 17994"/>
                  <a:gd name="T12" fmla="*/ 6409 w 17426"/>
                  <a:gd name="T13" fmla="*/ 3625 h 17994"/>
                  <a:gd name="T14" fmla="*/ 7054 w 17426"/>
                  <a:gd name="T15" fmla="*/ 2988 h 17994"/>
                  <a:gd name="T16" fmla="*/ 7951 w 17426"/>
                  <a:gd name="T17" fmla="*/ 2803 h 17994"/>
                  <a:gd name="T18" fmla="*/ 8821 w 17426"/>
                  <a:gd name="T19" fmla="*/ 3096 h 17994"/>
                  <a:gd name="T20" fmla="*/ 9397 w 17426"/>
                  <a:gd name="T21" fmla="*/ 3816 h 17994"/>
                  <a:gd name="T22" fmla="*/ 9445 w 17426"/>
                  <a:gd name="T23" fmla="*/ 4944 h 17994"/>
                  <a:gd name="T24" fmla="*/ 8772 w 17426"/>
                  <a:gd name="T25" fmla="*/ 5838 h 17994"/>
                  <a:gd name="T26" fmla="*/ 7725 w 17426"/>
                  <a:gd name="T27" fmla="*/ 6106 h 17994"/>
                  <a:gd name="T28" fmla="*/ 6897 w 17426"/>
                  <a:gd name="T29" fmla="*/ 5815 h 17994"/>
                  <a:gd name="T30" fmla="*/ 6334 w 17426"/>
                  <a:gd name="T31" fmla="*/ 5122 h 17994"/>
                  <a:gd name="T32" fmla="*/ 4724 w 17426"/>
                  <a:gd name="T33" fmla="*/ 5506 h 17994"/>
                  <a:gd name="T34" fmla="*/ 150 w 17426"/>
                  <a:gd name="T35" fmla="*/ 6197 h 17994"/>
                  <a:gd name="T36" fmla="*/ 758 w 17426"/>
                  <a:gd name="T37" fmla="*/ 7304 h 17994"/>
                  <a:gd name="T38" fmla="*/ 9747 w 17426"/>
                  <a:gd name="T39" fmla="*/ 7136 h 17994"/>
                  <a:gd name="T40" fmla="*/ 10489 w 17426"/>
                  <a:gd name="T41" fmla="*/ 6361 h 17994"/>
                  <a:gd name="T42" fmla="*/ 11378 w 17426"/>
                  <a:gd name="T43" fmla="*/ 6192 h 17994"/>
                  <a:gd name="T44" fmla="*/ 12212 w 17426"/>
                  <a:gd name="T45" fmla="*/ 6482 h 17994"/>
                  <a:gd name="T46" fmla="*/ 12752 w 17426"/>
                  <a:gd name="T47" fmla="*/ 7119 h 17994"/>
                  <a:gd name="T48" fmla="*/ 12896 w 17426"/>
                  <a:gd name="T49" fmla="*/ 8046 h 17994"/>
                  <a:gd name="T50" fmla="*/ 12491 w 17426"/>
                  <a:gd name="T51" fmla="*/ 8960 h 17994"/>
                  <a:gd name="T52" fmla="*/ 11502 w 17426"/>
                  <a:gd name="T53" fmla="*/ 9482 h 17994"/>
                  <a:gd name="T54" fmla="*/ 10572 w 17426"/>
                  <a:gd name="T55" fmla="*/ 9365 h 17994"/>
                  <a:gd name="T56" fmla="*/ 9905 w 17426"/>
                  <a:gd name="T57" fmla="*/ 8830 h 17994"/>
                  <a:gd name="T58" fmla="*/ 8799 w 17426"/>
                  <a:gd name="T59" fmla="*/ 8385 h 17994"/>
                  <a:gd name="T60" fmla="*/ 23 w 17426"/>
                  <a:gd name="T61" fmla="*/ 8687 h 17994"/>
                  <a:gd name="T62" fmla="*/ 4234 w 17426"/>
                  <a:gd name="T63" fmla="*/ 9710 h 17994"/>
                  <a:gd name="T64" fmla="*/ 6372 w 17426"/>
                  <a:gd name="T65" fmla="*/ 10494 h 17994"/>
                  <a:gd name="T66" fmla="*/ 6876 w 17426"/>
                  <a:gd name="T67" fmla="*/ 9887 h 17994"/>
                  <a:gd name="T68" fmla="*/ 7563 w 17426"/>
                  <a:gd name="T69" fmla="*/ 9602 h 17994"/>
                  <a:gd name="T70" fmla="*/ 8490 w 17426"/>
                  <a:gd name="T71" fmla="*/ 9709 h 17994"/>
                  <a:gd name="T72" fmla="*/ 9195 w 17426"/>
                  <a:gd name="T73" fmla="*/ 10247 h 17994"/>
                  <a:gd name="T74" fmla="*/ 9502 w 17426"/>
                  <a:gd name="T75" fmla="*/ 11021 h 17994"/>
                  <a:gd name="T76" fmla="*/ 9284 w 17426"/>
                  <a:gd name="T77" fmla="*/ 12099 h 17994"/>
                  <a:gd name="T78" fmla="*/ 8690 w 17426"/>
                  <a:gd name="T79" fmla="*/ 12677 h 17994"/>
                  <a:gd name="T80" fmla="*/ 7837 w 17426"/>
                  <a:gd name="T81" fmla="*/ 12894 h 17994"/>
                  <a:gd name="T82" fmla="*/ 6917 w 17426"/>
                  <a:gd name="T83" fmla="*/ 12623 h 17994"/>
                  <a:gd name="T84" fmla="*/ 6270 w 17426"/>
                  <a:gd name="T85" fmla="*/ 11779 h 17994"/>
                  <a:gd name="T86" fmla="*/ 4700 w 17426"/>
                  <a:gd name="T87" fmla="*/ 11650 h 17994"/>
                  <a:gd name="T88" fmla="*/ 497 w 17426"/>
                  <a:gd name="T89" fmla="*/ 10664 h 17994"/>
                  <a:gd name="T90" fmla="*/ 553 w 17426"/>
                  <a:gd name="T91" fmla="*/ 10811 h 17994"/>
                  <a:gd name="T92" fmla="*/ 1342 w 17426"/>
                  <a:gd name="T93" fmla="*/ 12277 h 17994"/>
                  <a:gd name="T94" fmla="*/ 1728 w 17426"/>
                  <a:gd name="T95" fmla="*/ 17221 h 17994"/>
                  <a:gd name="T96" fmla="*/ 1752 w 17426"/>
                  <a:gd name="T97" fmla="*/ 17735 h 17994"/>
                  <a:gd name="T98" fmla="*/ 9756 w 17426"/>
                  <a:gd name="T99" fmla="*/ 17942 h 17994"/>
                  <a:gd name="T100" fmla="*/ 10505 w 17426"/>
                  <a:gd name="T101" fmla="*/ 15802 h 17994"/>
                  <a:gd name="T102" fmla="*/ 12639 w 17426"/>
                  <a:gd name="T103" fmla="*/ 16087 h 17994"/>
                  <a:gd name="T104" fmla="*/ 14011 w 17426"/>
                  <a:gd name="T105" fmla="*/ 16278 h 17994"/>
                  <a:gd name="T106" fmla="*/ 14526 w 17426"/>
                  <a:gd name="T107" fmla="*/ 16032 h 17994"/>
                  <a:gd name="T108" fmla="*/ 15682 w 17426"/>
                  <a:gd name="T109" fmla="*/ 11564 h 17994"/>
                  <a:gd name="T110" fmla="*/ 17369 w 17426"/>
                  <a:gd name="T111" fmla="*/ 10344 h 17994"/>
                  <a:gd name="T112" fmla="*/ 16519 w 17426"/>
                  <a:gd name="T113" fmla="*/ 8719 h 17994"/>
                  <a:gd name="T114" fmla="*/ 15391 w 17426"/>
                  <a:gd name="T115" fmla="*/ 5552 h 17994"/>
                  <a:gd name="T116" fmla="*/ 14709 w 17426"/>
                  <a:gd name="T117" fmla="*/ 3924 h 17994"/>
                  <a:gd name="T118" fmla="*/ 13085 w 17426"/>
                  <a:gd name="T119" fmla="*/ 1943 h 17994"/>
                  <a:gd name="T120" fmla="*/ 11116 w 17426"/>
                  <a:gd name="T121" fmla="*/ 699 h 17994"/>
                  <a:gd name="T122" fmla="*/ 9932 w 17426"/>
                  <a:gd name="T123" fmla="*/ 286 h 17994"/>
                  <a:gd name="T124" fmla="*/ 8279 w 17426"/>
                  <a:gd name="T125" fmla="*/ 11 h 179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7426" h="17994">
                    <a:moveTo>
                      <a:pt x="7337" y="9"/>
                    </a:moveTo>
                    <a:lnTo>
                      <a:pt x="7317" y="14"/>
                    </a:lnTo>
                    <a:lnTo>
                      <a:pt x="7230" y="24"/>
                    </a:lnTo>
                    <a:lnTo>
                      <a:pt x="7179" y="26"/>
                    </a:lnTo>
                    <a:lnTo>
                      <a:pt x="7123" y="28"/>
                    </a:lnTo>
                    <a:lnTo>
                      <a:pt x="6996" y="38"/>
                    </a:lnTo>
                    <a:lnTo>
                      <a:pt x="6945" y="44"/>
                    </a:lnTo>
                    <a:lnTo>
                      <a:pt x="6840" y="57"/>
                    </a:lnTo>
                    <a:lnTo>
                      <a:pt x="6745" y="69"/>
                    </a:lnTo>
                    <a:lnTo>
                      <a:pt x="6628" y="84"/>
                    </a:lnTo>
                    <a:lnTo>
                      <a:pt x="6284" y="140"/>
                    </a:lnTo>
                    <a:lnTo>
                      <a:pt x="6179" y="161"/>
                    </a:lnTo>
                    <a:lnTo>
                      <a:pt x="6036" y="193"/>
                    </a:lnTo>
                    <a:lnTo>
                      <a:pt x="5767" y="259"/>
                    </a:lnTo>
                    <a:lnTo>
                      <a:pt x="5515" y="328"/>
                    </a:lnTo>
                    <a:lnTo>
                      <a:pt x="5277" y="401"/>
                    </a:lnTo>
                    <a:lnTo>
                      <a:pt x="5049" y="479"/>
                    </a:lnTo>
                    <a:lnTo>
                      <a:pt x="4827" y="564"/>
                    </a:lnTo>
                    <a:lnTo>
                      <a:pt x="4609" y="656"/>
                    </a:lnTo>
                    <a:lnTo>
                      <a:pt x="4390" y="758"/>
                    </a:lnTo>
                    <a:lnTo>
                      <a:pt x="4279" y="812"/>
                    </a:lnTo>
                    <a:lnTo>
                      <a:pt x="4153" y="876"/>
                    </a:lnTo>
                    <a:lnTo>
                      <a:pt x="3908" y="1010"/>
                    </a:lnTo>
                    <a:lnTo>
                      <a:pt x="3669" y="1152"/>
                    </a:lnTo>
                    <a:lnTo>
                      <a:pt x="3436" y="1302"/>
                    </a:lnTo>
                    <a:lnTo>
                      <a:pt x="3210" y="1459"/>
                    </a:lnTo>
                    <a:lnTo>
                      <a:pt x="2990" y="1624"/>
                    </a:lnTo>
                    <a:lnTo>
                      <a:pt x="2777" y="1797"/>
                    </a:lnTo>
                    <a:lnTo>
                      <a:pt x="2571" y="1977"/>
                    </a:lnTo>
                    <a:lnTo>
                      <a:pt x="2371" y="2165"/>
                    </a:lnTo>
                    <a:lnTo>
                      <a:pt x="2178" y="2360"/>
                    </a:lnTo>
                    <a:lnTo>
                      <a:pt x="1992" y="2563"/>
                    </a:lnTo>
                    <a:lnTo>
                      <a:pt x="1813" y="2773"/>
                    </a:lnTo>
                    <a:lnTo>
                      <a:pt x="1640" y="2991"/>
                    </a:lnTo>
                    <a:lnTo>
                      <a:pt x="1475" y="3216"/>
                    </a:lnTo>
                    <a:lnTo>
                      <a:pt x="1316" y="3448"/>
                    </a:lnTo>
                    <a:lnTo>
                      <a:pt x="1165" y="3688"/>
                    </a:lnTo>
                    <a:lnTo>
                      <a:pt x="1092" y="3811"/>
                    </a:lnTo>
                    <a:lnTo>
                      <a:pt x="1038" y="3905"/>
                    </a:lnTo>
                    <a:lnTo>
                      <a:pt x="905" y="4151"/>
                    </a:lnTo>
                    <a:lnTo>
                      <a:pt x="772" y="4410"/>
                    </a:lnTo>
                    <a:lnTo>
                      <a:pt x="671" y="4618"/>
                    </a:lnTo>
                    <a:lnTo>
                      <a:pt x="645" y="4677"/>
                    </a:lnTo>
                    <a:lnTo>
                      <a:pt x="619" y="4741"/>
                    </a:lnTo>
                    <a:lnTo>
                      <a:pt x="585" y="4819"/>
                    </a:lnTo>
                    <a:lnTo>
                      <a:pt x="517" y="4977"/>
                    </a:lnTo>
                    <a:lnTo>
                      <a:pt x="495" y="5037"/>
                    </a:lnTo>
                    <a:lnTo>
                      <a:pt x="585" y="5040"/>
                    </a:lnTo>
                    <a:lnTo>
                      <a:pt x="1447" y="5044"/>
                    </a:lnTo>
                    <a:lnTo>
                      <a:pt x="2082" y="5044"/>
                    </a:lnTo>
                    <a:lnTo>
                      <a:pt x="3669" y="5044"/>
                    </a:lnTo>
                    <a:lnTo>
                      <a:pt x="4187" y="4529"/>
                    </a:lnTo>
                    <a:lnTo>
                      <a:pt x="4342" y="4375"/>
                    </a:lnTo>
                    <a:lnTo>
                      <a:pt x="4557" y="4164"/>
                    </a:lnTo>
                    <a:lnTo>
                      <a:pt x="4690" y="4043"/>
                    </a:lnTo>
                    <a:lnTo>
                      <a:pt x="4772" y="3982"/>
                    </a:lnTo>
                    <a:lnTo>
                      <a:pt x="4804" y="3966"/>
                    </a:lnTo>
                    <a:lnTo>
                      <a:pt x="4904" y="3919"/>
                    </a:lnTo>
                    <a:lnTo>
                      <a:pt x="5589" y="3914"/>
                    </a:lnTo>
                    <a:lnTo>
                      <a:pt x="6272" y="3909"/>
                    </a:lnTo>
                    <a:lnTo>
                      <a:pt x="6335" y="3771"/>
                    </a:lnTo>
                    <a:lnTo>
                      <a:pt x="6358" y="3722"/>
                    </a:lnTo>
                    <a:lnTo>
                      <a:pt x="6409" y="3625"/>
                    </a:lnTo>
                    <a:lnTo>
                      <a:pt x="6467" y="3531"/>
                    </a:lnTo>
                    <a:lnTo>
                      <a:pt x="6531" y="3440"/>
                    </a:lnTo>
                    <a:lnTo>
                      <a:pt x="6599" y="3354"/>
                    </a:lnTo>
                    <a:lnTo>
                      <a:pt x="6672" y="3273"/>
                    </a:lnTo>
                    <a:lnTo>
                      <a:pt x="6749" y="3199"/>
                    </a:lnTo>
                    <a:lnTo>
                      <a:pt x="6828" y="3131"/>
                    </a:lnTo>
                    <a:lnTo>
                      <a:pt x="6869" y="3101"/>
                    </a:lnTo>
                    <a:lnTo>
                      <a:pt x="6922" y="3063"/>
                    </a:lnTo>
                    <a:lnTo>
                      <a:pt x="7054" y="2988"/>
                    </a:lnTo>
                    <a:lnTo>
                      <a:pt x="7200" y="2918"/>
                    </a:lnTo>
                    <a:lnTo>
                      <a:pt x="7346" y="2862"/>
                    </a:lnTo>
                    <a:lnTo>
                      <a:pt x="7412" y="2842"/>
                    </a:lnTo>
                    <a:lnTo>
                      <a:pt x="7456" y="2831"/>
                    </a:lnTo>
                    <a:lnTo>
                      <a:pt x="7534" y="2815"/>
                    </a:lnTo>
                    <a:lnTo>
                      <a:pt x="7624" y="2806"/>
                    </a:lnTo>
                    <a:lnTo>
                      <a:pt x="7745" y="2803"/>
                    </a:lnTo>
                    <a:lnTo>
                      <a:pt x="7829" y="2802"/>
                    </a:lnTo>
                    <a:lnTo>
                      <a:pt x="7951" y="2803"/>
                    </a:lnTo>
                    <a:lnTo>
                      <a:pt x="8100" y="2812"/>
                    </a:lnTo>
                    <a:lnTo>
                      <a:pt x="8189" y="2824"/>
                    </a:lnTo>
                    <a:lnTo>
                      <a:pt x="8273" y="2842"/>
                    </a:lnTo>
                    <a:lnTo>
                      <a:pt x="8356" y="2866"/>
                    </a:lnTo>
                    <a:lnTo>
                      <a:pt x="8489" y="2916"/>
                    </a:lnTo>
                    <a:lnTo>
                      <a:pt x="8592" y="2962"/>
                    </a:lnTo>
                    <a:lnTo>
                      <a:pt x="8638" y="2984"/>
                    </a:lnTo>
                    <a:lnTo>
                      <a:pt x="8731" y="3036"/>
                    </a:lnTo>
                    <a:lnTo>
                      <a:pt x="8821" y="3096"/>
                    </a:lnTo>
                    <a:lnTo>
                      <a:pt x="8910" y="3164"/>
                    </a:lnTo>
                    <a:lnTo>
                      <a:pt x="8995" y="3238"/>
                    </a:lnTo>
                    <a:lnTo>
                      <a:pt x="9075" y="3317"/>
                    </a:lnTo>
                    <a:lnTo>
                      <a:pt x="9149" y="3400"/>
                    </a:lnTo>
                    <a:lnTo>
                      <a:pt x="9217" y="3486"/>
                    </a:lnTo>
                    <a:lnTo>
                      <a:pt x="9247" y="3531"/>
                    </a:lnTo>
                    <a:lnTo>
                      <a:pt x="9282" y="3585"/>
                    </a:lnTo>
                    <a:lnTo>
                      <a:pt x="9344" y="3699"/>
                    </a:lnTo>
                    <a:lnTo>
                      <a:pt x="9397" y="3816"/>
                    </a:lnTo>
                    <a:lnTo>
                      <a:pt x="9440" y="3937"/>
                    </a:lnTo>
                    <a:lnTo>
                      <a:pt x="9474" y="4061"/>
                    </a:lnTo>
                    <a:lnTo>
                      <a:pt x="9498" y="4186"/>
                    </a:lnTo>
                    <a:lnTo>
                      <a:pt x="9513" y="4313"/>
                    </a:lnTo>
                    <a:lnTo>
                      <a:pt x="9518" y="4441"/>
                    </a:lnTo>
                    <a:lnTo>
                      <a:pt x="9514" y="4568"/>
                    </a:lnTo>
                    <a:lnTo>
                      <a:pt x="9500" y="4695"/>
                    </a:lnTo>
                    <a:lnTo>
                      <a:pt x="9477" y="4820"/>
                    </a:lnTo>
                    <a:lnTo>
                      <a:pt x="9445" y="4944"/>
                    </a:lnTo>
                    <a:lnTo>
                      <a:pt x="9403" y="5065"/>
                    </a:lnTo>
                    <a:lnTo>
                      <a:pt x="9352" y="5182"/>
                    </a:lnTo>
                    <a:lnTo>
                      <a:pt x="9292" y="5295"/>
                    </a:lnTo>
                    <a:lnTo>
                      <a:pt x="9222" y="5404"/>
                    </a:lnTo>
                    <a:lnTo>
                      <a:pt x="9184" y="5456"/>
                    </a:lnTo>
                    <a:lnTo>
                      <a:pt x="9133" y="5521"/>
                    </a:lnTo>
                    <a:lnTo>
                      <a:pt x="9023" y="5639"/>
                    </a:lnTo>
                    <a:lnTo>
                      <a:pt x="8902" y="5745"/>
                    </a:lnTo>
                    <a:lnTo>
                      <a:pt x="8772" y="5838"/>
                    </a:lnTo>
                    <a:lnTo>
                      <a:pt x="8631" y="5918"/>
                    </a:lnTo>
                    <a:lnTo>
                      <a:pt x="8481" y="5985"/>
                    </a:lnTo>
                    <a:lnTo>
                      <a:pt x="8321" y="6039"/>
                    </a:lnTo>
                    <a:lnTo>
                      <a:pt x="8151" y="6079"/>
                    </a:lnTo>
                    <a:lnTo>
                      <a:pt x="8062" y="6094"/>
                    </a:lnTo>
                    <a:lnTo>
                      <a:pt x="8015" y="6101"/>
                    </a:lnTo>
                    <a:lnTo>
                      <a:pt x="7919" y="6109"/>
                    </a:lnTo>
                    <a:lnTo>
                      <a:pt x="7822" y="6110"/>
                    </a:lnTo>
                    <a:lnTo>
                      <a:pt x="7725" y="6106"/>
                    </a:lnTo>
                    <a:lnTo>
                      <a:pt x="7627" y="6095"/>
                    </a:lnTo>
                    <a:lnTo>
                      <a:pt x="7530" y="6079"/>
                    </a:lnTo>
                    <a:lnTo>
                      <a:pt x="7434" y="6057"/>
                    </a:lnTo>
                    <a:lnTo>
                      <a:pt x="7339" y="6030"/>
                    </a:lnTo>
                    <a:lnTo>
                      <a:pt x="7245" y="5997"/>
                    </a:lnTo>
                    <a:lnTo>
                      <a:pt x="7154" y="5959"/>
                    </a:lnTo>
                    <a:lnTo>
                      <a:pt x="7065" y="5916"/>
                    </a:lnTo>
                    <a:lnTo>
                      <a:pt x="6979" y="5868"/>
                    </a:lnTo>
                    <a:lnTo>
                      <a:pt x="6897" y="5815"/>
                    </a:lnTo>
                    <a:lnTo>
                      <a:pt x="6818" y="5758"/>
                    </a:lnTo>
                    <a:lnTo>
                      <a:pt x="6744" y="5696"/>
                    </a:lnTo>
                    <a:lnTo>
                      <a:pt x="6675" y="5630"/>
                    </a:lnTo>
                    <a:lnTo>
                      <a:pt x="6642" y="5596"/>
                    </a:lnTo>
                    <a:lnTo>
                      <a:pt x="6599" y="5547"/>
                    </a:lnTo>
                    <a:lnTo>
                      <a:pt x="6509" y="5427"/>
                    </a:lnTo>
                    <a:lnTo>
                      <a:pt x="6425" y="5297"/>
                    </a:lnTo>
                    <a:lnTo>
                      <a:pt x="6356" y="5174"/>
                    </a:lnTo>
                    <a:lnTo>
                      <a:pt x="6334" y="5122"/>
                    </a:lnTo>
                    <a:lnTo>
                      <a:pt x="6317" y="5080"/>
                    </a:lnTo>
                    <a:lnTo>
                      <a:pt x="6282" y="5014"/>
                    </a:lnTo>
                    <a:lnTo>
                      <a:pt x="6270" y="5002"/>
                    </a:lnTo>
                    <a:lnTo>
                      <a:pt x="6260" y="4998"/>
                    </a:lnTo>
                    <a:lnTo>
                      <a:pt x="6185" y="4992"/>
                    </a:lnTo>
                    <a:lnTo>
                      <a:pt x="5970" y="4986"/>
                    </a:lnTo>
                    <a:lnTo>
                      <a:pt x="5747" y="4986"/>
                    </a:lnTo>
                    <a:lnTo>
                      <a:pt x="5245" y="4987"/>
                    </a:lnTo>
                    <a:lnTo>
                      <a:pt x="4724" y="5506"/>
                    </a:lnTo>
                    <a:lnTo>
                      <a:pt x="4581" y="5648"/>
                    </a:lnTo>
                    <a:lnTo>
                      <a:pt x="4369" y="5855"/>
                    </a:lnTo>
                    <a:lnTo>
                      <a:pt x="4230" y="5983"/>
                    </a:lnTo>
                    <a:lnTo>
                      <a:pt x="4146" y="6050"/>
                    </a:lnTo>
                    <a:lnTo>
                      <a:pt x="4120" y="6064"/>
                    </a:lnTo>
                    <a:lnTo>
                      <a:pt x="4037" y="6102"/>
                    </a:lnTo>
                    <a:lnTo>
                      <a:pt x="2104" y="6111"/>
                    </a:lnTo>
                    <a:lnTo>
                      <a:pt x="170" y="6119"/>
                    </a:lnTo>
                    <a:lnTo>
                      <a:pt x="150" y="6197"/>
                    </a:lnTo>
                    <a:lnTo>
                      <a:pt x="137" y="6253"/>
                    </a:lnTo>
                    <a:lnTo>
                      <a:pt x="109" y="6398"/>
                    </a:lnTo>
                    <a:lnTo>
                      <a:pt x="67" y="6658"/>
                    </a:lnTo>
                    <a:lnTo>
                      <a:pt x="21" y="7013"/>
                    </a:lnTo>
                    <a:lnTo>
                      <a:pt x="3" y="7210"/>
                    </a:lnTo>
                    <a:lnTo>
                      <a:pt x="3" y="7284"/>
                    </a:lnTo>
                    <a:lnTo>
                      <a:pt x="7" y="7296"/>
                    </a:lnTo>
                    <a:lnTo>
                      <a:pt x="71" y="7299"/>
                    </a:lnTo>
                    <a:lnTo>
                      <a:pt x="758" y="7304"/>
                    </a:lnTo>
                    <a:lnTo>
                      <a:pt x="2802" y="7308"/>
                    </a:lnTo>
                    <a:lnTo>
                      <a:pt x="4844" y="7307"/>
                    </a:lnTo>
                    <a:lnTo>
                      <a:pt x="7580" y="7304"/>
                    </a:lnTo>
                    <a:lnTo>
                      <a:pt x="9297" y="7295"/>
                    </a:lnTo>
                    <a:lnTo>
                      <a:pt x="9600" y="7288"/>
                    </a:lnTo>
                    <a:lnTo>
                      <a:pt x="9674" y="7281"/>
                    </a:lnTo>
                    <a:lnTo>
                      <a:pt x="9680" y="7277"/>
                    </a:lnTo>
                    <a:lnTo>
                      <a:pt x="9702" y="7232"/>
                    </a:lnTo>
                    <a:lnTo>
                      <a:pt x="9747" y="7136"/>
                    </a:lnTo>
                    <a:lnTo>
                      <a:pt x="9777" y="7072"/>
                    </a:lnTo>
                    <a:lnTo>
                      <a:pt x="9845" y="6952"/>
                    </a:lnTo>
                    <a:lnTo>
                      <a:pt x="9921" y="6839"/>
                    </a:lnTo>
                    <a:lnTo>
                      <a:pt x="10005" y="6734"/>
                    </a:lnTo>
                    <a:lnTo>
                      <a:pt x="10098" y="6636"/>
                    </a:lnTo>
                    <a:lnTo>
                      <a:pt x="10199" y="6547"/>
                    </a:lnTo>
                    <a:lnTo>
                      <a:pt x="10309" y="6466"/>
                    </a:lnTo>
                    <a:lnTo>
                      <a:pt x="10427" y="6394"/>
                    </a:lnTo>
                    <a:lnTo>
                      <a:pt x="10489" y="6361"/>
                    </a:lnTo>
                    <a:lnTo>
                      <a:pt x="10535" y="6337"/>
                    </a:lnTo>
                    <a:lnTo>
                      <a:pt x="10607" y="6303"/>
                    </a:lnTo>
                    <a:lnTo>
                      <a:pt x="10713" y="6266"/>
                    </a:lnTo>
                    <a:lnTo>
                      <a:pt x="10820" y="6237"/>
                    </a:lnTo>
                    <a:lnTo>
                      <a:pt x="10879" y="6223"/>
                    </a:lnTo>
                    <a:lnTo>
                      <a:pt x="10999" y="6201"/>
                    </a:lnTo>
                    <a:lnTo>
                      <a:pt x="11123" y="6188"/>
                    </a:lnTo>
                    <a:lnTo>
                      <a:pt x="11250" y="6185"/>
                    </a:lnTo>
                    <a:lnTo>
                      <a:pt x="11378" y="6192"/>
                    </a:lnTo>
                    <a:lnTo>
                      <a:pt x="11507" y="6207"/>
                    </a:lnTo>
                    <a:lnTo>
                      <a:pt x="11634" y="6232"/>
                    </a:lnTo>
                    <a:lnTo>
                      <a:pt x="11759" y="6265"/>
                    </a:lnTo>
                    <a:lnTo>
                      <a:pt x="11820" y="6286"/>
                    </a:lnTo>
                    <a:lnTo>
                      <a:pt x="11864" y="6302"/>
                    </a:lnTo>
                    <a:lnTo>
                      <a:pt x="11967" y="6348"/>
                    </a:lnTo>
                    <a:lnTo>
                      <a:pt x="12076" y="6402"/>
                    </a:lnTo>
                    <a:lnTo>
                      <a:pt x="12174" y="6458"/>
                    </a:lnTo>
                    <a:lnTo>
                      <a:pt x="12212" y="6482"/>
                    </a:lnTo>
                    <a:lnTo>
                      <a:pt x="12251" y="6510"/>
                    </a:lnTo>
                    <a:lnTo>
                      <a:pt x="12330" y="6575"/>
                    </a:lnTo>
                    <a:lnTo>
                      <a:pt x="12409" y="6649"/>
                    </a:lnTo>
                    <a:lnTo>
                      <a:pt x="12486" y="6730"/>
                    </a:lnTo>
                    <a:lnTo>
                      <a:pt x="12559" y="6816"/>
                    </a:lnTo>
                    <a:lnTo>
                      <a:pt x="12625" y="6903"/>
                    </a:lnTo>
                    <a:lnTo>
                      <a:pt x="12684" y="6992"/>
                    </a:lnTo>
                    <a:lnTo>
                      <a:pt x="12732" y="7078"/>
                    </a:lnTo>
                    <a:lnTo>
                      <a:pt x="12752" y="7119"/>
                    </a:lnTo>
                    <a:lnTo>
                      <a:pt x="12792" y="7211"/>
                    </a:lnTo>
                    <a:lnTo>
                      <a:pt x="12838" y="7339"/>
                    </a:lnTo>
                    <a:lnTo>
                      <a:pt x="12861" y="7422"/>
                    </a:lnTo>
                    <a:lnTo>
                      <a:pt x="12879" y="7507"/>
                    </a:lnTo>
                    <a:lnTo>
                      <a:pt x="12892" y="7595"/>
                    </a:lnTo>
                    <a:lnTo>
                      <a:pt x="12902" y="7737"/>
                    </a:lnTo>
                    <a:lnTo>
                      <a:pt x="12904" y="7844"/>
                    </a:lnTo>
                    <a:lnTo>
                      <a:pt x="12903" y="7914"/>
                    </a:lnTo>
                    <a:lnTo>
                      <a:pt x="12896" y="8046"/>
                    </a:lnTo>
                    <a:lnTo>
                      <a:pt x="12880" y="8169"/>
                    </a:lnTo>
                    <a:lnTo>
                      <a:pt x="12857" y="8286"/>
                    </a:lnTo>
                    <a:lnTo>
                      <a:pt x="12824" y="8398"/>
                    </a:lnTo>
                    <a:lnTo>
                      <a:pt x="12782" y="8507"/>
                    </a:lnTo>
                    <a:lnTo>
                      <a:pt x="12730" y="8615"/>
                    </a:lnTo>
                    <a:lnTo>
                      <a:pt x="12668" y="8723"/>
                    </a:lnTo>
                    <a:lnTo>
                      <a:pt x="12632" y="8777"/>
                    </a:lnTo>
                    <a:lnTo>
                      <a:pt x="12588" y="8841"/>
                    </a:lnTo>
                    <a:lnTo>
                      <a:pt x="12491" y="8960"/>
                    </a:lnTo>
                    <a:lnTo>
                      <a:pt x="12384" y="9067"/>
                    </a:lnTo>
                    <a:lnTo>
                      <a:pt x="12267" y="9164"/>
                    </a:lnTo>
                    <a:lnTo>
                      <a:pt x="12140" y="9250"/>
                    </a:lnTo>
                    <a:lnTo>
                      <a:pt x="12004" y="9324"/>
                    </a:lnTo>
                    <a:lnTo>
                      <a:pt x="11858" y="9387"/>
                    </a:lnTo>
                    <a:lnTo>
                      <a:pt x="11702" y="9439"/>
                    </a:lnTo>
                    <a:lnTo>
                      <a:pt x="11620" y="9461"/>
                    </a:lnTo>
                    <a:lnTo>
                      <a:pt x="11584" y="9469"/>
                    </a:lnTo>
                    <a:lnTo>
                      <a:pt x="11502" y="9482"/>
                    </a:lnTo>
                    <a:lnTo>
                      <a:pt x="11361" y="9495"/>
                    </a:lnTo>
                    <a:lnTo>
                      <a:pt x="11161" y="9498"/>
                    </a:lnTo>
                    <a:lnTo>
                      <a:pt x="11020" y="9489"/>
                    </a:lnTo>
                    <a:lnTo>
                      <a:pt x="10937" y="9478"/>
                    </a:lnTo>
                    <a:lnTo>
                      <a:pt x="10900" y="9471"/>
                    </a:lnTo>
                    <a:lnTo>
                      <a:pt x="10851" y="9460"/>
                    </a:lnTo>
                    <a:lnTo>
                      <a:pt x="10756" y="9433"/>
                    </a:lnTo>
                    <a:lnTo>
                      <a:pt x="10662" y="9402"/>
                    </a:lnTo>
                    <a:lnTo>
                      <a:pt x="10572" y="9365"/>
                    </a:lnTo>
                    <a:lnTo>
                      <a:pt x="10484" y="9324"/>
                    </a:lnTo>
                    <a:lnTo>
                      <a:pt x="10399" y="9277"/>
                    </a:lnTo>
                    <a:lnTo>
                      <a:pt x="10317" y="9226"/>
                    </a:lnTo>
                    <a:lnTo>
                      <a:pt x="10239" y="9170"/>
                    </a:lnTo>
                    <a:lnTo>
                      <a:pt x="10164" y="9110"/>
                    </a:lnTo>
                    <a:lnTo>
                      <a:pt x="10093" y="9046"/>
                    </a:lnTo>
                    <a:lnTo>
                      <a:pt x="10026" y="8978"/>
                    </a:lnTo>
                    <a:lnTo>
                      <a:pt x="9963" y="8906"/>
                    </a:lnTo>
                    <a:lnTo>
                      <a:pt x="9905" y="8830"/>
                    </a:lnTo>
                    <a:lnTo>
                      <a:pt x="9851" y="8750"/>
                    </a:lnTo>
                    <a:lnTo>
                      <a:pt x="9802" y="8667"/>
                    </a:lnTo>
                    <a:lnTo>
                      <a:pt x="9757" y="8580"/>
                    </a:lnTo>
                    <a:lnTo>
                      <a:pt x="9737" y="8536"/>
                    </a:lnTo>
                    <a:lnTo>
                      <a:pt x="9695" y="8440"/>
                    </a:lnTo>
                    <a:lnTo>
                      <a:pt x="9674" y="8397"/>
                    </a:lnTo>
                    <a:lnTo>
                      <a:pt x="9653" y="8395"/>
                    </a:lnTo>
                    <a:lnTo>
                      <a:pt x="9438" y="8390"/>
                    </a:lnTo>
                    <a:lnTo>
                      <a:pt x="8799" y="8385"/>
                    </a:lnTo>
                    <a:lnTo>
                      <a:pt x="6648" y="8377"/>
                    </a:lnTo>
                    <a:lnTo>
                      <a:pt x="3028" y="8376"/>
                    </a:lnTo>
                    <a:lnTo>
                      <a:pt x="877" y="8383"/>
                    </a:lnTo>
                    <a:lnTo>
                      <a:pt x="238" y="8388"/>
                    </a:lnTo>
                    <a:lnTo>
                      <a:pt x="24" y="8393"/>
                    </a:lnTo>
                    <a:lnTo>
                      <a:pt x="4" y="8396"/>
                    </a:lnTo>
                    <a:lnTo>
                      <a:pt x="0" y="8409"/>
                    </a:lnTo>
                    <a:lnTo>
                      <a:pt x="3" y="8487"/>
                    </a:lnTo>
                    <a:lnTo>
                      <a:pt x="23" y="8687"/>
                    </a:lnTo>
                    <a:lnTo>
                      <a:pt x="70" y="9043"/>
                    </a:lnTo>
                    <a:lnTo>
                      <a:pt x="126" y="9378"/>
                    </a:lnTo>
                    <a:lnTo>
                      <a:pt x="150" y="9491"/>
                    </a:lnTo>
                    <a:lnTo>
                      <a:pt x="170" y="9569"/>
                    </a:lnTo>
                    <a:lnTo>
                      <a:pt x="2104" y="9577"/>
                    </a:lnTo>
                    <a:lnTo>
                      <a:pt x="4037" y="9586"/>
                    </a:lnTo>
                    <a:lnTo>
                      <a:pt x="4120" y="9626"/>
                    </a:lnTo>
                    <a:lnTo>
                      <a:pt x="4147" y="9640"/>
                    </a:lnTo>
                    <a:lnTo>
                      <a:pt x="4234" y="9710"/>
                    </a:lnTo>
                    <a:lnTo>
                      <a:pt x="4376" y="9842"/>
                    </a:lnTo>
                    <a:lnTo>
                      <a:pt x="4588" y="10049"/>
                    </a:lnTo>
                    <a:lnTo>
                      <a:pt x="4729" y="10189"/>
                    </a:lnTo>
                    <a:lnTo>
                      <a:pt x="5255" y="10711"/>
                    </a:lnTo>
                    <a:lnTo>
                      <a:pt x="5762" y="10707"/>
                    </a:lnTo>
                    <a:lnTo>
                      <a:pt x="6269" y="10702"/>
                    </a:lnTo>
                    <a:lnTo>
                      <a:pt x="6290" y="10661"/>
                    </a:lnTo>
                    <a:lnTo>
                      <a:pt x="6320" y="10600"/>
                    </a:lnTo>
                    <a:lnTo>
                      <a:pt x="6372" y="10494"/>
                    </a:lnTo>
                    <a:lnTo>
                      <a:pt x="6394" y="10450"/>
                    </a:lnTo>
                    <a:lnTo>
                      <a:pt x="6441" y="10365"/>
                    </a:lnTo>
                    <a:lnTo>
                      <a:pt x="6492" y="10285"/>
                    </a:lnTo>
                    <a:lnTo>
                      <a:pt x="6547" y="10208"/>
                    </a:lnTo>
                    <a:lnTo>
                      <a:pt x="6606" y="10135"/>
                    </a:lnTo>
                    <a:lnTo>
                      <a:pt x="6668" y="10067"/>
                    </a:lnTo>
                    <a:lnTo>
                      <a:pt x="6734" y="10003"/>
                    </a:lnTo>
                    <a:lnTo>
                      <a:pt x="6803" y="9943"/>
                    </a:lnTo>
                    <a:lnTo>
                      <a:pt x="6876" y="9887"/>
                    </a:lnTo>
                    <a:lnTo>
                      <a:pt x="6952" y="9836"/>
                    </a:lnTo>
                    <a:lnTo>
                      <a:pt x="7032" y="9789"/>
                    </a:lnTo>
                    <a:lnTo>
                      <a:pt x="7115" y="9746"/>
                    </a:lnTo>
                    <a:lnTo>
                      <a:pt x="7201" y="9708"/>
                    </a:lnTo>
                    <a:lnTo>
                      <a:pt x="7291" y="9674"/>
                    </a:lnTo>
                    <a:lnTo>
                      <a:pt x="7383" y="9644"/>
                    </a:lnTo>
                    <a:lnTo>
                      <a:pt x="7479" y="9620"/>
                    </a:lnTo>
                    <a:lnTo>
                      <a:pt x="7529" y="9609"/>
                    </a:lnTo>
                    <a:lnTo>
                      <a:pt x="7563" y="9602"/>
                    </a:lnTo>
                    <a:lnTo>
                      <a:pt x="7643" y="9593"/>
                    </a:lnTo>
                    <a:lnTo>
                      <a:pt x="7782" y="9586"/>
                    </a:lnTo>
                    <a:lnTo>
                      <a:pt x="7981" y="9591"/>
                    </a:lnTo>
                    <a:lnTo>
                      <a:pt x="8120" y="9606"/>
                    </a:lnTo>
                    <a:lnTo>
                      <a:pt x="8202" y="9619"/>
                    </a:lnTo>
                    <a:lnTo>
                      <a:pt x="8237" y="9627"/>
                    </a:lnTo>
                    <a:lnTo>
                      <a:pt x="8290" y="9641"/>
                    </a:lnTo>
                    <a:lnTo>
                      <a:pt x="8392" y="9673"/>
                    </a:lnTo>
                    <a:lnTo>
                      <a:pt x="8490" y="9709"/>
                    </a:lnTo>
                    <a:lnTo>
                      <a:pt x="8585" y="9750"/>
                    </a:lnTo>
                    <a:lnTo>
                      <a:pt x="8676" y="9796"/>
                    </a:lnTo>
                    <a:lnTo>
                      <a:pt x="8763" y="9847"/>
                    </a:lnTo>
                    <a:lnTo>
                      <a:pt x="8845" y="9902"/>
                    </a:lnTo>
                    <a:lnTo>
                      <a:pt x="8924" y="9962"/>
                    </a:lnTo>
                    <a:lnTo>
                      <a:pt x="8998" y="10027"/>
                    </a:lnTo>
                    <a:lnTo>
                      <a:pt x="9068" y="10096"/>
                    </a:lnTo>
                    <a:lnTo>
                      <a:pt x="9134" y="10169"/>
                    </a:lnTo>
                    <a:lnTo>
                      <a:pt x="9195" y="10247"/>
                    </a:lnTo>
                    <a:lnTo>
                      <a:pt x="9251" y="10328"/>
                    </a:lnTo>
                    <a:lnTo>
                      <a:pt x="9303" y="10414"/>
                    </a:lnTo>
                    <a:lnTo>
                      <a:pt x="9350" y="10504"/>
                    </a:lnTo>
                    <a:lnTo>
                      <a:pt x="9393" y="10599"/>
                    </a:lnTo>
                    <a:lnTo>
                      <a:pt x="9412" y="10647"/>
                    </a:lnTo>
                    <a:lnTo>
                      <a:pt x="9428" y="10693"/>
                    </a:lnTo>
                    <a:lnTo>
                      <a:pt x="9457" y="10791"/>
                    </a:lnTo>
                    <a:lnTo>
                      <a:pt x="9482" y="10899"/>
                    </a:lnTo>
                    <a:lnTo>
                      <a:pt x="9502" y="11021"/>
                    </a:lnTo>
                    <a:lnTo>
                      <a:pt x="9510" y="11089"/>
                    </a:lnTo>
                    <a:lnTo>
                      <a:pt x="9517" y="11155"/>
                    </a:lnTo>
                    <a:lnTo>
                      <a:pt x="9519" y="11290"/>
                    </a:lnTo>
                    <a:lnTo>
                      <a:pt x="9509" y="11429"/>
                    </a:lnTo>
                    <a:lnTo>
                      <a:pt x="9487" y="11569"/>
                    </a:lnTo>
                    <a:lnTo>
                      <a:pt x="9452" y="11707"/>
                    </a:lnTo>
                    <a:lnTo>
                      <a:pt x="9407" y="11843"/>
                    </a:lnTo>
                    <a:lnTo>
                      <a:pt x="9351" y="11974"/>
                    </a:lnTo>
                    <a:lnTo>
                      <a:pt x="9284" y="12099"/>
                    </a:lnTo>
                    <a:lnTo>
                      <a:pt x="9247" y="12157"/>
                    </a:lnTo>
                    <a:lnTo>
                      <a:pt x="9217" y="12201"/>
                    </a:lnTo>
                    <a:lnTo>
                      <a:pt x="9154" y="12284"/>
                    </a:lnTo>
                    <a:lnTo>
                      <a:pt x="9087" y="12362"/>
                    </a:lnTo>
                    <a:lnTo>
                      <a:pt x="9015" y="12435"/>
                    </a:lnTo>
                    <a:lnTo>
                      <a:pt x="8940" y="12504"/>
                    </a:lnTo>
                    <a:lnTo>
                      <a:pt x="8860" y="12567"/>
                    </a:lnTo>
                    <a:lnTo>
                      <a:pt x="8777" y="12625"/>
                    </a:lnTo>
                    <a:lnTo>
                      <a:pt x="8690" y="12677"/>
                    </a:lnTo>
                    <a:lnTo>
                      <a:pt x="8600" y="12724"/>
                    </a:lnTo>
                    <a:lnTo>
                      <a:pt x="8507" y="12766"/>
                    </a:lnTo>
                    <a:lnTo>
                      <a:pt x="8410" y="12802"/>
                    </a:lnTo>
                    <a:lnTo>
                      <a:pt x="8312" y="12832"/>
                    </a:lnTo>
                    <a:lnTo>
                      <a:pt x="8210" y="12856"/>
                    </a:lnTo>
                    <a:lnTo>
                      <a:pt x="8106" y="12875"/>
                    </a:lnTo>
                    <a:lnTo>
                      <a:pt x="8000" y="12887"/>
                    </a:lnTo>
                    <a:lnTo>
                      <a:pt x="7892" y="12893"/>
                    </a:lnTo>
                    <a:lnTo>
                      <a:pt x="7837" y="12894"/>
                    </a:lnTo>
                    <a:lnTo>
                      <a:pt x="7776" y="12893"/>
                    </a:lnTo>
                    <a:lnTo>
                      <a:pt x="7657" y="12886"/>
                    </a:lnTo>
                    <a:lnTo>
                      <a:pt x="7541" y="12870"/>
                    </a:lnTo>
                    <a:lnTo>
                      <a:pt x="7428" y="12847"/>
                    </a:lnTo>
                    <a:lnTo>
                      <a:pt x="7318" y="12816"/>
                    </a:lnTo>
                    <a:lnTo>
                      <a:pt x="7212" y="12779"/>
                    </a:lnTo>
                    <a:lnTo>
                      <a:pt x="7110" y="12734"/>
                    </a:lnTo>
                    <a:lnTo>
                      <a:pt x="7011" y="12682"/>
                    </a:lnTo>
                    <a:lnTo>
                      <a:pt x="6917" y="12623"/>
                    </a:lnTo>
                    <a:lnTo>
                      <a:pt x="6827" y="12557"/>
                    </a:lnTo>
                    <a:lnTo>
                      <a:pt x="6742" y="12485"/>
                    </a:lnTo>
                    <a:lnTo>
                      <a:pt x="6662" y="12406"/>
                    </a:lnTo>
                    <a:lnTo>
                      <a:pt x="6586" y="12321"/>
                    </a:lnTo>
                    <a:lnTo>
                      <a:pt x="6516" y="12229"/>
                    </a:lnTo>
                    <a:lnTo>
                      <a:pt x="6451" y="12132"/>
                    </a:lnTo>
                    <a:lnTo>
                      <a:pt x="6392" y="12028"/>
                    </a:lnTo>
                    <a:lnTo>
                      <a:pt x="6365" y="11974"/>
                    </a:lnTo>
                    <a:lnTo>
                      <a:pt x="6270" y="11779"/>
                    </a:lnTo>
                    <a:lnTo>
                      <a:pt x="5614" y="11777"/>
                    </a:lnTo>
                    <a:lnTo>
                      <a:pt x="5302" y="11777"/>
                    </a:lnTo>
                    <a:lnTo>
                      <a:pt x="5017" y="11770"/>
                    </a:lnTo>
                    <a:lnTo>
                      <a:pt x="4912" y="11762"/>
                    </a:lnTo>
                    <a:lnTo>
                      <a:pt x="4889" y="11757"/>
                    </a:lnTo>
                    <a:lnTo>
                      <a:pt x="4865" y="11750"/>
                    </a:lnTo>
                    <a:lnTo>
                      <a:pt x="4817" y="11729"/>
                    </a:lnTo>
                    <a:lnTo>
                      <a:pt x="4764" y="11697"/>
                    </a:lnTo>
                    <a:lnTo>
                      <a:pt x="4700" y="11650"/>
                    </a:lnTo>
                    <a:lnTo>
                      <a:pt x="4579" y="11544"/>
                    </a:lnTo>
                    <a:lnTo>
                      <a:pt x="4335" y="11309"/>
                    </a:lnTo>
                    <a:lnTo>
                      <a:pt x="4162" y="11136"/>
                    </a:lnTo>
                    <a:lnTo>
                      <a:pt x="3670" y="10644"/>
                    </a:lnTo>
                    <a:lnTo>
                      <a:pt x="2084" y="10644"/>
                    </a:lnTo>
                    <a:lnTo>
                      <a:pt x="1199" y="10644"/>
                    </a:lnTo>
                    <a:lnTo>
                      <a:pt x="627" y="10651"/>
                    </a:lnTo>
                    <a:lnTo>
                      <a:pt x="523" y="10658"/>
                    </a:lnTo>
                    <a:lnTo>
                      <a:pt x="497" y="10664"/>
                    </a:lnTo>
                    <a:lnTo>
                      <a:pt x="495" y="10667"/>
                    </a:lnTo>
                    <a:lnTo>
                      <a:pt x="496" y="10678"/>
                    </a:lnTo>
                    <a:lnTo>
                      <a:pt x="506" y="10697"/>
                    </a:lnTo>
                    <a:lnTo>
                      <a:pt x="512" y="10702"/>
                    </a:lnTo>
                    <a:lnTo>
                      <a:pt x="518" y="10708"/>
                    </a:lnTo>
                    <a:lnTo>
                      <a:pt x="528" y="10726"/>
                    </a:lnTo>
                    <a:lnTo>
                      <a:pt x="529" y="10736"/>
                    </a:lnTo>
                    <a:lnTo>
                      <a:pt x="531" y="10750"/>
                    </a:lnTo>
                    <a:lnTo>
                      <a:pt x="553" y="10811"/>
                    </a:lnTo>
                    <a:lnTo>
                      <a:pt x="569" y="10847"/>
                    </a:lnTo>
                    <a:lnTo>
                      <a:pt x="611" y="10944"/>
                    </a:lnTo>
                    <a:lnTo>
                      <a:pt x="662" y="11061"/>
                    </a:lnTo>
                    <a:lnTo>
                      <a:pt x="691" y="11126"/>
                    </a:lnTo>
                    <a:lnTo>
                      <a:pt x="759" y="11270"/>
                    </a:lnTo>
                    <a:lnTo>
                      <a:pt x="878" y="11503"/>
                    </a:lnTo>
                    <a:lnTo>
                      <a:pt x="1061" y="11830"/>
                    </a:lnTo>
                    <a:lnTo>
                      <a:pt x="1251" y="12141"/>
                    </a:lnTo>
                    <a:lnTo>
                      <a:pt x="1342" y="12277"/>
                    </a:lnTo>
                    <a:lnTo>
                      <a:pt x="1450" y="12433"/>
                    </a:lnTo>
                    <a:lnTo>
                      <a:pt x="1657" y="12710"/>
                    </a:lnTo>
                    <a:lnTo>
                      <a:pt x="1874" y="12970"/>
                    </a:lnTo>
                    <a:lnTo>
                      <a:pt x="2125" y="13243"/>
                    </a:lnTo>
                    <a:lnTo>
                      <a:pt x="2274" y="13396"/>
                    </a:lnTo>
                    <a:lnTo>
                      <a:pt x="2595" y="13721"/>
                    </a:lnTo>
                    <a:lnTo>
                      <a:pt x="2137" y="15551"/>
                    </a:lnTo>
                    <a:lnTo>
                      <a:pt x="1903" y="16490"/>
                    </a:lnTo>
                    <a:lnTo>
                      <a:pt x="1728" y="17221"/>
                    </a:lnTo>
                    <a:lnTo>
                      <a:pt x="1690" y="17401"/>
                    </a:lnTo>
                    <a:lnTo>
                      <a:pt x="1679" y="17468"/>
                    </a:lnTo>
                    <a:lnTo>
                      <a:pt x="1679" y="17486"/>
                    </a:lnTo>
                    <a:lnTo>
                      <a:pt x="1679" y="17515"/>
                    </a:lnTo>
                    <a:lnTo>
                      <a:pt x="1684" y="17565"/>
                    </a:lnTo>
                    <a:lnTo>
                      <a:pt x="1695" y="17611"/>
                    </a:lnTo>
                    <a:lnTo>
                      <a:pt x="1715" y="17661"/>
                    </a:lnTo>
                    <a:lnTo>
                      <a:pt x="1729" y="17691"/>
                    </a:lnTo>
                    <a:lnTo>
                      <a:pt x="1752" y="17735"/>
                    </a:lnTo>
                    <a:lnTo>
                      <a:pt x="1806" y="17809"/>
                    </a:lnTo>
                    <a:lnTo>
                      <a:pt x="1873" y="17871"/>
                    </a:lnTo>
                    <a:lnTo>
                      <a:pt x="1956" y="17923"/>
                    </a:lnTo>
                    <a:lnTo>
                      <a:pt x="2007" y="17947"/>
                    </a:lnTo>
                    <a:lnTo>
                      <a:pt x="2112" y="17994"/>
                    </a:lnTo>
                    <a:lnTo>
                      <a:pt x="5864" y="17994"/>
                    </a:lnTo>
                    <a:lnTo>
                      <a:pt x="9617" y="17994"/>
                    </a:lnTo>
                    <a:lnTo>
                      <a:pt x="9715" y="17959"/>
                    </a:lnTo>
                    <a:lnTo>
                      <a:pt x="9756" y="17942"/>
                    </a:lnTo>
                    <a:lnTo>
                      <a:pt x="9837" y="17895"/>
                    </a:lnTo>
                    <a:lnTo>
                      <a:pt x="9912" y="17834"/>
                    </a:lnTo>
                    <a:lnTo>
                      <a:pt x="9975" y="17766"/>
                    </a:lnTo>
                    <a:lnTo>
                      <a:pt x="9999" y="17731"/>
                    </a:lnTo>
                    <a:lnTo>
                      <a:pt x="10010" y="17706"/>
                    </a:lnTo>
                    <a:lnTo>
                      <a:pt x="10053" y="17567"/>
                    </a:lnTo>
                    <a:lnTo>
                      <a:pt x="10161" y="17167"/>
                    </a:lnTo>
                    <a:lnTo>
                      <a:pt x="10270" y="16736"/>
                    </a:lnTo>
                    <a:lnTo>
                      <a:pt x="10505" y="15802"/>
                    </a:lnTo>
                    <a:lnTo>
                      <a:pt x="10604" y="15806"/>
                    </a:lnTo>
                    <a:lnTo>
                      <a:pt x="10651" y="15808"/>
                    </a:lnTo>
                    <a:lnTo>
                      <a:pt x="10773" y="15820"/>
                    </a:lnTo>
                    <a:lnTo>
                      <a:pt x="10829" y="15827"/>
                    </a:lnTo>
                    <a:lnTo>
                      <a:pt x="11190" y="15881"/>
                    </a:lnTo>
                    <a:lnTo>
                      <a:pt x="11704" y="15954"/>
                    </a:lnTo>
                    <a:lnTo>
                      <a:pt x="12013" y="15997"/>
                    </a:lnTo>
                    <a:lnTo>
                      <a:pt x="12345" y="16044"/>
                    </a:lnTo>
                    <a:lnTo>
                      <a:pt x="12639" y="16087"/>
                    </a:lnTo>
                    <a:lnTo>
                      <a:pt x="12812" y="16111"/>
                    </a:lnTo>
                    <a:lnTo>
                      <a:pt x="12931" y="16128"/>
                    </a:lnTo>
                    <a:lnTo>
                      <a:pt x="13037" y="16144"/>
                    </a:lnTo>
                    <a:lnTo>
                      <a:pt x="13130" y="16157"/>
                    </a:lnTo>
                    <a:lnTo>
                      <a:pt x="13204" y="16169"/>
                    </a:lnTo>
                    <a:lnTo>
                      <a:pt x="13335" y="16187"/>
                    </a:lnTo>
                    <a:lnTo>
                      <a:pt x="13620" y="16229"/>
                    </a:lnTo>
                    <a:lnTo>
                      <a:pt x="13766" y="16250"/>
                    </a:lnTo>
                    <a:lnTo>
                      <a:pt x="14011" y="16278"/>
                    </a:lnTo>
                    <a:lnTo>
                      <a:pt x="14072" y="16281"/>
                    </a:lnTo>
                    <a:lnTo>
                      <a:pt x="14109" y="16280"/>
                    </a:lnTo>
                    <a:lnTo>
                      <a:pt x="14182" y="16271"/>
                    </a:lnTo>
                    <a:lnTo>
                      <a:pt x="14253" y="16251"/>
                    </a:lnTo>
                    <a:lnTo>
                      <a:pt x="14320" y="16223"/>
                    </a:lnTo>
                    <a:lnTo>
                      <a:pt x="14383" y="16186"/>
                    </a:lnTo>
                    <a:lnTo>
                      <a:pt x="14439" y="16141"/>
                    </a:lnTo>
                    <a:lnTo>
                      <a:pt x="14487" y="16090"/>
                    </a:lnTo>
                    <a:lnTo>
                      <a:pt x="14526" y="16032"/>
                    </a:lnTo>
                    <a:lnTo>
                      <a:pt x="14542" y="16001"/>
                    </a:lnTo>
                    <a:lnTo>
                      <a:pt x="14557" y="15954"/>
                    </a:lnTo>
                    <a:lnTo>
                      <a:pt x="14653" y="15595"/>
                    </a:lnTo>
                    <a:lnTo>
                      <a:pt x="14901" y="14626"/>
                    </a:lnTo>
                    <a:lnTo>
                      <a:pt x="15120" y="13756"/>
                    </a:lnTo>
                    <a:lnTo>
                      <a:pt x="15337" y="12888"/>
                    </a:lnTo>
                    <a:lnTo>
                      <a:pt x="15580" y="11939"/>
                    </a:lnTo>
                    <a:lnTo>
                      <a:pt x="15670" y="11600"/>
                    </a:lnTo>
                    <a:lnTo>
                      <a:pt x="15682" y="11564"/>
                    </a:lnTo>
                    <a:lnTo>
                      <a:pt x="15734" y="11525"/>
                    </a:lnTo>
                    <a:lnTo>
                      <a:pt x="16162" y="11234"/>
                    </a:lnTo>
                    <a:lnTo>
                      <a:pt x="16470" y="11027"/>
                    </a:lnTo>
                    <a:lnTo>
                      <a:pt x="16789" y="10814"/>
                    </a:lnTo>
                    <a:lnTo>
                      <a:pt x="17140" y="10570"/>
                    </a:lnTo>
                    <a:lnTo>
                      <a:pt x="17274" y="10470"/>
                    </a:lnTo>
                    <a:lnTo>
                      <a:pt x="17297" y="10449"/>
                    </a:lnTo>
                    <a:lnTo>
                      <a:pt x="17325" y="10416"/>
                    </a:lnTo>
                    <a:lnTo>
                      <a:pt x="17369" y="10344"/>
                    </a:lnTo>
                    <a:lnTo>
                      <a:pt x="17401" y="10265"/>
                    </a:lnTo>
                    <a:lnTo>
                      <a:pt x="17420" y="10182"/>
                    </a:lnTo>
                    <a:lnTo>
                      <a:pt x="17426" y="10097"/>
                    </a:lnTo>
                    <a:lnTo>
                      <a:pt x="17419" y="10013"/>
                    </a:lnTo>
                    <a:lnTo>
                      <a:pt x="17398" y="9932"/>
                    </a:lnTo>
                    <a:lnTo>
                      <a:pt x="17363" y="9856"/>
                    </a:lnTo>
                    <a:lnTo>
                      <a:pt x="17340" y="9821"/>
                    </a:lnTo>
                    <a:lnTo>
                      <a:pt x="17135" y="9544"/>
                    </a:lnTo>
                    <a:lnTo>
                      <a:pt x="16519" y="8719"/>
                    </a:lnTo>
                    <a:lnTo>
                      <a:pt x="15732" y="7669"/>
                    </a:lnTo>
                    <a:lnTo>
                      <a:pt x="15722" y="7511"/>
                    </a:lnTo>
                    <a:lnTo>
                      <a:pt x="15705" y="7285"/>
                    </a:lnTo>
                    <a:lnTo>
                      <a:pt x="15662" y="6864"/>
                    </a:lnTo>
                    <a:lnTo>
                      <a:pt x="15602" y="6463"/>
                    </a:lnTo>
                    <a:lnTo>
                      <a:pt x="15525" y="6065"/>
                    </a:lnTo>
                    <a:lnTo>
                      <a:pt x="15477" y="5861"/>
                    </a:lnTo>
                    <a:lnTo>
                      <a:pt x="15457" y="5781"/>
                    </a:lnTo>
                    <a:lnTo>
                      <a:pt x="15391" y="5552"/>
                    </a:lnTo>
                    <a:lnTo>
                      <a:pt x="15315" y="5303"/>
                    </a:lnTo>
                    <a:lnTo>
                      <a:pt x="15250" y="5105"/>
                    </a:lnTo>
                    <a:lnTo>
                      <a:pt x="15230" y="5052"/>
                    </a:lnTo>
                    <a:lnTo>
                      <a:pt x="15201" y="4982"/>
                    </a:lnTo>
                    <a:lnTo>
                      <a:pt x="15137" y="4819"/>
                    </a:lnTo>
                    <a:lnTo>
                      <a:pt x="15084" y="4688"/>
                    </a:lnTo>
                    <a:lnTo>
                      <a:pt x="14969" y="4429"/>
                    </a:lnTo>
                    <a:lnTo>
                      <a:pt x="14844" y="4174"/>
                    </a:lnTo>
                    <a:lnTo>
                      <a:pt x="14709" y="3924"/>
                    </a:lnTo>
                    <a:lnTo>
                      <a:pt x="14564" y="3679"/>
                    </a:lnTo>
                    <a:lnTo>
                      <a:pt x="14410" y="3440"/>
                    </a:lnTo>
                    <a:lnTo>
                      <a:pt x="14246" y="3206"/>
                    </a:lnTo>
                    <a:lnTo>
                      <a:pt x="14074" y="2979"/>
                    </a:lnTo>
                    <a:lnTo>
                      <a:pt x="13892" y="2757"/>
                    </a:lnTo>
                    <a:lnTo>
                      <a:pt x="13702" y="2543"/>
                    </a:lnTo>
                    <a:lnTo>
                      <a:pt x="13504" y="2335"/>
                    </a:lnTo>
                    <a:lnTo>
                      <a:pt x="13298" y="2135"/>
                    </a:lnTo>
                    <a:lnTo>
                      <a:pt x="13085" y="1943"/>
                    </a:lnTo>
                    <a:lnTo>
                      <a:pt x="12864" y="1759"/>
                    </a:lnTo>
                    <a:lnTo>
                      <a:pt x="12636" y="1583"/>
                    </a:lnTo>
                    <a:lnTo>
                      <a:pt x="12401" y="1415"/>
                    </a:lnTo>
                    <a:lnTo>
                      <a:pt x="12280" y="1336"/>
                    </a:lnTo>
                    <a:lnTo>
                      <a:pt x="12130" y="1240"/>
                    </a:lnTo>
                    <a:lnTo>
                      <a:pt x="11803" y="1046"/>
                    </a:lnTo>
                    <a:lnTo>
                      <a:pt x="11474" y="868"/>
                    </a:lnTo>
                    <a:lnTo>
                      <a:pt x="11249" y="758"/>
                    </a:lnTo>
                    <a:lnTo>
                      <a:pt x="11116" y="699"/>
                    </a:lnTo>
                    <a:lnTo>
                      <a:pt x="11057" y="676"/>
                    </a:lnTo>
                    <a:lnTo>
                      <a:pt x="10980" y="645"/>
                    </a:lnTo>
                    <a:lnTo>
                      <a:pt x="10920" y="619"/>
                    </a:lnTo>
                    <a:lnTo>
                      <a:pt x="10844" y="587"/>
                    </a:lnTo>
                    <a:lnTo>
                      <a:pt x="10628" y="506"/>
                    </a:lnTo>
                    <a:lnTo>
                      <a:pt x="10384" y="421"/>
                    </a:lnTo>
                    <a:lnTo>
                      <a:pt x="10162" y="349"/>
                    </a:lnTo>
                    <a:lnTo>
                      <a:pt x="10079" y="326"/>
                    </a:lnTo>
                    <a:lnTo>
                      <a:pt x="9932" y="286"/>
                    </a:lnTo>
                    <a:lnTo>
                      <a:pt x="9703" y="227"/>
                    </a:lnTo>
                    <a:lnTo>
                      <a:pt x="9637" y="212"/>
                    </a:lnTo>
                    <a:lnTo>
                      <a:pt x="9478" y="179"/>
                    </a:lnTo>
                    <a:lnTo>
                      <a:pt x="9197" y="126"/>
                    </a:lnTo>
                    <a:lnTo>
                      <a:pt x="9020" y="96"/>
                    </a:lnTo>
                    <a:lnTo>
                      <a:pt x="8922" y="81"/>
                    </a:lnTo>
                    <a:lnTo>
                      <a:pt x="8554" y="38"/>
                    </a:lnTo>
                    <a:lnTo>
                      <a:pt x="8362" y="17"/>
                    </a:lnTo>
                    <a:lnTo>
                      <a:pt x="8279" y="11"/>
                    </a:lnTo>
                    <a:lnTo>
                      <a:pt x="7976" y="3"/>
                    </a:lnTo>
                    <a:lnTo>
                      <a:pt x="7630" y="0"/>
                    </a:lnTo>
                    <a:lnTo>
                      <a:pt x="7376" y="4"/>
                    </a:lnTo>
                    <a:lnTo>
                      <a:pt x="7337" y="9"/>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73" name="Freeform 6"/>
              <p:cNvSpPr>
                <a:spLocks/>
              </p:cNvSpPr>
              <p:nvPr/>
            </p:nvSpPr>
            <p:spPr bwMode="auto">
              <a:xfrm>
                <a:off x="3493" y="928"/>
                <a:ext cx="281" cy="283"/>
              </a:xfrm>
              <a:custGeom>
                <a:avLst/>
                <a:gdLst>
                  <a:gd name="T0" fmla="*/ 355 w 1170"/>
                  <a:gd name="T1" fmla="*/ 42 h 1180"/>
                  <a:gd name="T2" fmla="*/ 326 w 1170"/>
                  <a:gd name="T3" fmla="*/ 55 h 1180"/>
                  <a:gd name="T4" fmla="*/ 272 w 1170"/>
                  <a:gd name="T5" fmla="*/ 84 h 1180"/>
                  <a:gd name="T6" fmla="*/ 223 w 1170"/>
                  <a:gd name="T7" fmla="*/ 118 h 1180"/>
                  <a:gd name="T8" fmla="*/ 178 w 1170"/>
                  <a:gd name="T9" fmla="*/ 158 h 1180"/>
                  <a:gd name="T10" fmla="*/ 138 w 1170"/>
                  <a:gd name="T11" fmla="*/ 201 h 1180"/>
                  <a:gd name="T12" fmla="*/ 102 w 1170"/>
                  <a:gd name="T13" fmla="*/ 248 h 1180"/>
                  <a:gd name="T14" fmla="*/ 72 w 1170"/>
                  <a:gd name="T15" fmla="*/ 298 h 1180"/>
                  <a:gd name="T16" fmla="*/ 46 w 1170"/>
                  <a:gd name="T17" fmla="*/ 352 h 1180"/>
                  <a:gd name="T18" fmla="*/ 27 w 1170"/>
                  <a:gd name="T19" fmla="*/ 408 h 1180"/>
                  <a:gd name="T20" fmla="*/ 12 w 1170"/>
                  <a:gd name="T21" fmla="*/ 466 h 1180"/>
                  <a:gd name="T22" fmla="*/ 3 w 1170"/>
                  <a:gd name="T23" fmla="*/ 525 h 1180"/>
                  <a:gd name="T24" fmla="*/ 0 w 1170"/>
                  <a:gd name="T25" fmla="*/ 586 h 1180"/>
                  <a:gd name="T26" fmla="*/ 3 w 1170"/>
                  <a:gd name="T27" fmla="*/ 647 h 1180"/>
                  <a:gd name="T28" fmla="*/ 12 w 1170"/>
                  <a:gd name="T29" fmla="*/ 709 h 1180"/>
                  <a:gd name="T30" fmla="*/ 28 w 1170"/>
                  <a:gd name="T31" fmla="*/ 770 h 1180"/>
                  <a:gd name="T32" fmla="*/ 50 w 1170"/>
                  <a:gd name="T33" fmla="*/ 831 h 1180"/>
                  <a:gd name="T34" fmla="*/ 63 w 1170"/>
                  <a:gd name="T35" fmla="*/ 861 h 1180"/>
                  <a:gd name="T36" fmla="*/ 83 w 1170"/>
                  <a:gd name="T37" fmla="*/ 900 h 1180"/>
                  <a:gd name="T38" fmla="*/ 130 w 1170"/>
                  <a:gd name="T39" fmla="*/ 969 h 1180"/>
                  <a:gd name="T40" fmla="*/ 185 w 1170"/>
                  <a:gd name="T41" fmla="*/ 1029 h 1180"/>
                  <a:gd name="T42" fmla="*/ 247 w 1170"/>
                  <a:gd name="T43" fmla="*/ 1079 h 1180"/>
                  <a:gd name="T44" fmla="*/ 314 w 1170"/>
                  <a:gd name="T45" fmla="*/ 1119 h 1180"/>
                  <a:gd name="T46" fmla="*/ 386 w 1170"/>
                  <a:gd name="T47" fmla="*/ 1149 h 1180"/>
                  <a:gd name="T48" fmla="*/ 461 w 1170"/>
                  <a:gd name="T49" fmla="*/ 1169 h 1180"/>
                  <a:gd name="T50" fmla="*/ 539 w 1170"/>
                  <a:gd name="T51" fmla="*/ 1180 h 1180"/>
                  <a:gd name="T52" fmla="*/ 617 w 1170"/>
                  <a:gd name="T53" fmla="*/ 1180 h 1180"/>
                  <a:gd name="T54" fmla="*/ 695 w 1170"/>
                  <a:gd name="T55" fmla="*/ 1170 h 1180"/>
                  <a:gd name="T56" fmla="*/ 771 w 1170"/>
                  <a:gd name="T57" fmla="*/ 1150 h 1180"/>
                  <a:gd name="T58" fmla="*/ 845 w 1170"/>
                  <a:gd name="T59" fmla="*/ 1121 h 1180"/>
                  <a:gd name="T60" fmla="*/ 915 w 1170"/>
                  <a:gd name="T61" fmla="*/ 1081 h 1180"/>
                  <a:gd name="T62" fmla="*/ 980 w 1170"/>
                  <a:gd name="T63" fmla="*/ 1032 h 1180"/>
                  <a:gd name="T64" fmla="*/ 1039 w 1170"/>
                  <a:gd name="T65" fmla="*/ 972 h 1180"/>
                  <a:gd name="T66" fmla="*/ 1091 w 1170"/>
                  <a:gd name="T67" fmla="*/ 903 h 1180"/>
                  <a:gd name="T68" fmla="*/ 1113 w 1170"/>
                  <a:gd name="T69" fmla="*/ 864 h 1180"/>
                  <a:gd name="T70" fmla="*/ 1132 w 1170"/>
                  <a:gd name="T71" fmla="*/ 829 h 1180"/>
                  <a:gd name="T72" fmla="*/ 1155 w 1170"/>
                  <a:gd name="T73" fmla="*/ 776 h 1180"/>
                  <a:gd name="T74" fmla="*/ 1166 w 1170"/>
                  <a:gd name="T75" fmla="*/ 722 h 1180"/>
                  <a:gd name="T76" fmla="*/ 1170 w 1170"/>
                  <a:gd name="T77" fmla="*/ 647 h 1180"/>
                  <a:gd name="T78" fmla="*/ 1170 w 1170"/>
                  <a:gd name="T79" fmla="*/ 592 h 1180"/>
                  <a:gd name="T80" fmla="*/ 1170 w 1170"/>
                  <a:gd name="T81" fmla="*/ 540 h 1180"/>
                  <a:gd name="T82" fmla="*/ 1166 w 1170"/>
                  <a:gd name="T83" fmla="*/ 465 h 1180"/>
                  <a:gd name="T84" fmla="*/ 1156 w 1170"/>
                  <a:gd name="T85" fmla="*/ 411 h 1180"/>
                  <a:gd name="T86" fmla="*/ 1136 w 1170"/>
                  <a:gd name="T87" fmla="*/ 360 h 1180"/>
                  <a:gd name="T88" fmla="*/ 1120 w 1170"/>
                  <a:gd name="T89" fmla="*/ 329 h 1180"/>
                  <a:gd name="T90" fmla="*/ 1108 w 1170"/>
                  <a:gd name="T91" fmla="*/ 306 h 1180"/>
                  <a:gd name="T92" fmla="*/ 1078 w 1170"/>
                  <a:gd name="T93" fmla="*/ 259 h 1180"/>
                  <a:gd name="T94" fmla="*/ 1044 w 1170"/>
                  <a:gd name="T95" fmla="*/ 215 h 1180"/>
                  <a:gd name="T96" fmla="*/ 1004 w 1170"/>
                  <a:gd name="T97" fmla="*/ 172 h 1180"/>
                  <a:gd name="T98" fmla="*/ 962 w 1170"/>
                  <a:gd name="T99" fmla="*/ 133 h 1180"/>
                  <a:gd name="T100" fmla="*/ 918 w 1170"/>
                  <a:gd name="T101" fmla="*/ 98 h 1180"/>
                  <a:gd name="T102" fmla="*/ 872 w 1170"/>
                  <a:gd name="T103" fmla="*/ 68 h 1180"/>
                  <a:gd name="T104" fmla="*/ 826 w 1170"/>
                  <a:gd name="T105" fmla="*/ 45 h 1180"/>
                  <a:gd name="T106" fmla="*/ 803 w 1170"/>
                  <a:gd name="T107" fmla="*/ 36 h 1180"/>
                  <a:gd name="T108" fmla="*/ 778 w 1170"/>
                  <a:gd name="T109" fmla="*/ 27 h 1180"/>
                  <a:gd name="T110" fmla="*/ 724 w 1170"/>
                  <a:gd name="T111" fmla="*/ 13 h 1180"/>
                  <a:gd name="T112" fmla="*/ 667 w 1170"/>
                  <a:gd name="T113" fmla="*/ 4 h 1180"/>
                  <a:gd name="T114" fmla="*/ 608 w 1170"/>
                  <a:gd name="T115" fmla="*/ 0 h 1180"/>
                  <a:gd name="T116" fmla="*/ 548 w 1170"/>
                  <a:gd name="T117" fmla="*/ 1 h 1180"/>
                  <a:gd name="T118" fmla="*/ 490 w 1170"/>
                  <a:gd name="T119" fmla="*/ 7 h 1180"/>
                  <a:gd name="T120" fmla="*/ 433 w 1170"/>
                  <a:gd name="T121" fmla="*/ 17 h 1180"/>
                  <a:gd name="T122" fmla="*/ 380 w 1170"/>
                  <a:gd name="T123" fmla="*/ 33 h 1180"/>
                  <a:gd name="T124" fmla="*/ 355 w 1170"/>
                  <a:gd name="T125" fmla="*/ 42 h 1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170" h="1180">
                    <a:moveTo>
                      <a:pt x="355" y="42"/>
                    </a:moveTo>
                    <a:lnTo>
                      <a:pt x="326" y="55"/>
                    </a:lnTo>
                    <a:lnTo>
                      <a:pt x="272" y="84"/>
                    </a:lnTo>
                    <a:lnTo>
                      <a:pt x="223" y="118"/>
                    </a:lnTo>
                    <a:lnTo>
                      <a:pt x="178" y="158"/>
                    </a:lnTo>
                    <a:lnTo>
                      <a:pt x="138" y="201"/>
                    </a:lnTo>
                    <a:lnTo>
                      <a:pt x="102" y="248"/>
                    </a:lnTo>
                    <a:lnTo>
                      <a:pt x="72" y="298"/>
                    </a:lnTo>
                    <a:lnTo>
                      <a:pt x="46" y="352"/>
                    </a:lnTo>
                    <a:lnTo>
                      <a:pt x="27" y="408"/>
                    </a:lnTo>
                    <a:lnTo>
                      <a:pt x="12" y="466"/>
                    </a:lnTo>
                    <a:lnTo>
                      <a:pt x="3" y="525"/>
                    </a:lnTo>
                    <a:lnTo>
                      <a:pt x="0" y="586"/>
                    </a:lnTo>
                    <a:lnTo>
                      <a:pt x="3" y="647"/>
                    </a:lnTo>
                    <a:lnTo>
                      <a:pt x="12" y="709"/>
                    </a:lnTo>
                    <a:lnTo>
                      <a:pt x="28" y="770"/>
                    </a:lnTo>
                    <a:lnTo>
                      <a:pt x="50" y="831"/>
                    </a:lnTo>
                    <a:lnTo>
                      <a:pt x="63" y="861"/>
                    </a:lnTo>
                    <a:lnTo>
                      <a:pt x="83" y="900"/>
                    </a:lnTo>
                    <a:lnTo>
                      <a:pt x="130" y="969"/>
                    </a:lnTo>
                    <a:lnTo>
                      <a:pt x="185" y="1029"/>
                    </a:lnTo>
                    <a:lnTo>
                      <a:pt x="247" y="1079"/>
                    </a:lnTo>
                    <a:lnTo>
                      <a:pt x="314" y="1119"/>
                    </a:lnTo>
                    <a:lnTo>
                      <a:pt x="386" y="1149"/>
                    </a:lnTo>
                    <a:lnTo>
                      <a:pt x="461" y="1169"/>
                    </a:lnTo>
                    <a:lnTo>
                      <a:pt x="539" y="1180"/>
                    </a:lnTo>
                    <a:lnTo>
                      <a:pt x="617" y="1180"/>
                    </a:lnTo>
                    <a:lnTo>
                      <a:pt x="695" y="1170"/>
                    </a:lnTo>
                    <a:lnTo>
                      <a:pt x="771" y="1150"/>
                    </a:lnTo>
                    <a:lnTo>
                      <a:pt x="845" y="1121"/>
                    </a:lnTo>
                    <a:lnTo>
                      <a:pt x="915" y="1081"/>
                    </a:lnTo>
                    <a:lnTo>
                      <a:pt x="980" y="1032"/>
                    </a:lnTo>
                    <a:lnTo>
                      <a:pt x="1039" y="972"/>
                    </a:lnTo>
                    <a:lnTo>
                      <a:pt x="1091" y="903"/>
                    </a:lnTo>
                    <a:lnTo>
                      <a:pt x="1113" y="864"/>
                    </a:lnTo>
                    <a:lnTo>
                      <a:pt x="1132" y="829"/>
                    </a:lnTo>
                    <a:lnTo>
                      <a:pt x="1155" y="776"/>
                    </a:lnTo>
                    <a:lnTo>
                      <a:pt x="1166" y="722"/>
                    </a:lnTo>
                    <a:lnTo>
                      <a:pt x="1170" y="647"/>
                    </a:lnTo>
                    <a:lnTo>
                      <a:pt x="1170" y="592"/>
                    </a:lnTo>
                    <a:lnTo>
                      <a:pt x="1170" y="540"/>
                    </a:lnTo>
                    <a:lnTo>
                      <a:pt x="1166" y="465"/>
                    </a:lnTo>
                    <a:lnTo>
                      <a:pt x="1156" y="411"/>
                    </a:lnTo>
                    <a:lnTo>
                      <a:pt x="1136" y="360"/>
                    </a:lnTo>
                    <a:lnTo>
                      <a:pt x="1120" y="329"/>
                    </a:lnTo>
                    <a:lnTo>
                      <a:pt x="1108" y="306"/>
                    </a:lnTo>
                    <a:lnTo>
                      <a:pt x="1078" y="259"/>
                    </a:lnTo>
                    <a:lnTo>
                      <a:pt x="1044" y="215"/>
                    </a:lnTo>
                    <a:lnTo>
                      <a:pt x="1004" y="172"/>
                    </a:lnTo>
                    <a:lnTo>
                      <a:pt x="962" y="133"/>
                    </a:lnTo>
                    <a:lnTo>
                      <a:pt x="918" y="98"/>
                    </a:lnTo>
                    <a:lnTo>
                      <a:pt x="872" y="68"/>
                    </a:lnTo>
                    <a:lnTo>
                      <a:pt x="826" y="45"/>
                    </a:lnTo>
                    <a:lnTo>
                      <a:pt x="803" y="36"/>
                    </a:lnTo>
                    <a:lnTo>
                      <a:pt x="778" y="27"/>
                    </a:lnTo>
                    <a:lnTo>
                      <a:pt x="724" y="13"/>
                    </a:lnTo>
                    <a:lnTo>
                      <a:pt x="667" y="4"/>
                    </a:lnTo>
                    <a:lnTo>
                      <a:pt x="608" y="0"/>
                    </a:lnTo>
                    <a:lnTo>
                      <a:pt x="548" y="1"/>
                    </a:lnTo>
                    <a:lnTo>
                      <a:pt x="490" y="7"/>
                    </a:lnTo>
                    <a:lnTo>
                      <a:pt x="433" y="17"/>
                    </a:lnTo>
                    <a:lnTo>
                      <a:pt x="380" y="33"/>
                    </a:lnTo>
                    <a:lnTo>
                      <a:pt x="355" y="42"/>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74" name="Freeform 7"/>
              <p:cNvSpPr>
                <a:spLocks/>
              </p:cNvSpPr>
              <p:nvPr/>
            </p:nvSpPr>
            <p:spPr bwMode="auto">
              <a:xfrm>
                <a:off x="4310" y="1741"/>
                <a:ext cx="281" cy="284"/>
              </a:xfrm>
              <a:custGeom>
                <a:avLst/>
                <a:gdLst>
                  <a:gd name="T0" fmla="*/ 450 w 1173"/>
                  <a:gd name="T1" fmla="*/ 19 h 1183"/>
                  <a:gd name="T2" fmla="*/ 415 w 1173"/>
                  <a:gd name="T3" fmla="*/ 28 h 1183"/>
                  <a:gd name="T4" fmla="*/ 349 w 1173"/>
                  <a:gd name="T5" fmla="*/ 51 h 1183"/>
                  <a:gd name="T6" fmla="*/ 290 w 1173"/>
                  <a:gd name="T7" fmla="*/ 78 h 1183"/>
                  <a:gd name="T8" fmla="*/ 236 w 1173"/>
                  <a:gd name="T9" fmla="*/ 110 h 1183"/>
                  <a:gd name="T10" fmla="*/ 187 w 1173"/>
                  <a:gd name="T11" fmla="*/ 148 h 1183"/>
                  <a:gd name="T12" fmla="*/ 144 w 1173"/>
                  <a:gd name="T13" fmla="*/ 191 h 1183"/>
                  <a:gd name="T14" fmla="*/ 105 w 1173"/>
                  <a:gd name="T15" fmla="*/ 240 h 1183"/>
                  <a:gd name="T16" fmla="*/ 71 w 1173"/>
                  <a:gd name="T17" fmla="*/ 296 h 1183"/>
                  <a:gd name="T18" fmla="*/ 55 w 1173"/>
                  <a:gd name="T19" fmla="*/ 326 h 1183"/>
                  <a:gd name="T20" fmla="*/ 37 w 1173"/>
                  <a:gd name="T21" fmla="*/ 362 h 1183"/>
                  <a:gd name="T22" fmla="*/ 15 w 1173"/>
                  <a:gd name="T23" fmla="*/ 418 h 1183"/>
                  <a:gd name="T24" fmla="*/ 4 w 1173"/>
                  <a:gd name="T25" fmla="*/ 474 h 1183"/>
                  <a:gd name="T26" fmla="*/ 0 w 1173"/>
                  <a:gd name="T27" fmla="*/ 550 h 1183"/>
                  <a:gd name="T28" fmla="*/ 0 w 1173"/>
                  <a:gd name="T29" fmla="*/ 604 h 1183"/>
                  <a:gd name="T30" fmla="*/ 1 w 1173"/>
                  <a:gd name="T31" fmla="*/ 658 h 1183"/>
                  <a:gd name="T32" fmla="*/ 5 w 1173"/>
                  <a:gd name="T33" fmla="*/ 733 h 1183"/>
                  <a:gd name="T34" fmla="*/ 16 w 1173"/>
                  <a:gd name="T35" fmla="*/ 787 h 1183"/>
                  <a:gd name="T36" fmla="*/ 37 w 1173"/>
                  <a:gd name="T37" fmla="*/ 840 h 1183"/>
                  <a:gd name="T38" fmla="*/ 54 w 1173"/>
                  <a:gd name="T39" fmla="*/ 873 h 1183"/>
                  <a:gd name="T40" fmla="*/ 74 w 1173"/>
                  <a:gd name="T41" fmla="*/ 910 h 1183"/>
                  <a:gd name="T42" fmla="*/ 121 w 1173"/>
                  <a:gd name="T43" fmla="*/ 977 h 1183"/>
                  <a:gd name="T44" fmla="*/ 174 w 1173"/>
                  <a:gd name="T45" fmla="*/ 1035 h 1183"/>
                  <a:gd name="T46" fmla="*/ 235 w 1173"/>
                  <a:gd name="T47" fmla="*/ 1084 h 1183"/>
                  <a:gd name="T48" fmla="*/ 301 w 1173"/>
                  <a:gd name="T49" fmla="*/ 1123 h 1183"/>
                  <a:gd name="T50" fmla="*/ 375 w 1173"/>
                  <a:gd name="T51" fmla="*/ 1152 h 1183"/>
                  <a:gd name="T52" fmla="*/ 454 w 1173"/>
                  <a:gd name="T53" fmla="*/ 1172 h 1183"/>
                  <a:gd name="T54" fmla="*/ 539 w 1173"/>
                  <a:gd name="T55" fmla="*/ 1182 h 1183"/>
                  <a:gd name="T56" fmla="*/ 584 w 1173"/>
                  <a:gd name="T57" fmla="*/ 1183 h 1183"/>
                  <a:gd name="T58" fmla="*/ 614 w 1173"/>
                  <a:gd name="T59" fmla="*/ 1183 h 1183"/>
                  <a:gd name="T60" fmla="*/ 671 w 1173"/>
                  <a:gd name="T61" fmla="*/ 1178 h 1183"/>
                  <a:gd name="T62" fmla="*/ 726 w 1173"/>
                  <a:gd name="T63" fmla="*/ 1169 h 1183"/>
                  <a:gd name="T64" fmla="*/ 777 w 1173"/>
                  <a:gd name="T65" fmla="*/ 1155 h 1183"/>
                  <a:gd name="T66" fmla="*/ 826 w 1173"/>
                  <a:gd name="T67" fmla="*/ 1136 h 1183"/>
                  <a:gd name="T68" fmla="*/ 874 w 1173"/>
                  <a:gd name="T69" fmla="*/ 1111 h 1183"/>
                  <a:gd name="T70" fmla="*/ 920 w 1173"/>
                  <a:gd name="T71" fmla="*/ 1080 h 1183"/>
                  <a:gd name="T72" fmla="*/ 966 w 1173"/>
                  <a:gd name="T73" fmla="*/ 1043 h 1183"/>
                  <a:gd name="T74" fmla="*/ 989 w 1173"/>
                  <a:gd name="T75" fmla="*/ 1023 h 1183"/>
                  <a:gd name="T76" fmla="*/ 1022 w 1173"/>
                  <a:gd name="T77" fmla="*/ 990 h 1183"/>
                  <a:gd name="T78" fmla="*/ 1078 w 1173"/>
                  <a:gd name="T79" fmla="*/ 916 h 1183"/>
                  <a:gd name="T80" fmla="*/ 1122 w 1173"/>
                  <a:gd name="T81" fmla="*/ 834 h 1183"/>
                  <a:gd name="T82" fmla="*/ 1153 w 1173"/>
                  <a:gd name="T83" fmla="*/ 747 h 1183"/>
                  <a:gd name="T84" fmla="*/ 1170 w 1173"/>
                  <a:gd name="T85" fmla="*/ 656 h 1183"/>
                  <a:gd name="T86" fmla="*/ 1173 w 1173"/>
                  <a:gd name="T87" fmla="*/ 564 h 1183"/>
                  <a:gd name="T88" fmla="*/ 1162 w 1173"/>
                  <a:gd name="T89" fmla="*/ 471 h 1183"/>
                  <a:gd name="T90" fmla="*/ 1136 w 1173"/>
                  <a:gd name="T91" fmla="*/ 381 h 1183"/>
                  <a:gd name="T92" fmla="*/ 1117 w 1173"/>
                  <a:gd name="T93" fmla="*/ 338 h 1183"/>
                  <a:gd name="T94" fmla="*/ 1103 w 1173"/>
                  <a:gd name="T95" fmla="*/ 311 h 1183"/>
                  <a:gd name="T96" fmla="*/ 1069 w 1173"/>
                  <a:gd name="T97" fmla="*/ 258 h 1183"/>
                  <a:gd name="T98" fmla="*/ 1028 w 1173"/>
                  <a:gd name="T99" fmla="*/ 209 h 1183"/>
                  <a:gd name="T100" fmla="*/ 981 w 1173"/>
                  <a:gd name="T101" fmla="*/ 162 h 1183"/>
                  <a:gd name="T102" fmla="*/ 929 w 1173"/>
                  <a:gd name="T103" fmla="*/ 120 h 1183"/>
                  <a:gd name="T104" fmla="*/ 873 w 1173"/>
                  <a:gd name="T105" fmla="*/ 84 h 1183"/>
                  <a:gd name="T106" fmla="*/ 814 w 1173"/>
                  <a:gd name="T107" fmla="*/ 53 h 1183"/>
                  <a:gd name="T108" fmla="*/ 753 w 1173"/>
                  <a:gd name="T109" fmla="*/ 28 h 1183"/>
                  <a:gd name="T110" fmla="*/ 722 w 1173"/>
                  <a:gd name="T111" fmla="*/ 19 h 1183"/>
                  <a:gd name="T112" fmla="*/ 684 w 1173"/>
                  <a:gd name="T113" fmla="*/ 10 h 1183"/>
                  <a:gd name="T114" fmla="*/ 619 w 1173"/>
                  <a:gd name="T115" fmla="*/ 0 h 1183"/>
                  <a:gd name="T116" fmla="*/ 558 w 1173"/>
                  <a:gd name="T117" fmla="*/ 0 h 1183"/>
                  <a:gd name="T118" fmla="*/ 490 w 1173"/>
                  <a:gd name="T119" fmla="*/ 10 h 1183"/>
                  <a:gd name="T120" fmla="*/ 450 w 1173"/>
                  <a:gd name="T121" fmla="*/ 19 h 11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173" h="1183">
                    <a:moveTo>
                      <a:pt x="450" y="19"/>
                    </a:moveTo>
                    <a:lnTo>
                      <a:pt x="415" y="28"/>
                    </a:lnTo>
                    <a:lnTo>
                      <a:pt x="349" y="51"/>
                    </a:lnTo>
                    <a:lnTo>
                      <a:pt x="290" y="78"/>
                    </a:lnTo>
                    <a:lnTo>
                      <a:pt x="236" y="110"/>
                    </a:lnTo>
                    <a:lnTo>
                      <a:pt x="187" y="148"/>
                    </a:lnTo>
                    <a:lnTo>
                      <a:pt x="144" y="191"/>
                    </a:lnTo>
                    <a:lnTo>
                      <a:pt x="105" y="240"/>
                    </a:lnTo>
                    <a:lnTo>
                      <a:pt x="71" y="296"/>
                    </a:lnTo>
                    <a:lnTo>
                      <a:pt x="55" y="326"/>
                    </a:lnTo>
                    <a:lnTo>
                      <a:pt x="37" y="362"/>
                    </a:lnTo>
                    <a:lnTo>
                      <a:pt x="15" y="418"/>
                    </a:lnTo>
                    <a:lnTo>
                      <a:pt x="4" y="474"/>
                    </a:lnTo>
                    <a:lnTo>
                      <a:pt x="0" y="550"/>
                    </a:lnTo>
                    <a:lnTo>
                      <a:pt x="0" y="604"/>
                    </a:lnTo>
                    <a:lnTo>
                      <a:pt x="1" y="658"/>
                    </a:lnTo>
                    <a:lnTo>
                      <a:pt x="5" y="733"/>
                    </a:lnTo>
                    <a:lnTo>
                      <a:pt x="16" y="787"/>
                    </a:lnTo>
                    <a:lnTo>
                      <a:pt x="37" y="840"/>
                    </a:lnTo>
                    <a:lnTo>
                      <a:pt x="54" y="873"/>
                    </a:lnTo>
                    <a:lnTo>
                      <a:pt x="74" y="910"/>
                    </a:lnTo>
                    <a:lnTo>
                      <a:pt x="121" y="977"/>
                    </a:lnTo>
                    <a:lnTo>
                      <a:pt x="174" y="1035"/>
                    </a:lnTo>
                    <a:lnTo>
                      <a:pt x="235" y="1084"/>
                    </a:lnTo>
                    <a:lnTo>
                      <a:pt x="301" y="1123"/>
                    </a:lnTo>
                    <a:lnTo>
                      <a:pt x="375" y="1152"/>
                    </a:lnTo>
                    <a:lnTo>
                      <a:pt x="454" y="1172"/>
                    </a:lnTo>
                    <a:lnTo>
                      <a:pt x="539" y="1182"/>
                    </a:lnTo>
                    <a:lnTo>
                      <a:pt x="584" y="1183"/>
                    </a:lnTo>
                    <a:lnTo>
                      <a:pt x="614" y="1183"/>
                    </a:lnTo>
                    <a:lnTo>
                      <a:pt x="671" y="1178"/>
                    </a:lnTo>
                    <a:lnTo>
                      <a:pt x="726" y="1169"/>
                    </a:lnTo>
                    <a:lnTo>
                      <a:pt x="777" y="1155"/>
                    </a:lnTo>
                    <a:lnTo>
                      <a:pt x="826" y="1136"/>
                    </a:lnTo>
                    <a:lnTo>
                      <a:pt x="874" y="1111"/>
                    </a:lnTo>
                    <a:lnTo>
                      <a:pt x="920" y="1080"/>
                    </a:lnTo>
                    <a:lnTo>
                      <a:pt x="966" y="1043"/>
                    </a:lnTo>
                    <a:lnTo>
                      <a:pt x="989" y="1023"/>
                    </a:lnTo>
                    <a:lnTo>
                      <a:pt x="1022" y="990"/>
                    </a:lnTo>
                    <a:lnTo>
                      <a:pt x="1078" y="916"/>
                    </a:lnTo>
                    <a:lnTo>
                      <a:pt x="1122" y="834"/>
                    </a:lnTo>
                    <a:lnTo>
                      <a:pt x="1153" y="747"/>
                    </a:lnTo>
                    <a:lnTo>
                      <a:pt x="1170" y="656"/>
                    </a:lnTo>
                    <a:lnTo>
                      <a:pt x="1173" y="564"/>
                    </a:lnTo>
                    <a:lnTo>
                      <a:pt x="1162" y="471"/>
                    </a:lnTo>
                    <a:lnTo>
                      <a:pt x="1136" y="381"/>
                    </a:lnTo>
                    <a:lnTo>
                      <a:pt x="1117" y="338"/>
                    </a:lnTo>
                    <a:lnTo>
                      <a:pt x="1103" y="311"/>
                    </a:lnTo>
                    <a:lnTo>
                      <a:pt x="1069" y="258"/>
                    </a:lnTo>
                    <a:lnTo>
                      <a:pt x="1028" y="209"/>
                    </a:lnTo>
                    <a:lnTo>
                      <a:pt x="981" y="162"/>
                    </a:lnTo>
                    <a:lnTo>
                      <a:pt x="929" y="120"/>
                    </a:lnTo>
                    <a:lnTo>
                      <a:pt x="873" y="84"/>
                    </a:lnTo>
                    <a:lnTo>
                      <a:pt x="814" y="53"/>
                    </a:lnTo>
                    <a:lnTo>
                      <a:pt x="753" y="28"/>
                    </a:lnTo>
                    <a:lnTo>
                      <a:pt x="722" y="19"/>
                    </a:lnTo>
                    <a:lnTo>
                      <a:pt x="684" y="10"/>
                    </a:lnTo>
                    <a:lnTo>
                      <a:pt x="619" y="0"/>
                    </a:lnTo>
                    <a:lnTo>
                      <a:pt x="558" y="0"/>
                    </a:lnTo>
                    <a:lnTo>
                      <a:pt x="490" y="10"/>
                    </a:lnTo>
                    <a:lnTo>
                      <a:pt x="450" y="19"/>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75" name="Freeform 8"/>
              <p:cNvSpPr>
                <a:spLocks/>
              </p:cNvSpPr>
              <p:nvPr/>
            </p:nvSpPr>
            <p:spPr bwMode="auto">
              <a:xfrm>
                <a:off x="3494" y="2557"/>
                <a:ext cx="280" cy="284"/>
              </a:xfrm>
              <a:custGeom>
                <a:avLst/>
                <a:gdLst>
                  <a:gd name="T0" fmla="*/ 403 w 1165"/>
                  <a:gd name="T1" fmla="*/ 27 h 1182"/>
                  <a:gd name="T2" fmla="*/ 370 w 1165"/>
                  <a:gd name="T3" fmla="*/ 38 h 1182"/>
                  <a:gd name="T4" fmla="*/ 310 w 1165"/>
                  <a:gd name="T5" fmla="*/ 63 h 1182"/>
                  <a:gd name="T6" fmla="*/ 256 w 1165"/>
                  <a:gd name="T7" fmla="*/ 92 h 1182"/>
                  <a:gd name="T8" fmla="*/ 207 w 1165"/>
                  <a:gd name="T9" fmla="*/ 126 h 1182"/>
                  <a:gd name="T10" fmla="*/ 163 w 1165"/>
                  <a:gd name="T11" fmla="*/ 164 h 1182"/>
                  <a:gd name="T12" fmla="*/ 124 w 1165"/>
                  <a:gd name="T13" fmla="*/ 208 h 1182"/>
                  <a:gd name="T14" fmla="*/ 89 w 1165"/>
                  <a:gd name="T15" fmla="*/ 257 h 1182"/>
                  <a:gd name="T16" fmla="*/ 58 w 1165"/>
                  <a:gd name="T17" fmla="*/ 313 h 1182"/>
                  <a:gd name="T18" fmla="*/ 43 w 1165"/>
                  <a:gd name="T19" fmla="*/ 343 h 1182"/>
                  <a:gd name="T20" fmla="*/ 32 w 1165"/>
                  <a:gd name="T21" fmla="*/ 371 h 1182"/>
                  <a:gd name="T22" fmla="*/ 15 w 1165"/>
                  <a:gd name="T23" fmla="*/ 420 h 1182"/>
                  <a:gd name="T24" fmla="*/ 5 w 1165"/>
                  <a:gd name="T25" fmla="*/ 473 h 1182"/>
                  <a:gd name="T26" fmla="*/ 1 w 1165"/>
                  <a:gd name="T27" fmla="*/ 537 h 1182"/>
                  <a:gd name="T28" fmla="*/ 0 w 1165"/>
                  <a:gd name="T29" fmla="*/ 578 h 1182"/>
                  <a:gd name="T30" fmla="*/ 1 w 1165"/>
                  <a:gd name="T31" fmla="*/ 636 h 1182"/>
                  <a:gd name="T32" fmla="*/ 10 w 1165"/>
                  <a:gd name="T33" fmla="*/ 732 h 1182"/>
                  <a:gd name="T34" fmla="*/ 33 w 1165"/>
                  <a:gd name="T35" fmla="*/ 814 h 1182"/>
                  <a:gd name="T36" fmla="*/ 73 w 1165"/>
                  <a:gd name="T37" fmla="*/ 895 h 1182"/>
                  <a:gd name="T38" fmla="*/ 102 w 1165"/>
                  <a:gd name="T39" fmla="*/ 940 h 1182"/>
                  <a:gd name="T40" fmla="*/ 129 w 1165"/>
                  <a:gd name="T41" fmla="*/ 978 h 1182"/>
                  <a:gd name="T42" fmla="*/ 195 w 1165"/>
                  <a:gd name="T43" fmla="*/ 1044 h 1182"/>
                  <a:gd name="T44" fmla="*/ 273 w 1165"/>
                  <a:gd name="T45" fmla="*/ 1099 h 1182"/>
                  <a:gd name="T46" fmla="*/ 361 w 1165"/>
                  <a:gd name="T47" fmla="*/ 1141 h 1182"/>
                  <a:gd name="T48" fmla="*/ 455 w 1165"/>
                  <a:gd name="T49" fmla="*/ 1169 h 1182"/>
                  <a:gd name="T50" fmla="*/ 553 w 1165"/>
                  <a:gd name="T51" fmla="*/ 1182 h 1182"/>
                  <a:gd name="T52" fmla="*/ 651 w 1165"/>
                  <a:gd name="T53" fmla="*/ 1181 h 1182"/>
                  <a:gd name="T54" fmla="*/ 747 w 1165"/>
                  <a:gd name="T55" fmla="*/ 1163 h 1182"/>
                  <a:gd name="T56" fmla="*/ 793 w 1165"/>
                  <a:gd name="T57" fmla="*/ 1147 h 1182"/>
                  <a:gd name="T58" fmla="*/ 817 w 1165"/>
                  <a:gd name="T59" fmla="*/ 1137 h 1182"/>
                  <a:gd name="T60" fmla="*/ 865 w 1165"/>
                  <a:gd name="T61" fmla="*/ 1112 h 1182"/>
                  <a:gd name="T62" fmla="*/ 912 w 1165"/>
                  <a:gd name="T63" fmla="*/ 1082 h 1182"/>
                  <a:gd name="T64" fmla="*/ 957 w 1165"/>
                  <a:gd name="T65" fmla="*/ 1046 h 1182"/>
                  <a:gd name="T66" fmla="*/ 1000 w 1165"/>
                  <a:gd name="T67" fmla="*/ 1007 h 1182"/>
                  <a:gd name="T68" fmla="*/ 1039 w 1165"/>
                  <a:gd name="T69" fmla="*/ 965 h 1182"/>
                  <a:gd name="T70" fmla="*/ 1073 w 1165"/>
                  <a:gd name="T71" fmla="*/ 920 h 1182"/>
                  <a:gd name="T72" fmla="*/ 1103 w 1165"/>
                  <a:gd name="T73" fmla="*/ 873 h 1182"/>
                  <a:gd name="T74" fmla="*/ 1115 w 1165"/>
                  <a:gd name="T75" fmla="*/ 850 h 1182"/>
                  <a:gd name="T76" fmla="*/ 1131 w 1165"/>
                  <a:gd name="T77" fmla="*/ 819 h 1182"/>
                  <a:gd name="T78" fmla="*/ 1151 w 1165"/>
                  <a:gd name="T79" fmla="*/ 768 h 1182"/>
                  <a:gd name="T80" fmla="*/ 1161 w 1165"/>
                  <a:gd name="T81" fmla="*/ 714 h 1182"/>
                  <a:gd name="T82" fmla="*/ 1165 w 1165"/>
                  <a:gd name="T83" fmla="*/ 640 h 1182"/>
                  <a:gd name="T84" fmla="*/ 1165 w 1165"/>
                  <a:gd name="T85" fmla="*/ 587 h 1182"/>
                  <a:gd name="T86" fmla="*/ 1164 w 1165"/>
                  <a:gd name="T87" fmla="*/ 523 h 1182"/>
                  <a:gd name="T88" fmla="*/ 1157 w 1165"/>
                  <a:gd name="T89" fmla="*/ 446 h 1182"/>
                  <a:gd name="T90" fmla="*/ 1148 w 1165"/>
                  <a:gd name="T91" fmla="*/ 402 h 1182"/>
                  <a:gd name="T92" fmla="*/ 1134 w 1165"/>
                  <a:gd name="T93" fmla="*/ 360 h 1182"/>
                  <a:gd name="T94" fmla="*/ 1114 w 1165"/>
                  <a:gd name="T95" fmla="*/ 320 h 1182"/>
                  <a:gd name="T96" fmla="*/ 1075 w 1165"/>
                  <a:gd name="T97" fmla="*/ 258 h 1182"/>
                  <a:gd name="T98" fmla="*/ 1038 w 1165"/>
                  <a:gd name="T99" fmla="*/ 210 h 1182"/>
                  <a:gd name="T100" fmla="*/ 1011 w 1165"/>
                  <a:gd name="T101" fmla="*/ 177 h 1182"/>
                  <a:gd name="T102" fmla="*/ 947 w 1165"/>
                  <a:gd name="T103" fmla="*/ 120 h 1182"/>
                  <a:gd name="T104" fmla="*/ 875 w 1165"/>
                  <a:gd name="T105" fmla="*/ 72 h 1182"/>
                  <a:gd name="T106" fmla="*/ 796 w 1165"/>
                  <a:gd name="T107" fmla="*/ 37 h 1182"/>
                  <a:gd name="T108" fmla="*/ 712 w 1165"/>
                  <a:gd name="T109" fmla="*/ 12 h 1182"/>
                  <a:gd name="T110" fmla="*/ 624 w 1165"/>
                  <a:gd name="T111" fmla="*/ 0 h 1182"/>
                  <a:gd name="T112" fmla="*/ 535 w 1165"/>
                  <a:gd name="T113" fmla="*/ 0 h 1182"/>
                  <a:gd name="T114" fmla="*/ 447 w 1165"/>
                  <a:gd name="T115" fmla="*/ 14 h 1182"/>
                  <a:gd name="T116" fmla="*/ 403 w 1165"/>
                  <a:gd name="T117" fmla="*/ 27 h 1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165" h="1182">
                    <a:moveTo>
                      <a:pt x="403" y="27"/>
                    </a:moveTo>
                    <a:lnTo>
                      <a:pt x="370" y="38"/>
                    </a:lnTo>
                    <a:lnTo>
                      <a:pt x="310" y="63"/>
                    </a:lnTo>
                    <a:lnTo>
                      <a:pt x="256" y="92"/>
                    </a:lnTo>
                    <a:lnTo>
                      <a:pt x="207" y="126"/>
                    </a:lnTo>
                    <a:lnTo>
                      <a:pt x="163" y="164"/>
                    </a:lnTo>
                    <a:lnTo>
                      <a:pt x="124" y="208"/>
                    </a:lnTo>
                    <a:lnTo>
                      <a:pt x="89" y="257"/>
                    </a:lnTo>
                    <a:lnTo>
                      <a:pt x="58" y="313"/>
                    </a:lnTo>
                    <a:lnTo>
                      <a:pt x="43" y="343"/>
                    </a:lnTo>
                    <a:lnTo>
                      <a:pt x="32" y="371"/>
                    </a:lnTo>
                    <a:lnTo>
                      <a:pt x="15" y="420"/>
                    </a:lnTo>
                    <a:lnTo>
                      <a:pt x="5" y="473"/>
                    </a:lnTo>
                    <a:lnTo>
                      <a:pt x="1" y="537"/>
                    </a:lnTo>
                    <a:lnTo>
                      <a:pt x="0" y="578"/>
                    </a:lnTo>
                    <a:lnTo>
                      <a:pt x="1" y="636"/>
                    </a:lnTo>
                    <a:lnTo>
                      <a:pt x="10" y="732"/>
                    </a:lnTo>
                    <a:lnTo>
                      <a:pt x="33" y="814"/>
                    </a:lnTo>
                    <a:lnTo>
                      <a:pt x="73" y="895"/>
                    </a:lnTo>
                    <a:lnTo>
                      <a:pt x="102" y="940"/>
                    </a:lnTo>
                    <a:lnTo>
                      <a:pt x="129" y="978"/>
                    </a:lnTo>
                    <a:lnTo>
                      <a:pt x="195" y="1044"/>
                    </a:lnTo>
                    <a:lnTo>
                      <a:pt x="273" y="1099"/>
                    </a:lnTo>
                    <a:lnTo>
                      <a:pt x="361" y="1141"/>
                    </a:lnTo>
                    <a:lnTo>
                      <a:pt x="455" y="1169"/>
                    </a:lnTo>
                    <a:lnTo>
                      <a:pt x="553" y="1182"/>
                    </a:lnTo>
                    <a:lnTo>
                      <a:pt x="651" y="1181"/>
                    </a:lnTo>
                    <a:lnTo>
                      <a:pt x="747" y="1163"/>
                    </a:lnTo>
                    <a:lnTo>
                      <a:pt x="793" y="1147"/>
                    </a:lnTo>
                    <a:lnTo>
                      <a:pt x="817" y="1137"/>
                    </a:lnTo>
                    <a:lnTo>
                      <a:pt x="865" y="1112"/>
                    </a:lnTo>
                    <a:lnTo>
                      <a:pt x="912" y="1082"/>
                    </a:lnTo>
                    <a:lnTo>
                      <a:pt x="957" y="1046"/>
                    </a:lnTo>
                    <a:lnTo>
                      <a:pt x="1000" y="1007"/>
                    </a:lnTo>
                    <a:lnTo>
                      <a:pt x="1039" y="965"/>
                    </a:lnTo>
                    <a:lnTo>
                      <a:pt x="1073" y="920"/>
                    </a:lnTo>
                    <a:lnTo>
                      <a:pt x="1103" y="873"/>
                    </a:lnTo>
                    <a:lnTo>
                      <a:pt x="1115" y="850"/>
                    </a:lnTo>
                    <a:lnTo>
                      <a:pt x="1131" y="819"/>
                    </a:lnTo>
                    <a:lnTo>
                      <a:pt x="1151" y="768"/>
                    </a:lnTo>
                    <a:lnTo>
                      <a:pt x="1161" y="714"/>
                    </a:lnTo>
                    <a:lnTo>
                      <a:pt x="1165" y="640"/>
                    </a:lnTo>
                    <a:lnTo>
                      <a:pt x="1165" y="587"/>
                    </a:lnTo>
                    <a:lnTo>
                      <a:pt x="1164" y="523"/>
                    </a:lnTo>
                    <a:lnTo>
                      <a:pt x="1157" y="446"/>
                    </a:lnTo>
                    <a:lnTo>
                      <a:pt x="1148" y="402"/>
                    </a:lnTo>
                    <a:lnTo>
                      <a:pt x="1134" y="360"/>
                    </a:lnTo>
                    <a:lnTo>
                      <a:pt x="1114" y="320"/>
                    </a:lnTo>
                    <a:lnTo>
                      <a:pt x="1075" y="258"/>
                    </a:lnTo>
                    <a:lnTo>
                      <a:pt x="1038" y="210"/>
                    </a:lnTo>
                    <a:lnTo>
                      <a:pt x="1011" y="177"/>
                    </a:lnTo>
                    <a:lnTo>
                      <a:pt x="947" y="120"/>
                    </a:lnTo>
                    <a:lnTo>
                      <a:pt x="875" y="72"/>
                    </a:lnTo>
                    <a:lnTo>
                      <a:pt x="796" y="37"/>
                    </a:lnTo>
                    <a:lnTo>
                      <a:pt x="712" y="12"/>
                    </a:lnTo>
                    <a:lnTo>
                      <a:pt x="624" y="0"/>
                    </a:lnTo>
                    <a:lnTo>
                      <a:pt x="535" y="0"/>
                    </a:lnTo>
                    <a:lnTo>
                      <a:pt x="447" y="14"/>
                    </a:lnTo>
                    <a:lnTo>
                      <a:pt x="403" y="27"/>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grpSp>
        <p:grpSp>
          <p:nvGrpSpPr>
            <p:cNvPr id="76" name="Group 4"/>
            <p:cNvGrpSpPr>
              <a:grpSpLocks noChangeAspect="1"/>
            </p:cNvGrpSpPr>
            <p:nvPr/>
          </p:nvGrpSpPr>
          <p:grpSpPr bwMode="auto">
            <a:xfrm>
              <a:off x="4328296" y="3497948"/>
              <a:ext cx="256171" cy="256171"/>
              <a:chOff x="1680" y="0"/>
              <a:chExt cx="4320" cy="4320"/>
            </a:xfrm>
          </p:grpSpPr>
          <p:sp>
            <p:nvSpPr>
              <p:cNvPr id="77" name="AutoShape 3"/>
              <p:cNvSpPr>
                <a:spLocks noChangeAspect="1" noChangeArrowheads="1" noTextEdit="1"/>
              </p:cNvSpPr>
              <p:nvPr/>
            </p:nvSpPr>
            <p:spPr bwMode="auto">
              <a:xfrm>
                <a:off x="1680" y="0"/>
                <a:ext cx="4320" cy="43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78" name="Freeform 5"/>
              <p:cNvSpPr>
                <a:spLocks/>
              </p:cNvSpPr>
              <p:nvPr/>
            </p:nvSpPr>
            <p:spPr bwMode="auto">
              <a:xfrm>
                <a:off x="1749" y="1"/>
                <a:ext cx="4182" cy="4319"/>
              </a:xfrm>
              <a:custGeom>
                <a:avLst/>
                <a:gdLst>
                  <a:gd name="T0" fmla="*/ 6745 w 17426"/>
                  <a:gd name="T1" fmla="*/ 69 h 17994"/>
                  <a:gd name="T2" fmla="*/ 4827 w 17426"/>
                  <a:gd name="T3" fmla="*/ 564 h 17994"/>
                  <a:gd name="T4" fmla="*/ 2990 w 17426"/>
                  <a:gd name="T5" fmla="*/ 1624 h 17994"/>
                  <a:gd name="T6" fmla="*/ 1316 w 17426"/>
                  <a:gd name="T7" fmla="*/ 3448 h 17994"/>
                  <a:gd name="T8" fmla="*/ 585 w 17426"/>
                  <a:gd name="T9" fmla="*/ 4819 h 17994"/>
                  <a:gd name="T10" fmla="*/ 4557 w 17426"/>
                  <a:gd name="T11" fmla="*/ 4164 h 17994"/>
                  <a:gd name="T12" fmla="*/ 6409 w 17426"/>
                  <a:gd name="T13" fmla="*/ 3625 h 17994"/>
                  <a:gd name="T14" fmla="*/ 7054 w 17426"/>
                  <a:gd name="T15" fmla="*/ 2988 h 17994"/>
                  <a:gd name="T16" fmla="*/ 7951 w 17426"/>
                  <a:gd name="T17" fmla="*/ 2803 h 17994"/>
                  <a:gd name="T18" fmla="*/ 8821 w 17426"/>
                  <a:gd name="T19" fmla="*/ 3096 h 17994"/>
                  <a:gd name="T20" fmla="*/ 9397 w 17426"/>
                  <a:gd name="T21" fmla="*/ 3816 h 17994"/>
                  <a:gd name="T22" fmla="*/ 9445 w 17426"/>
                  <a:gd name="T23" fmla="*/ 4944 h 17994"/>
                  <a:gd name="T24" fmla="*/ 8772 w 17426"/>
                  <a:gd name="T25" fmla="*/ 5838 h 17994"/>
                  <a:gd name="T26" fmla="*/ 7725 w 17426"/>
                  <a:gd name="T27" fmla="*/ 6106 h 17994"/>
                  <a:gd name="T28" fmla="*/ 6897 w 17426"/>
                  <a:gd name="T29" fmla="*/ 5815 h 17994"/>
                  <a:gd name="T30" fmla="*/ 6334 w 17426"/>
                  <a:gd name="T31" fmla="*/ 5122 h 17994"/>
                  <a:gd name="T32" fmla="*/ 4724 w 17426"/>
                  <a:gd name="T33" fmla="*/ 5506 h 17994"/>
                  <a:gd name="T34" fmla="*/ 150 w 17426"/>
                  <a:gd name="T35" fmla="*/ 6197 h 17994"/>
                  <a:gd name="T36" fmla="*/ 758 w 17426"/>
                  <a:gd name="T37" fmla="*/ 7304 h 17994"/>
                  <a:gd name="T38" fmla="*/ 9747 w 17426"/>
                  <a:gd name="T39" fmla="*/ 7136 h 17994"/>
                  <a:gd name="T40" fmla="*/ 10489 w 17426"/>
                  <a:gd name="T41" fmla="*/ 6361 h 17994"/>
                  <a:gd name="T42" fmla="*/ 11378 w 17426"/>
                  <a:gd name="T43" fmla="*/ 6192 h 17994"/>
                  <a:gd name="T44" fmla="*/ 12212 w 17426"/>
                  <a:gd name="T45" fmla="*/ 6482 h 17994"/>
                  <a:gd name="T46" fmla="*/ 12752 w 17426"/>
                  <a:gd name="T47" fmla="*/ 7119 h 17994"/>
                  <a:gd name="T48" fmla="*/ 12896 w 17426"/>
                  <a:gd name="T49" fmla="*/ 8046 h 17994"/>
                  <a:gd name="T50" fmla="*/ 12491 w 17426"/>
                  <a:gd name="T51" fmla="*/ 8960 h 17994"/>
                  <a:gd name="T52" fmla="*/ 11502 w 17426"/>
                  <a:gd name="T53" fmla="*/ 9482 h 17994"/>
                  <a:gd name="T54" fmla="*/ 10572 w 17426"/>
                  <a:gd name="T55" fmla="*/ 9365 h 17994"/>
                  <a:gd name="T56" fmla="*/ 9905 w 17426"/>
                  <a:gd name="T57" fmla="*/ 8830 h 17994"/>
                  <a:gd name="T58" fmla="*/ 8799 w 17426"/>
                  <a:gd name="T59" fmla="*/ 8385 h 17994"/>
                  <a:gd name="T60" fmla="*/ 23 w 17426"/>
                  <a:gd name="T61" fmla="*/ 8687 h 17994"/>
                  <a:gd name="T62" fmla="*/ 4234 w 17426"/>
                  <a:gd name="T63" fmla="*/ 9710 h 17994"/>
                  <a:gd name="T64" fmla="*/ 6372 w 17426"/>
                  <a:gd name="T65" fmla="*/ 10494 h 17994"/>
                  <a:gd name="T66" fmla="*/ 6876 w 17426"/>
                  <a:gd name="T67" fmla="*/ 9887 h 17994"/>
                  <a:gd name="T68" fmla="*/ 7563 w 17426"/>
                  <a:gd name="T69" fmla="*/ 9602 h 17994"/>
                  <a:gd name="T70" fmla="*/ 8490 w 17426"/>
                  <a:gd name="T71" fmla="*/ 9709 h 17994"/>
                  <a:gd name="T72" fmla="*/ 9195 w 17426"/>
                  <a:gd name="T73" fmla="*/ 10247 h 17994"/>
                  <a:gd name="T74" fmla="*/ 9502 w 17426"/>
                  <a:gd name="T75" fmla="*/ 11021 h 17994"/>
                  <a:gd name="T76" fmla="*/ 9284 w 17426"/>
                  <a:gd name="T77" fmla="*/ 12099 h 17994"/>
                  <a:gd name="T78" fmla="*/ 8690 w 17426"/>
                  <a:gd name="T79" fmla="*/ 12677 h 17994"/>
                  <a:gd name="T80" fmla="*/ 7837 w 17426"/>
                  <a:gd name="T81" fmla="*/ 12894 h 17994"/>
                  <a:gd name="T82" fmla="*/ 6917 w 17426"/>
                  <a:gd name="T83" fmla="*/ 12623 h 17994"/>
                  <a:gd name="T84" fmla="*/ 6270 w 17426"/>
                  <a:gd name="T85" fmla="*/ 11779 h 17994"/>
                  <a:gd name="T86" fmla="*/ 4700 w 17426"/>
                  <a:gd name="T87" fmla="*/ 11650 h 17994"/>
                  <a:gd name="T88" fmla="*/ 497 w 17426"/>
                  <a:gd name="T89" fmla="*/ 10664 h 17994"/>
                  <a:gd name="T90" fmla="*/ 553 w 17426"/>
                  <a:gd name="T91" fmla="*/ 10811 h 17994"/>
                  <a:gd name="T92" fmla="*/ 1342 w 17426"/>
                  <a:gd name="T93" fmla="*/ 12277 h 17994"/>
                  <a:gd name="T94" fmla="*/ 1728 w 17426"/>
                  <a:gd name="T95" fmla="*/ 17221 h 17994"/>
                  <a:gd name="T96" fmla="*/ 1752 w 17426"/>
                  <a:gd name="T97" fmla="*/ 17735 h 17994"/>
                  <a:gd name="T98" fmla="*/ 9756 w 17426"/>
                  <a:gd name="T99" fmla="*/ 17942 h 17994"/>
                  <a:gd name="T100" fmla="*/ 10505 w 17426"/>
                  <a:gd name="T101" fmla="*/ 15802 h 17994"/>
                  <a:gd name="T102" fmla="*/ 12639 w 17426"/>
                  <a:gd name="T103" fmla="*/ 16087 h 17994"/>
                  <a:gd name="T104" fmla="*/ 14011 w 17426"/>
                  <a:gd name="T105" fmla="*/ 16278 h 17994"/>
                  <a:gd name="T106" fmla="*/ 14526 w 17426"/>
                  <a:gd name="T107" fmla="*/ 16032 h 17994"/>
                  <a:gd name="T108" fmla="*/ 15682 w 17426"/>
                  <a:gd name="T109" fmla="*/ 11564 h 17994"/>
                  <a:gd name="T110" fmla="*/ 17369 w 17426"/>
                  <a:gd name="T111" fmla="*/ 10344 h 17994"/>
                  <a:gd name="T112" fmla="*/ 16519 w 17426"/>
                  <a:gd name="T113" fmla="*/ 8719 h 17994"/>
                  <a:gd name="T114" fmla="*/ 15391 w 17426"/>
                  <a:gd name="T115" fmla="*/ 5552 h 17994"/>
                  <a:gd name="T116" fmla="*/ 14709 w 17426"/>
                  <a:gd name="T117" fmla="*/ 3924 h 17994"/>
                  <a:gd name="T118" fmla="*/ 13085 w 17426"/>
                  <a:gd name="T119" fmla="*/ 1943 h 17994"/>
                  <a:gd name="T120" fmla="*/ 11116 w 17426"/>
                  <a:gd name="T121" fmla="*/ 699 h 17994"/>
                  <a:gd name="T122" fmla="*/ 9932 w 17426"/>
                  <a:gd name="T123" fmla="*/ 286 h 17994"/>
                  <a:gd name="T124" fmla="*/ 8279 w 17426"/>
                  <a:gd name="T125" fmla="*/ 11 h 179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7426" h="17994">
                    <a:moveTo>
                      <a:pt x="7337" y="9"/>
                    </a:moveTo>
                    <a:lnTo>
                      <a:pt x="7317" y="14"/>
                    </a:lnTo>
                    <a:lnTo>
                      <a:pt x="7230" y="24"/>
                    </a:lnTo>
                    <a:lnTo>
                      <a:pt x="7179" y="26"/>
                    </a:lnTo>
                    <a:lnTo>
                      <a:pt x="7123" y="28"/>
                    </a:lnTo>
                    <a:lnTo>
                      <a:pt x="6996" y="38"/>
                    </a:lnTo>
                    <a:lnTo>
                      <a:pt x="6945" y="44"/>
                    </a:lnTo>
                    <a:lnTo>
                      <a:pt x="6840" y="57"/>
                    </a:lnTo>
                    <a:lnTo>
                      <a:pt x="6745" y="69"/>
                    </a:lnTo>
                    <a:lnTo>
                      <a:pt x="6628" y="84"/>
                    </a:lnTo>
                    <a:lnTo>
                      <a:pt x="6284" y="140"/>
                    </a:lnTo>
                    <a:lnTo>
                      <a:pt x="6179" y="161"/>
                    </a:lnTo>
                    <a:lnTo>
                      <a:pt x="6036" y="193"/>
                    </a:lnTo>
                    <a:lnTo>
                      <a:pt x="5767" y="259"/>
                    </a:lnTo>
                    <a:lnTo>
                      <a:pt x="5515" y="328"/>
                    </a:lnTo>
                    <a:lnTo>
                      <a:pt x="5277" y="401"/>
                    </a:lnTo>
                    <a:lnTo>
                      <a:pt x="5049" y="479"/>
                    </a:lnTo>
                    <a:lnTo>
                      <a:pt x="4827" y="564"/>
                    </a:lnTo>
                    <a:lnTo>
                      <a:pt x="4609" y="656"/>
                    </a:lnTo>
                    <a:lnTo>
                      <a:pt x="4390" y="758"/>
                    </a:lnTo>
                    <a:lnTo>
                      <a:pt x="4279" y="812"/>
                    </a:lnTo>
                    <a:lnTo>
                      <a:pt x="4153" y="876"/>
                    </a:lnTo>
                    <a:lnTo>
                      <a:pt x="3908" y="1010"/>
                    </a:lnTo>
                    <a:lnTo>
                      <a:pt x="3669" y="1152"/>
                    </a:lnTo>
                    <a:lnTo>
                      <a:pt x="3436" y="1302"/>
                    </a:lnTo>
                    <a:lnTo>
                      <a:pt x="3210" y="1459"/>
                    </a:lnTo>
                    <a:lnTo>
                      <a:pt x="2990" y="1624"/>
                    </a:lnTo>
                    <a:lnTo>
                      <a:pt x="2777" y="1797"/>
                    </a:lnTo>
                    <a:lnTo>
                      <a:pt x="2571" y="1977"/>
                    </a:lnTo>
                    <a:lnTo>
                      <a:pt x="2371" y="2165"/>
                    </a:lnTo>
                    <a:lnTo>
                      <a:pt x="2178" y="2360"/>
                    </a:lnTo>
                    <a:lnTo>
                      <a:pt x="1992" y="2563"/>
                    </a:lnTo>
                    <a:lnTo>
                      <a:pt x="1813" y="2773"/>
                    </a:lnTo>
                    <a:lnTo>
                      <a:pt x="1640" y="2991"/>
                    </a:lnTo>
                    <a:lnTo>
                      <a:pt x="1475" y="3216"/>
                    </a:lnTo>
                    <a:lnTo>
                      <a:pt x="1316" y="3448"/>
                    </a:lnTo>
                    <a:lnTo>
                      <a:pt x="1165" y="3688"/>
                    </a:lnTo>
                    <a:lnTo>
                      <a:pt x="1092" y="3811"/>
                    </a:lnTo>
                    <a:lnTo>
                      <a:pt x="1038" y="3905"/>
                    </a:lnTo>
                    <a:lnTo>
                      <a:pt x="905" y="4151"/>
                    </a:lnTo>
                    <a:lnTo>
                      <a:pt x="772" y="4410"/>
                    </a:lnTo>
                    <a:lnTo>
                      <a:pt x="671" y="4618"/>
                    </a:lnTo>
                    <a:lnTo>
                      <a:pt x="645" y="4677"/>
                    </a:lnTo>
                    <a:lnTo>
                      <a:pt x="619" y="4741"/>
                    </a:lnTo>
                    <a:lnTo>
                      <a:pt x="585" y="4819"/>
                    </a:lnTo>
                    <a:lnTo>
                      <a:pt x="517" y="4977"/>
                    </a:lnTo>
                    <a:lnTo>
                      <a:pt x="495" y="5037"/>
                    </a:lnTo>
                    <a:lnTo>
                      <a:pt x="585" y="5040"/>
                    </a:lnTo>
                    <a:lnTo>
                      <a:pt x="1447" y="5044"/>
                    </a:lnTo>
                    <a:lnTo>
                      <a:pt x="2082" y="5044"/>
                    </a:lnTo>
                    <a:lnTo>
                      <a:pt x="3669" y="5044"/>
                    </a:lnTo>
                    <a:lnTo>
                      <a:pt x="4187" y="4529"/>
                    </a:lnTo>
                    <a:lnTo>
                      <a:pt x="4342" y="4375"/>
                    </a:lnTo>
                    <a:lnTo>
                      <a:pt x="4557" y="4164"/>
                    </a:lnTo>
                    <a:lnTo>
                      <a:pt x="4690" y="4043"/>
                    </a:lnTo>
                    <a:lnTo>
                      <a:pt x="4772" y="3982"/>
                    </a:lnTo>
                    <a:lnTo>
                      <a:pt x="4804" y="3966"/>
                    </a:lnTo>
                    <a:lnTo>
                      <a:pt x="4904" y="3919"/>
                    </a:lnTo>
                    <a:lnTo>
                      <a:pt x="5589" y="3914"/>
                    </a:lnTo>
                    <a:lnTo>
                      <a:pt x="6272" y="3909"/>
                    </a:lnTo>
                    <a:lnTo>
                      <a:pt x="6335" y="3771"/>
                    </a:lnTo>
                    <a:lnTo>
                      <a:pt x="6358" y="3722"/>
                    </a:lnTo>
                    <a:lnTo>
                      <a:pt x="6409" y="3625"/>
                    </a:lnTo>
                    <a:lnTo>
                      <a:pt x="6467" y="3531"/>
                    </a:lnTo>
                    <a:lnTo>
                      <a:pt x="6531" y="3440"/>
                    </a:lnTo>
                    <a:lnTo>
                      <a:pt x="6599" y="3354"/>
                    </a:lnTo>
                    <a:lnTo>
                      <a:pt x="6672" y="3273"/>
                    </a:lnTo>
                    <a:lnTo>
                      <a:pt x="6749" y="3199"/>
                    </a:lnTo>
                    <a:lnTo>
                      <a:pt x="6828" y="3131"/>
                    </a:lnTo>
                    <a:lnTo>
                      <a:pt x="6869" y="3101"/>
                    </a:lnTo>
                    <a:lnTo>
                      <a:pt x="6922" y="3063"/>
                    </a:lnTo>
                    <a:lnTo>
                      <a:pt x="7054" y="2988"/>
                    </a:lnTo>
                    <a:lnTo>
                      <a:pt x="7200" y="2918"/>
                    </a:lnTo>
                    <a:lnTo>
                      <a:pt x="7346" y="2862"/>
                    </a:lnTo>
                    <a:lnTo>
                      <a:pt x="7412" y="2842"/>
                    </a:lnTo>
                    <a:lnTo>
                      <a:pt x="7456" y="2831"/>
                    </a:lnTo>
                    <a:lnTo>
                      <a:pt x="7534" y="2815"/>
                    </a:lnTo>
                    <a:lnTo>
                      <a:pt x="7624" y="2806"/>
                    </a:lnTo>
                    <a:lnTo>
                      <a:pt x="7745" y="2803"/>
                    </a:lnTo>
                    <a:lnTo>
                      <a:pt x="7829" y="2802"/>
                    </a:lnTo>
                    <a:lnTo>
                      <a:pt x="7951" y="2803"/>
                    </a:lnTo>
                    <a:lnTo>
                      <a:pt x="8100" y="2812"/>
                    </a:lnTo>
                    <a:lnTo>
                      <a:pt x="8189" y="2824"/>
                    </a:lnTo>
                    <a:lnTo>
                      <a:pt x="8273" y="2842"/>
                    </a:lnTo>
                    <a:lnTo>
                      <a:pt x="8356" y="2866"/>
                    </a:lnTo>
                    <a:lnTo>
                      <a:pt x="8489" y="2916"/>
                    </a:lnTo>
                    <a:lnTo>
                      <a:pt x="8592" y="2962"/>
                    </a:lnTo>
                    <a:lnTo>
                      <a:pt x="8638" y="2984"/>
                    </a:lnTo>
                    <a:lnTo>
                      <a:pt x="8731" y="3036"/>
                    </a:lnTo>
                    <a:lnTo>
                      <a:pt x="8821" y="3096"/>
                    </a:lnTo>
                    <a:lnTo>
                      <a:pt x="8910" y="3164"/>
                    </a:lnTo>
                    <a:lnTo>
                      <a:pt x="8995" y="3238"/>
                    </a:lnTo>
                    <a:lnTo>
                      <a:pt x="9075" y="3317"/>
                    </a:lnTo>
                    <a:lnTo>
                      <a:pt x="9149" y="3400"/>
                    </a:lnTo>
                    <a:lnTo>
                      <a:pt x="9217" y="3486"/>
                    </a:lnTo>
                    <a:lnTo>
                      <a:pt x="9247" y="3531"/>
                    </a:lnTo>
                    <a:lnTo>
                      <a:pt x="9282" y="3585"/>
                    </a:lnTo>
                    <a:lnTo>
                      <a:pt x="9344" y="3699"/>
                    </a:lnTo>
                    <a:lnTo>
                      <a:pt x="9397" y="3816"/>
                    </a:lnTo>
                    <a:lnTo>
                      <a:pt x="9440" y="3937"/>
                    </a:lnTo>
                    <a:lnTo>
                      <a:pt x="9474" y="4061"/>
                    </a:lnTo>
                    <a:lnTo>
                      <a:pt x="9498" y="4186"/>
                    </a:lnTo>
                    <a:lnTo>
                      <a:pt x="9513" y="4313"/>
                    </a:lnTo>
                    <a:lnTo>
                      <a:pt x="9518" y="4441"/>
                    </a:lnTo>
                    <a:lnTo>
                      <a:pt x="9514" y="4568"/>
                    </a:lnTo>
                    <a:lnTo>
                      <a:pt x="9500" y="4695"/>
                    </a:lnTo>
                    <a:lnTo>
                      <a:pt x="9477" y="4820"/>
                    </a:lnTo>
                    <a:lnTo>
                      <a:pt x="9445" y="4944"/>
                    </a:lnTo>
                    <a:lnTo>
                      <a:pt x="9403" y="5065"/>
                    </a:lnTo>
                    <a:lnTo>
                      <a:pt x="9352" y="5182"/>
                    </a:lnTo>
                    <a:lnTo>
                      <a:pt x="9292" y="5295"/>
                    </a:lnTo>
                    <a:lnTo>
                      <a:pt x="9222" y="5404"/>
                    </a:lnTo>
                    <a:lnTo>
                      <a:pt x="9184" y="5456"/>
                    </a:lnTo>
                    <a:lnTo>
                      <a:pt x="9133" y="5521"/>
                    </a:lnTo>
                    <a:lnTo>
                      <a:pt x="9023" y="5639"/>
                    </a:lnTo>
                    <a:lnTo>
                      <a:pt x="8902" y="5745"/>
                    </a:lnTo>
                    <a:lnTo>
                      <a:pt x="8772" y="5838"/>
                    </a:lnTo>
                    <a:lnTo>
                      <a:pt x="8631" y="5918"/>
                    </a:lnTo>
                    <a:lnTo>
                      <a:pt x="8481" y="5985"/>
                    </a:lnTo>
                    <a:lnTo>
                      <a:pt x="8321" y="6039"/>
                    </a:lnTo>
                    <a:lnTo>
                      <a:pt x="8151" y="6079"/>
                    </a:lnTo>
                    <a:lnTo>
                      <a:pt x="8062" y="6094"/>
                    </a:lnTo>
                    <a:lnTo>
                      <a:pt x="8015" y="6101"/>
                    </a:lnTo>
                    <a:lnTo>
                      <a:pt x="7919" y="6109"/>
                    </a:lnTo>
                    <a:lnTo>
                      <a:pt x="7822" y="6110"/>
                    </a:lnTo>
                    <a:lnTo>
                      <a:pt x="7725" y="6106"/>
                    </a:lnTo>
                    <a:lnTo>
                      <a:pt x="7627" y="6095"/>
                    </a:lnTo>
                    <a:lnTo>
                      <a:pt x="7530" y="6079"/>
                    </a:lnTo>
                    <a:lnTo>
                      <a:pt x="7434" y="6057"/>
                    </a:lnTo>
                    <a:lnTo>
                      <a:pt x="7339" y="6030"/>
                    </a:lnTo>
                    <a:lnTo>
                      <a:pt x="7245" y="5997"/>
                    </a:lnTo>
                    <a:lnTo>
                      <a:pt x="7154" y="5959"/>
                    </a:lnTo>
                    <a:lnTo>
                      <a:pt x="7065" y="5916"/>
                    </a:lnTo>
                    <a:lnTo>
                      <a:pt x="6979" y="5868"/>
                    </a:lnTo>
                    <a:lnTo>
                      <a:pt x="6897" y="5815"/>
                    </a:lnTo>
                    <a:lnTo>
                      <a:pt x="6818" y="5758"/>
                    </a:lnTo>
                    <a:lnTo>
                      <a:pt x="6744" y="5696"/>
                    </a:lnTo>
                    <a:lnTo>
                      <a:pt x="6675" y="5630"/>
                    </a:lnTo>
                    <a:lnTo>
                      <a:pt x="6642" y="5596"/>
                    </a:lnTo>
                    <a:lnTo>
                      <a:pt x="6599" y="5547"/>
                    </a:lnTo>
                    <a:lnTo>
                      <a:pt x="6509" y="5427"/>
                    </a:lnTo>
                    <a:lnTo>
                      <a:pt x="6425" y="5297"/>
                    </a:lnTo>
                    <a:lnTo>
                      <a:pt x="6356" y="5174"/>
                    </a:lnTo>
                    <a:lnTo>
                      <a:pt x="6334" y="5122"/>
                    </a:lnTo>
                    <a:lnTo>
                      <a:pt x="6317" y="5080"/>
                    </a:lnTo>
                    <a:lnTo>
                      <a:pt x="6282" y="5014"/>
                    </a:lnTo>
                    <a:lnTo>
                      <a:pt x="6270" y="5002"/>
                    </a:lnTo>
                    <a:lnTo>
                      <a:pt x="6260" y="4998"/>
                    </a:lnTo>
                    <a:lnTo>
                      <a:pt x="6185" y="4992"/>
                    </a:lnTo>
                    <a:lnTo>
                      <a:pt x="5970" y="4986"/>
                    </a:lnTo>
                    <a:lnTo>
                      <a:pt x="5747" y="4986"/>
                    </a:lnTo>
                    <a:lnTo>
                      <a:pt x="5245" y="4987"/>
                    </a:lnTo>
                    <a:lnTo>
                      <a:pt x="4724" y="5506"/>
                    </a:lnTo>
                    <a:lnTo>
                      <a:pt x="4581" y="5648"/>
                    </a:lnTo>
                    <a:lnTo>
                      <a:pt x="4369" y="5855"/>
                    </a:lnTo>
                    <a:lnTo>
                      <a:pt x="4230" y="5983"/>
                    </a:lnTo>
                    <a:lnTo>
                      <a:pt x="4146" y="6050"/>
                    </a:lnTo>
                    <a:lnTo>
                      <a:pt x="4120" y="6064"/>
                    </a:lnTo>
                    <a:lnTo>
                      <a:pt x="4037" y="6102"/>
                    </a:lnTo>
                    <a:lnTo>
                      <a:pt x="2104" y="6111"/>
                    </a:lnTo>
                    <a:lnTo>
                      <a:pt x="170" y="6119"/>
                    </a:lnTo>
                    <a:lnTo>
                      <a:pt x="150" y="6197"/>
                    </a:lnTo>
                    <a:lnTo>
                      <a:pt x="137" y="6253"/>
                    </a:lnTo>
                    <a:lnTo>
                      <a:pt x="109" y="6398"/>
                    </a:lnTo>
                    <a:lnTo>
                      <a:pt x="67" y="6658"/>
                    </a:lnTo>
                    <a:lnTo>
                      <a:pt x="21" y="7013"/>
                    </a:lnTo>
                    <a:lnTo>
                      <a:pt x="3" y="7210"/>
                    </a:lnTo>
                    <a:lnTo>
                      <a:pt x="3" y="7284"/>
                    </a:lnTo>
                    <a:lnTo>
                      <a:pt x="7" y="7296"/>
                    </a:lnTo>
                    <a:lnTo>
                      <a:pt x="71" y="7299"/>
                    </a:lnTo>
                    <a:lnTo>
                      <a:pt x="758" y="7304"/>
                    </a:lnTo>
                    <a:lnTo>
                      <a:pt x="2802" y="7308"/>
                    </a:lnTo>
                    <a:lnTo>
                      <a:pt x="4844" y="7307"/>
                    </a:lnTo>
                    <a:lnTo>
                      <a:pt x="7580" y="7304"/>
                    </a:lnTo>
                    <a:lnTo>
                      <a:pt x="9297" y="7295"/>
                    </a:lnTo>
                    <a:lnTo>
                      <a:pt x="9600" y="7288"/>
                    </a:lnTo>
                    <a:lnTo>
                      <a:pt x="9674" y="7281"/>
                    </a:lnTo>
                    <a:lnTo>
                      <a:pt x="9680" y="7277"/>
                    </a:lnTo>
                    <a:lnTo>
                      <a:pt x="9702" y="7232"/>
                    </a:lnTo>
                    <a:lnTo>
                      <a:pt x="9747" y="7136"/>
                    </a:lnTo>
                    <a:lnTo>
                      <a:pt x="9777" y="7072"/>
                    </a:lnTo>
                    <a:lnTo>
                      <a:pt x="9845" y="6952"/>
                    </a:lnTo>
                    <a:lnTo>
                      <a:pt x="9921" y="6839"/>
                    </a:lnTo>
                    <a:lnTo>
                      <a:pt x="10005" y="6734"/>
                    </a:lnTo>
                    <a:lnTo>
                      <a:pt x="10098" y="6636"/>
                    </a:lnTo>
                    <a:lnTo>
                      <a:pt x="10199" y="6547"/>
                    </a:lnTo>
                    <a:lnTo>
                      <a:pt x="10309" y="6466"/>
                    </a:lnTo>
                    <a:lnTo>
                      <a:pt x="10427" y="6394"/>
                    </a:lnTo>
                    <a:lnTo>
                      <a:pt x="10489" y="6361"/>
                    </a:lnTo>
                    <a:lnTo>
                      <a:pt x="10535" y="6337"/>
                    </a:lnTo>
                    <a:lnTo>
                      <a:pt x="10607" y="6303"/>
                    </a:lnTo>
                    <a:lnTo>
                      <a:pt x="10713" y="6266"/>
                    </a:lnTo>
                    <a:lnTo>
                      <a:pt x="10820" y="6237"/>
                    </a:lnTo>
                    <a:lnTo>
                      <a:pt x="10879" y="6223"/>
                    </a:lnTo>
                    <a:lnTo>
                      <a:pt x="10999" y="6201"/>
                    </a:lnTo>
                    <a:lnTo>
                      <a:pt x="11123" y="6188"/>
                    </a:lnTo>
                    <a:lnTo>
                      <a:pt x="11250" y="6185"/>
                    </a:lnTo>
                    <a:lnTo>
                      <a:pt x="11378" y="6192"/>
                    </a:lnTo>
                    <a:lnTo>
                      <a:pt x="11507" y="6207"/>
                    </a:lnTo>
                    <a:lnTo>
                      <a:pt x="11634" y="6232"/>
                    </a:lnTo>
                    <a:lnTo>
                      <a:pt x="11759" y="6265"/>
                    </a:lnTo>
                    <a:lnTo>
                      <a:pt x="11820" y="6286"/>
                    </a:lnTo>
                    <a:lnTo>
                      <a:pt x="11864" y="6302"/>
                    </a:lnTo>
                    <a:lnTo>
                      <a:pt x="11967" y="6348"/>
                    </a:lnTo>
                    <a:lnTo>
                      <a:pt x="12076" y="6402"/>
                    </a:lnTo>
                    <a:lnTo>
                      <a:pt x="12174" y="6458"/>
                    </a:lnTo>
                    <a:lnTo>
                      <a:pt x="12212" y="6482"/>
                    </a:lnTo>
                    <a:lnTo>
                      <a:pt x="12251" y="6510"/>
                    </a:lnTo>
                    <a:lnTo>
                      <a:pt x="12330" y="6575"/>
                    </a:lnTo>
                    <a:lnTo>
                      <a:pt x="12409" y="6649"/>
                    </a:lnTo>
                    <a:lnTo>
                      <a:pt x="12486" y="6730"/>
                    </a:lnTo>
                    <a:lnTo>
                      <a:pt x="12559" y="6816"/>
                    </a:lnTo>
                    <a:lnTo>
                      <a:pt x="12625" y="6903"/>
                    </a:lnTo>
                    <a:lnTo>
                      <a:pt x="12684" y="6992"/>
                    </a:lnTo>
                    <a:lnTo>
                      <a:pt x="12732" y="7078"/>
                    </a:lnTo>
                    <a:lnTo>
                      <a:pt x="12752" y="7119"/>
                    </a:lnTo>
                    <a:lnTo>
                      <a:pt x="12792" y="7211"/>
                    </a:lnTo>
                    <a:lnTo>
                      <a:pt x="12838" y="7339"/>
                    </a:lnTo>
                    <a:lnTo>
                      <a:pt x="12861" y="7422"/>
                    </a:lnTo>
                    <a:lnTo>
                      <a:pt x="12879" y="7507"/>
                    </a:lnTo>
                    <a:lnTo>
                      <a:pt x="12892" y="7595"/>
                    </a:lnTo>
                    <a:lnTo>
                      <a:pt x="12902" y="7737"/>
                    </a:lnTo>
                    <a:lnTo>
                      <a:pt x="12904" y="7844"/>
                    </a:lnTo>
                    <a:lnTo>
                      <a:pt x="12903" y="7914"/>
                    </a:lnTo>
                    <a:lnTo>
                      <a:pt x="12896" y="8046"/>
                    </a:lnTo>
                    <a:lnTo>
                      <a:pt x="12880" y="8169"/>
                    </a:lnTo>
                    <a:lnTo>
                      <a:pt x="12857" y="8286"/>
                    </a:lnTo>
                    <a:lnTo>
                      <a:pt x="12824" y="8398"/>
                    </a:lnTo>
                    <a:lnTo>
                      <a:pt x="12782" y="8507"/>
                    </a:lnTo>
                    <a:lnTo>
                      <a:pt x="12730" y="8615"/>
                    </a:lnTo>
                    <a:lnTo>
                      <a:pt x="12668" y="8723"/>
                    </a:lnTo>
                    <a:lnTo>
                      <a:pt x="12632" y="8777"/>
                    </a:lnTo>
                    <a:lnTo>
                      <a:pt x="12588" y="8841"/>
                    </a:lnTo>
                    <a:lnTo>
                      <a:pt x="12491" y="8960"/>
                    </a:lnTo>
                    <a:lnTo>
                      <a:pt x="12384" y="9067"/>
                    </a:lnTo>
                    <a:lnTo>
                      <a:pt x="12267" y="9164"/>
                    </a:lnTo>
                    <a:lnTo>
                      <a:pt x="12140" y="9250"/>
                    </a:lnTo>
                    <a:lnTo>
                      <a:pt x="12004" y="9324"/>
                    </a:lnTo>
                    <a:lnTo>
                      <a:pt x="11858" y="9387"/>
                    </a:lnTo>
                    <a:lnTo>
                      <a:pt x="11702" y="9439"/>
                    </a:lnTo>
                    <a:lnTo>
                      <a:pt x="11620" y="9461"/>
                    </a:lnTo>
                    <a:lnTo>
                      <a:pt x="11584" y="9469"/>
                    </a:lnTo>
                    <a:lnTo>
                      <a:pt x="11502" y="9482"/>
                    </a:lnTo>
                    <a:lnTo>
                      <a:pt x="11361" y="9495"/>
                    </a:lnTo>
                    <a:lnTo>
                      <a:pt x="11161" y="9498"/>
                    </a:lnTo>
                    <a:lnTo>
                      <a:pt x="11020" y="9489"/>
                    </a:lnTo>
                    <a:lnTo>
                      <a:pt x="10937" y="9478"/>
                    </a:lnTo>
                    <a:lnTo>
                      <a:pt x="10900" y="9471"/>
                    </a:lnTo>
                    <a:lnTo>
                      <a:pt x="10851" y="9460"/>
                    </a:lnTo>
                    <a:lnTo>
                      <a:pt x="10756" y="9433"/>
                    </a:lnTo>
                    <a:lnTo>
                      <a:pt x="10662" y="9402"/>
                    </a:lnTo>
                    <a:lnTo>
                      <a:pt x="10572" y="9365"/>
                    </a:lnTo>
                    <a:lnTo>
                      <a:pt x="10484" y="9324"/>
                    </a:lnTo>
                    <a:lnTo>
                      <a:pt x="10399" y="9277"/>
                    </a:lnTo>
                    <a:lnTo>
                      <a:pt x="10317" y="9226"/>
                    </a:lnTo>
                    <a:lnTo>
                      <a:pt x="10239" y="9170"/>
                    </a:lnTo>
                    <a:lnTo>
                      <a:pt x="10164" y="9110"/>
                    </a:lnTo>
                    <a:lnTo>
                      <a:pt x="10093" y="9046"/>
                    </a:lnTo>
                    <a:lnTo>
                      <a:pt x="10026" y="8978"/>
                    </a:lnTo>
                    <a:lnTo>
                      <a:pt x="9963" y="8906"/>
                    </a:lnTo>
                    <a:lnTo>
                      <a:pt x="9905" y="8830"/>
                    </a:lnTo>
                    <a:lnTo>
                      <a:pt x="9851" y="8750"/>
                    </a:lnTo>
                    <a:lnTo>
                      <a:pt x="9802" y="8667"/>
                    </a:lnTo>
                    <a:lnTo>
                      <a:pt x="9757" y="8580"/>
                    </a:lnTo>
                    <a:lnTo>
                      <a:pt x="9737" y="8536"/>
                    </a:lnTo>
                    <a:lnTo>
                      <a:pt x="9695" y="8440"/>
                    </a:lnTo>
                    <a:lnTo>
                      <a:pt x="9674" y="8397"/>
                    </a:lnTo>
                    <a:lnTo>
                      <a:pt x="9653" y="8395"/>
                    </a:lnTo>
                    <a:lnTo>
                      <a:pt x="9438" y="8390"/>
                    </a:lnTo>
                    <a:lnTo>
                      <a:pt x="8799" y="8385"/>
                    </a:lnTo>
                    <a:lnTo>
                      <a:pt x="6648" y="8377"/>
                    </a:lnTo>
                    <a:lnTo>
                      <a:pt x="3028" y="8376"/>
                    </a:lnTo>
                    <a:lnTo>
                      <a:pt x="877" y="8383"/>
                    </a:lnTo>
                    <a:lnTo>
                      <a:pt x="238" y="8388"/>
                    </a:lnTo>
                    <a:lnTo>
                      <a:pt x="24" y="8393"/>
                    </a:lnTo>
                    <a:lnTo>
                      <a:pt x="4" y="8396"/>
                    </a:lnTo>
                    <a:lnTo>
                      <a:pt x="0" y="8409"/>
                    </a:lnTo>
                    <a:lnTo>
                      <a:pt x="3" y="8487"/>
                    </a:lnTo>
                    <a:lnTo>
                      <a:pt x="23" y="8687"/>
                    </a:lnTo>
                    <a:lnTo>
                      <a:pt x="70" y="9043"/>
                    </a:lnTo>
                    <a:lnTo>
                      <a:pt x="126" y="9378"/>
                    </a:lnTo>
                    <a:lnTo>
                      <a:pt x="150" y="9491"/>
                    </a:lnTo>
                    <a:lnTo>
                      <a:pt x="170" y="9569"/>
                    </a:lnTo>
                    <a:lnTo>
                      <a:pt x="2104" y="9577"/>
                    </a:lnTo>
                    <a:lnTo>
                      <a:pt x="4037" y="9586"/>
                    </a:lnTo>
                    <a:lnTo>
                      <a:pt x="4120" y="9626"/>
                    </a:lnTo>
                    <a:lnTo>
                      <a:pt x="4147" y="9640"/>
                    </a:lnTo>
                    <a:lnTo>
                      <a:pt x="4234" y="9710"/>
                    </a:lnTo>
                    <a:lnTo>
                      <a:pt x="4376" y="9842"/>
                    </a:lnTo>
                    <a:lnTo>
                      <a:pt x="4588" y="10049"/>
                    </a:lnTo>
                    <a:lnTo>
                      <a:pt x="4729" y="10189"/>
                    </a:lnTo>
                    <a:lnTo>
                      <a:pt x="5255" y="10711"/>
                    </a:lnTo>
                    <a:lnTo>
                      <a:pt x="5762" y="10707"/>
                    </a:lnTo>
                    <a:lnTo>
                      <a:pt x="6269" y="10702"/>
                    </a:lnTo>
                    <a:lnTo>
                      <a:pt x="6290" y="10661"/>
                    </a:lnTo>
                    <a:lnTo>
                      <a:pt x="6320" y="10600"/>
                    </a:lnTo>
                    <a:lnTo>
                      <a:pt x="6372" y="10494"/>
                    </a:lnTo>
                    <a:lnTo>
                      <a:pt x="6394" y="10450"/>
                    </a:lnTo>
                    <a:lnTo>
                      <a:pt x="6441" y="10365"/>
                    </a:lnTo>
                    <a:lnTo>
                      <a:pt x="6492" y="10285"/>
                    </a:lnTo>
                    <a:lnTo>
                      <a:pt x="6547" y="10208"/>
                    </a:lnTo>
                    <a:lnTo>
                      <a:pt x="6606" y="10135"/>
                    </a:lnTo>
                    <a:lnTo>
                      <a:pt x="6668" y="10067"/>
                    </a:lnTo>
                    <a:lnTo>
                      <a:pt x="6734" y="10003"/>
                    </a:lnTo>
                    <a:lnTo>
                      <a:pt x="6803" y="9943"/>
                    </a:lnTo>
                    <a:lnTo>
                      <a:pt x="6876" y="9887"/>
                    </a:lnTo>
                    <a:lnTo>
                      <a:pt x="6952" y="9836"/>
                    </a:lnTo>
                    <a:lnTo>
                      <a:pt x="7032" y="9789"/>
                    </a:lnTo>
                    <a:lnTo>
                      <a:pt x="7115" y="9746"/>
                    </a:lnTo>
                    <a:lnTo>
                      <a:pt x="7201" y="9708"/>
                    </a:lnTo>
                    <a:lnTo>
                      <a:pt x="7291" y="9674"/>
                    </a:lnTo>
                    <a:lnTo>
                      <a:pt x="7383" y="9644"/>
                    </a:lnTo>
                    <a:lnTo>
                      <a:pt x="7479" y="9620"/>
                    </a:lnTo>
                    <a:lnTo>
                      <a:pt x="7529" y="9609"/>
                    </a:lnTo>
                    <a:lnTo>
                      <a:pt x="7563" y="9602"/>
                    </a:lnTo>
                    <a:lnTo>
                      <a:pt x="7643" y="9593"/>
                    </a:lnTo>
                    <a:lnTo>
                      <a:pt x="7782" y="9586"/>
                    </a:lnTo>
                    <a:lnTo>
                      <a:pt x="7981" y="9591"/>
                    </a:lnTo>
                    <a:lnTo>
                      <a:pt x="8120" y="9606"/>
                    </a:lnTo>
                    <a:lnTo>
                      <a:pt x="8202" y="9619"/>
                    </a:lnTo>
                    <a:lnTo>
                      <a:pt x="8237" y="9627"/>
                    </a:lnTo>
                    <a:lnTo>
                      <a:pt x="8290" y="9641"/>
                    </a:lnTo>
                    <a:lnTo>
                      <a:pt x="8392" y="9673"/>
                    </a:lnTo>
                    <a:lnTo>
                      <a:pt x="8490" y="9709"/>
                    </a:lnTo>
                    <a:lnTo>
                      <a:pt x="8585" y="9750"/>
                    </a:lnTo>
                    <a:lnTo>
                      <a:pt x="8676" y="9796"/>
                    </a:lnTo>
                    <a:lnTo>
                      <a:pt x="8763" y="9847"/>
                    </a:lnTo>
                    <a:lnTo>
                      <a:pt x="8845" y="9902"/>
                    </a:lnTo>
                    <a:lnTo>
                      <a:pt x="8924" y="9962"/>
                    </a:lnTo>
                    <a:lnTo>
                      <a:pt x="8998" y="10027"/>
                    </a:lnTo>
                    <a:lnTo>
                      <a:pt x="9068" y="10096"/>
                    </a:lnTo>
                    <a:lnTo>
                      <a:pt x="9134" y="10169"/>
                    </a:lnTo>
                    <a:lnTo>
                      <a:pt x="9195" y="10247"/>
                    </a:lnTo>
                    <a:lnTo>
                      <a:pt x="9251" y="10328"/>
                    </a:lnTo>
                    <a:lnTo>
                      <a:pt x="9303" y="10414"/>
                    </a:lnTo>
                    <a:lnTo>
                      <a:pt x="9350" y="10504"/>
                    </a:lnTo>
                    <a:lnTo>
                      <a:pt x="9393" y="10599"/>
                    </a:lnTo>
                    <a:lnTo>
                      <a:pt x="9412" y="10647"/>
                    </a:lnTo>
                    <a:lnTo>
                      <a:pt x="9428" y="10693"/>
                    </a:lnTo>
                    <a:lnTo>
                      <a:pt x="9457" y="10791"/>
                    </a:lnTo>
                    <a:lnTo>
                      <a:pt x="9482" y="10899"/>
                    </a:lnTo>
                    <a:lnTo>
                      <a:pt x="9502" y="11021"/>
                    </a:lnTo>
                    <a:lnTo>
                      <a:pt x="9510" y="11089"/>
                    </a:lnTo>
                    <a:lnTo>
                      <a:pt x="9517" y="11155"/>
                    </a:lnTo>
                    <a:lnTo>
                      <a:pt x="9519" y="11290"/>
                    </a:lnTo>
                    <a:lnTo>
                      <a:pt x="9509" y="11429"/>
                    </a:lnTo>
                    <a:lnTo>
                      <a:pt x="9487" y="11569"/>
                    </a:lnTo>
                    <a:lnTo>
                      <a:pt x="9452" y="11707"/>
                    </a:lnTo>
                    <a:lnTo>
                      <a:pt x="9407" y="11843"/>
                    </a:lnTo>
                    <a:lnTo>
                      <a:pt x="9351" y="11974"/>
                    </a:lnTo>
                    <a:lnTo>
                      <a:pt x="9284" y="12099"/>
                    </a:lnTo>
                    <a:lnTo>
                      <a:pt x="9247" y="12157"/>
                    </a:lnTo>
                    <a:lnTo>
                      <a:pt x="9217" y="12201"/>
                    </a:lnTo>
                    <a:lnTo>
                      <a:pt x="9154" y="12284"/>
                    </a:lnTo>
                    <a:lnTo>
                      <a:pt x="9087" y="12362"/>
                    </a:lnTo>
                    <a:lnTo>
                      <a:pt x="9015" y="12435"/>
                    </a:lnTo>
                    <a:lnTo>
                      <a:pt x="8940" y="12504"/>
                    </a:lnTo>
                    <a:lnTo>
                      <a:pt x="8860" y="12567"/>
                    </a:lnTo>
                    <a:lnTo>
                      <a:pt x="8777" y="12625"/>
                    </a:lnTo>
                    <a:lnTo>
                      <a:pt x="8690" y="12677"/>
                    </a:lnTo>
                    <a:lnTo>
                      <a:pt x="8600" y="12724"/>
                    </a:lnTo>
                    <a:lnTo>
                      <a:pt x="8507" y="12766"/>
                    </a:lnTo>
                    <a:lnTo>
                      <a:pt x="8410" y="12802"/>
                    </a:lnTo>
                    <a:lnTo>
                      <a:pt x="8312" y="12832"/>
                    </a:lnTo>
                    <a:lnTo>
                      <a:pt x="8210" y="12856"/>
                    </a:lnTo>
                    <a:lnTo>
                      <a:pt x="8106" y="12875"/>
                    </a:lnTo>
                    <a:lnTo>
                      <a:pt x="8000" y="12887"/>
                    </a:lnTo>
                    <a:lnTo>
                      <a:pt x="7892" y="12893"/>
                    </a:lnTo>
                    <a:lnTo>
                      <a:pt x="7837" y="12894"/>
                    </a:lnTo>
                    <a:lnTo>
                      <a:pt x="7776" y="12893"/>
                    </a:lnTo>
                    <a:lnTo>
                      <a:pt x="7657" y="12886"/>
                    </a:lnTo>
                    <a:lnTo>
                      <a:pt x="7541" y="12870"/>
                    </a:lnTo>
                    <a:lnTo>
                      <a:pt x="7428" y="12847"/>
                    </a:lnTo>
                    <a:lnTo>
                      <a:pt x="7318" y="12816"/>
                    </a:lnTo>
                    <a:lnTo>
                      <a:pt x="7212" y="12779"/>
                    </a:lnTo>
                    <a:lnTo>
                      <a:pt x="7110" y="12734"/>
                    </a:lnTo>
                    <a:lnTo>
                      <a:pt x="7011" y="12682"/>
                    </a:lnTo>
                    <a:lnTo>
                      <a:pt x="6917" y="12623"/>
                    </a:lnTo>
                    <a:lnTo>
                      <a:pt x="6827" y="12557"/>
                    </a:lnTo>
                    <a:lnTo>
                      <a:pt x="6742" y="12485"/>
                    </a:lnTo>
                    <a:lnTo>
                      <a:pt x="6662" y="12406"/>
                    </a:lnTo>
                    <a:lnTo>
                      <a:pt x="6586" y="12321"/>
                    </a:lnTo>
                    <a:lnTo>
                      <a:pt x="6516" y="12229"/>
                    </a:lnTo>
                    <a:lnTo>
                      <a:pt x="6451" y="12132"/>
                    </a:lnTo>
                    <a:lnTo>
                      <a:pt x="6392" y="12028"/>
                    </a:lnTo>
                    <a:lnTo>
                      <a:pt x="6365" y="11974"/>
                    </a:lnTo>
                    <a:lnTo>
                      <a:pt x="6270" y="11779"/>
                    </a:lnTo>
                    <a:lnTo>
                      <a:pt x="5614" y="11777"/>
                    </a:lnTo>
                    <a:lnTo>
                      <a:pt x="5302" y="11777"/>
                    </a:lnTo>
                    <a:lnTo>
                      <a:pt x="5017" y="11770"/>
                    </a:lnTo>
                    <a:lnTo>
                      <a:pt x="4912" y="11762"/>
                    </a:lnTo>
                    <a:lnTo>
                      <a:pt x="4889" y="11757"/>
                    </a:lnTo>
                    <a:lnTo>
                      <a:pt x="4865" y="11750"/>
                    </a:lnTo>
                    <a:lnTo>
                      <a:pt x="4817" y="11729"/>
                    </a:lnTo>
                    <a:lnTo>
                      <a:pt x="4764" y="11697"/>
                    </a:lnTo>
                    <a:lnTo>
                      <a:pt x="4700" y="11650"/>
                    </a:lnTo>
                    <a:lnTo>
                      <a:pt x="4579" y="11544"/>
                    </a:lnTo>
                    <a:lnTo>
                      <a:pt x="4335" y="11309"/>
                    </a:lnTo>
                    <a:lnTo>
                      <a:pt x="4162" y="11136"/>
                    </a:lnTo>
                    <a:lnTo>
                      <a:pt x="3670" y="10644"/>
                    </a:lnTo>
                    <a:lnTo>
                      <a:pt x="2084" y="10644"/>
                    </a:lnTo>
                    <a:lnTo>
                      <a:pt x="1199" y="10644"/>
                    </a:lnTo>
                    <a:lnTo>
                      <a:pt x="627" y="10651"/>
                    </a:lnTo>
                    <a:lnTo>
                      <a:pt x="523" y="10658"/>
                    </a:lnTo>
                    <a:lnTo>
                      <a:pt x="497" y="10664"/>
                    </a:lnTo>
                    <a:lnTo>
                      <a:pt x="495" y="10667"/>
                    </a:lnTo>
                    <a:lnTo>
                      <a:pt x="496" y="10678"/>
                    </a:lnTo>
                    <a:lnTo>
                      <a:pt x="506" y="10697"/>
                    </a:lnTo>
                    <a:lnTo>
                      <a:pt x="512" y="10702"/>
                    </a:lnTo>
                    <a:lnTo>
                      <a:pt x="518" y="10708"/>
                    </a:lnTo>
                    <a:lnTo>
                      <a:pt x="528" y="10726"/>
                    </a:lnTo>
                    <a:lnTo>
                      <a:pt x="529" y="10736"/>
                    </a:lnTo>
                    <a:lnTo>
                      <a:pt x="531" y="10750"/>
                    </a:lnTo>
                    <a:lnTo>
                      <a:pt x="553" y="10811"/>
                    </a:lnTo>
                    <a:lnTo>
                      <a:pt x="569" y="10847"/>
                    </a:lnTo>
                    <a:lnTo>
                      <a:pt x="611" y="10944"/>
                    </a:lnTo>
                    <a:lnTo>
                      <a:pt x="662" y="11061"/>
                    </a:lnTo>
                    <a:lnTo>
                      <a:pt x="691" y="11126"/>
                    </a:lnTo>
                    <a:lnTo>
                      <a:pt x="759" y="11270"/>
                    </a:lnTo>
                    <a:lnTo>
                      <a:pt x="878" y="11503"/>
                    </a:lnTo>
                    <a:lnTo>
                      <a:pt x="1061" y="11830"/>
                    </a:lnTo>
                    <a:lnTo>
                      <a:pt x="1251" y="12141"/>
                    </a:lnTo>
                    <a:lnTo>
                      <a:pt x="1342" y="12277"/>
                    </a:lnTo>
                    <a:lnTo>
                      <a:pt x="1450" y="12433"/>
                    </a:lnTo>
                    <a:lnTo>
                      <a:pt x="1657" y="12710"/>
                    </a:lnTo>
                    <a:lnTo>
                      <a:pt x="1874" y="12970"/>
                    </a:lnTo>
                    <a:lnTo>
                      <a:pt x="2125" y="13243"/>
                    </a:lnTo>
                    <a:lnTo>
                      <a:pt x="2274" y="13396"/>
                    </a:lnTo>
                    <a:lnTo>
                      <a:pt x="2595" y="13721"/>
                    </a:lnTo>
                    <a:lnTo>
                      <a:pt x="2137" y="15551"/>
                    </a:lnTo>
                    <a:lnTo>
                      <a:pt x="1903" y="16490"/>
                    </a:lnTo>
                    <a:lnTo>
                      <a:pt x="1728" y="17221"/>
                    </a:lnTo>
                    <a:lnTo>
                      <a:pt x="1690" y="17401"/>
                    </a:lnTo>
                    <a:lnTo>
                      <a:pt x="1679" y="17468"/>
                    </a:lnTo>
                    <a:lnTo>
                      <a:pt x="1679" y="17486"/>
                    </a:lnTo>
                    <a:lnTo>
                      <a:pt x="1679" y="17515"/>
                    </a:lnTo>
                    <a:lnTo>
                      <a:pt x="1684" y="17565"/>
                    </a:lnTo>
                    <a:lnTo>
                      <a:pt x="1695" y="17611"/>
                    </a:lnTo>
                    <a:lnTo>
                      <a:pt x="1715" y="17661"/>
                    </a:lnTo>
                    <a:lnTo>
                      <a:pt x="1729" y="17691"/>
                    </a:lnTo>
                    <a:lnTo>
                      <a:pt x="1752" y="17735"/>
                    </a:lnTo>
                    <a:lnTo>
                      <a:pt x="1806" y="17809"/>
                    </a:lnTo>
                    <a:lnTo>
                      <a:pt x="1873" y="17871"/>
                    </a:lnTo>
                    <a:lnTo>
                      <a:pt x="1956" y="17923"/>
                    </a:lnTo>
                    <a:lnTo>
                      <a:pt x="2007" y="17947"/>
                    </a:lnTo>
                    <a:lnTo>
                      <a:pt x="2112" y="17994"/>
                    </a:lnTo>
                    <a:lnTo>
                      <a:pt x="5864" y="17994"/>
                    </a:lnTo>
                    <a:lnTo>
                      <a:pt x="9617" y="17994"/>
                    </a:lnTo>
                    <a:lnTo>
                      <a:pt x="9715" y="17959"/>
                    </a:lnTo>
                    <a:lnTo>
                      <a:pt x="9756" y="17942"/>
                    </a:lnTo>
                    <a:lnTo>
                      <a:pt x="9837" y="17895"/>
                    </a:lnTo>
                    <a:lnTo>
                      <a:pt x="9912" y="17834"/>
                    </a:lnTo>
                    <a:lnTo>
                      <a:pt x="9975" y="17766"/>
                    </a:lnTo>
                    <a:lnTo>
                      <a:pt x="9999" y="17731"/>
                    </a:lnTo>
                    <a:lnTo>
                      <a:pt x="10010" y="17706"/>
                    </a:lnTo>
                    <a:lnTo>
                      <a:pt x="10053" y="17567"/>
                    </a:lnTo>
                    <a:lnTo>
                      <a:pt x="10161" y="17167"/>
                    </a:lnTo>
                    <a:lnTo>
                      <a:pt x="10270" y="16736"/>
                    </a:lnTo>
                    <a:lnTo>
                      <a:pt x="10505" y="15802"/>
                    </a:lnTo>
                    <a:lnTo>
                      <a:pt x="10604" y="15806"/>
                    </a:lnTo>
                    <a:lnTo>
                      <a:pt x="10651" y="15808"/>
                    </a:lnTo>
                    <a:lnTo>
                      <a:pt x="10773" y="15820"/>
                    </a:lnTo>
                    <a:lnTo>
                      <a:pt x="10829" y="15827"/>
                    </a:lnTo>
                    <a:lnTo>
                      <a:pt x="11190" y="15881"/>
                    </a:lnTo>
                    <a:lnTo>
                      <a:pt x="11704" y="15954"/>
                    </a:lnTo>
                    <a:lnTo>
                      <a:pt x="12013" y="15997"/>
                    </a:lnTo>
                    <a:lnTo>
                      <a:pt x="12345" y="16044"/>
                    </a:lnTo>
                    <a:lnTo>
                      <a:pt x="12639" y="16087"/>
                    </a:lnTo>
                    <a:lnTo>
                      <a:pt x="12812" y="16111"/>
                    </a:lnTo>
                    <a:lnTo>
                      <a:pt x="12931" y="16128"/>
                    </a:lnTo>
                    <a:lnTo>
                      <a:pt x="13037" y="16144"/>
                    </a:lnTo>
                    <a:lnTo>
                      <a:pt x="13130" y="16157"/>
                    </a:lnTo>
                    <a:lnTo>
                      <a:pt x="13204" y="16169"/>
                    </a:lnTo>
                    <a:lnTo>
                      <a:pt x="13335" y="16187"/>
                    </a:lnTo>
                    <a:lnTo>
                      <a:pt x="13620" y="16229"/>
                    </a:lnTo>
                    <a:lnTo>
                      <a:pt x="13766" y="16250"/>
                    </a:lnTo>
                    <a:lnTo>
                      <a:pt x="14011" y="16278"/>
                    </a:lnTo>
                    <a:lnTo>
                      <a:pt x="14072" y="16281"/>
                    </a:lnTo>
                    <a:lnTo>
                      <a:pt x="14109" y="16280"/>
                    </a:lnTo>
                    <a:lnTo>
                      <a:pt x="14182" y="16271"/>
                    </a:lnTo>
                    <a:lnTo>
                      <a:pt x="14253" y="16251"/>
                    </a:lnTo>
                    <a:lnTo>
                      <a:pt x="14320" y="16223"/>
                    </a:lnTo>
                    <a:lnTo>
                      <a:pt x="14383" y="16186"/>
                    </a:lnTo>
                    <a:lnTo>
                      <a:pt x="14439" y="16141"/>
                    </a:lnTo>
                    <a:lnTo>
                      <a:pt x="14487" y="16090"/>
                    </a:lnTo>
                    <a:lnTo>
                      <a:pt x="14526" y="16032"/>
                    </a:lnTo>
                    <a:lnTo>
                      <a:pt x="14542" y="16001"/>
                    </a:lnTo>
                    <a:lnTo>
                      <a:pt x="14557" y="15954"/>
                    </a:lnTo>
                    <a:lnTo>
                      <a:pt x="14653" y="15595"/>
                    </a:lnTo>
                    <a:lnTo>
                      <a:pt x="14901" y="14626"/>
                    </a:lnTo>
                    <a:lnTo>
                      <a:pt x="15120" y="13756"/>
                    </a:lnTo>
                    <a:lnTo>
                      <a:pt x="15337" y="12888"/>
                    </a:lnTo>
                    <a:lnTo>
                      <a:pt x="15580" y="11939"/>
                    </a:lnTo>
                    <a:lnTo>
                      <a:pt x="15670" y="11600"/>
                    </a:lnTo>
                    <a:lnTo>
                      <a:pt x="15682" y="11564"/>
                    </a:lnTo>
                    <a:lnTo>
                      <a:pt x="15734" y="11525"/>
                    </a:lnTo>
                    <a:lnTo>
                      <a:pt x="16162" y="11234"/>
                    </a:lnTo>
                    <a:lnTo>
                      <a:pt x="16470" y="11027"/>
                    </a:lnTo>
                    <a:lnTo>
                      <a:pt x="16789" y="10814"/>
                    </a:lnTo>
                    <a:lnTo>
                      <a:pt x="17140" y="10570"/>
                    </a:lnTo>
                    <a:lnTo>
                      <a:pt x="17274" y="10470"/>
                    </a:lnTo>
                    <a:lnTo>
                      <a:pt x="17297" y="10449"/>
                    </a:lnTo>
                    <a:lnTo>
                      <a:pt x="17325" y="10416"/>
                    </a:lnTo>
                    <a:lnTo>
                      <a:pt x="17369" y="10344"/>
                    </a:lnTo>
                    <a:lnTo>
                      <a:pt x="17401" y="10265"/>
                    </a:lnTo>
                    <a:lnTo>
                      <a:pt x="17420" y="10182"/>
                    </a:lnTo>
                    <a:lnTo>
                      <a:pt x="17426" y="10097"/>
                    </a:lnTo>
                    <a:lnTo>
                      <a:pt x="17419" y="10013"/>
                    </a:lnTo>
                    <a:lnTo>
                      <a:pt x="17398" y="9932"/>
                    </a:lnTo>
                    <a:lnTo>
                      <a:pt x="17363" y="9856"/>
                    </a:lnTo>
                    <a:lnTo>
                      <a:pt x="17340" y="9821"/>
                    </a:lnTo>
                    <a:lnTo>
                      <a:pt x="17135" y="9544"/>
                    </a:lnTo>
                    <a:lnTo>
                      <a:pt x="16519" y="8719"/>
                    </a:lnTo>
                    <a:lnTo>
                      <a:pt x="15732" y="7669"/>
                    </a:lnTo>
                    <a:lnTo>
                      <a:pt x="15722" y="7511"/>
                    </a:lnTo>
                    <a:lnTo>
                      <a:pt x="15705" y="7285"/>
                    </a:lnTo>
                    <a:lnTo>
                      <a:pt x="15662" y="6864"/>
                    </a:lnTo>
                    <a:lnTo>
                      <a:pt x="15602" y="6463"/>
                    </a:lnTo>
                    <a:lnTo>
                      <a:pt x="15525" y="6065"/>
                    </a:lnTo>
                    <a:lnTo>
                      <a:pt x="15477" y="5861"/>
                    </a:lnTo>
                    <a:lnTo>
                      <a:pt x="15457" y="5781"/>
                    </a:lnTo>
                    <a:lnTo>
                      <a:pt x="15391" y="5552"/>
                    </a:lnTo>
                    <a:lnTo>
                      <a:pt x="15315" y="5303"/>
                    </a:lnTo>
                    <a:lnTo>
                      <a:pt x="15250" y="5105"/>
                    </a:lnTo>
                    <a:lnTo>
                      <a:pt x="15230" y="5052"/>
                    </a:lnTo>
                    <a:lnTo>
                      <a:pt x="15201" y="4982"/>
                    </a:lnTo>
                    <a:lnTo>
                      <a:pt x="15137" y="4819"/>
                    </a:lnTo>
                    <a:lnTo>
                      <a:pt x="15084" y="4688"/>
                    </a:lnTo>
                    <a:lnTo>
                      <a:pt x="14969" y="4429"/>
                    </a:lnTo>
                    <a:lnTo>
                      <a:pt x="14844" y="4174"/>
                    </a:lnTo>
                    <a:lnTo>
                      <a:pt x="14709" y="3924"/>
                    </a:lnTo>
                    <a:lnTo>
                      <a:pt x="14564" y="3679"/>
                    </a:lnTo>
                    <a:lnTo>
                      <a:pt x="14410" y="3440"/>
                    </a:lnTo>
                    <a:lnTo>
                      <a:pt x="14246" y="3206"/>
                    </a:lnTo>
                    <a:lnTo>
                      <a:pt x="14074" y="2979"/>
                    </a:lnTo>
                    <a:lnTo>
                      <a:pt x="13892" y="2757"/>
                    </a:lnTo>
                    <a:lnTo>
                      <a:pt x="13702" y="2543"/>
                    </a:lnTo>
                    <a:lnTo>
                      <a:pt x="13504" y="2335"/>
                    </a:lnTo>
                    <a:lnTo>
                      <a:pt x="13298" y="2135"/>
                    </a:lnTo>
                    <a:lnTo>
                      <a:pt x="13085" y="1943"/>
                    </a:lnTo>
                    <a:lnTo>
                      <a:pt x="12864" y="1759"/>
                    </a:lnTo>
                    <a:lnTo>
                      <a:pt x="12636" y="1583"/>
                    </a:lnTo>
                    <a:lnTo>
                      <a:pt x="12401" y="1415"/>
                    </a:lnTo>
                    <a:lnTo>
                      <a:pt x="12280" y="1336"/>
                    </a:lnTo>
                    <a:lnTo>
                      <a:pt x="12130" y="1240"/>
                    </a:lnTo>
                    <a:lnTo>
                      <a:pt x="11803" y="1046"/>
                    </a:lnTo>
                    <a:lnTo>
                      <a:pt x="11474" y="868"/>
                    </a:lnTo>
                    <a:lnTo>
                      <a:pt x="11249" y="758"/>
                    </a:lnTo>
                    <a:lnTo>
                      <a:pt x="11116" y="699"/>
                    </a:lnTo>
                    <a:lnTo>
                      <a:pt x="11057" y="676"/>
                    </a:lnTo>
                    <a:lnTo>
                      <a:pt x="10980" y="645"/>
                    </a:lnTo>
                    <a:lnTo>
                      <a:pt x="10920" y="619"/>
                    </a:lnTo>
                    <a:lnTo>
                      <a:pt x="10844" y="587"/>
                    </a:lnTo>
                    <a:lnTo>
                      <a:pt x="10628" y="506"/>
                    </a:lnTo>
                    <a:lnTo>
                      <a:pt x="10384" y="421"/>
                    </a:lnTo>
                    <a:lnTo>
                      <a:pt x="10162" y="349"/>
                    </a:lnTo>
                    <a:lnTo>
                      <a:pt x="10079" y="326"/>
                    </a:lnTo>
                    <a:lnTo>
                      <a:pt x="9932" y="286"/>
                    </a:lnTo>
                    <a:lnTo>
                      <a:pt x="9703" y="227"/>
                    </a:lnTo>
                    <a:lnTo>
                      <a:pt x="9637" y="212"/>
                    </a:lnTo>
                    <a:lnTo>
                      <a:pt x="9478" y="179"/>
                    </a:lnTo>
                    <a:lnTo>
                      <a:pt x="9197" y="126"/>
                    </a:lnTo>
                    <a:lnTo>
                      <a:pt x="9020" y="96"/>
                    </a:lnTo>
                    <a:lnTo>
                      <a:pt x="8922" y="81"/>
                    </a:lnTo>
                    <a:lnTo>
                      <a:pt x="8554" y="38"/>
                    </a:lnTo>
                    <a:lnTo>
                      <a:pt x="8362" y="17"/>
                    </a:lnTo>
                    <a:lnTo>
                      <a:pt x="8279" y="11"/>
                    </a:lnTo>
                    <a:lnTo>
                      <a:pt x="7976" y="3"/>
                    </a:lnTo>
                    <a:lnTo>
                      <a:pt x="7630" y="0"/>
                    </a:lnTo>
                    <a:lnTo>
                      <a:pt x="7376" y="4"/>
                    </a:lnTo>
                    <a:lnTo>
                      <a:pt x="7337" y="9"/>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79" name="Freeform 6"/>
              <p:cNvSpPr>
                <a:spLocks/>
              </p:cNvSpPr>
              <p:nvPr/>
            </p:nvSpPr>
            <p:spPr bwMode="auto">
              <a:xfrm>
                <a:off x="3493" y="928"/>
                <a:ext cx="281" cy="283"/>
              </a:xfrm>
              <a:custGeom>
                <a:avLst/>
                <a:gdLst>
                  <a:gd name="T0" fmla="*/ 355 w 1170"/>
                  <a:gd name="T1" fmla="*/ 42 h 1180"/>
                  <a:gd name="T2" fmla="*/ 326 w 1170"/>
                  <a:gd name="T3" fmla="*/ 55 h 1180"/>
                  <a:gd name="T4" fmla="*/ 272 w 1170"/>
                  <a:gd name="T5" fmla="*/ 84 h 1180"/>
                  <a:gd name="T6" fmla="*/ 223 w 1170"/>
                  <a:gd name="T7" fmla="*/ 118 h 1180"/>
                  <a:gd name="T8" fmla="*/ 178 w 1170"/>
                  <a:gd name="T9" fmla="*/ 158 h 1180"/>
                  <a:gd name="T10" fmla="*/ 138 w 1170"/>
                  <a:gd name="T11" fmla="*/ 201 h 1180"/>
                  <a:gd name="T12" fmla="*/ 102 w 1170"/>
                  <a:gd name="T13" fmla="*/ 248 h 1180"/>
                  <a:gd name="T14" fmla="*/ 72 w 1170"/>
                  <a:gd name="T15" fmla="*/ 298 h 1180"/>
                  <a:gd name="T16" fmla="*/ 46 w 1170"/>
                  <a:gd name="T17" fmla="*/ 352 h 1180"/>
                  <a:gd name="T18" fmla="*/ 27 w 1170"/>
                  <a:gd name="T19" fmla="*/ 408 h 1180"/>
                  <a:gd name="T20" fmla="*/ 12 w 1170"/>
                  <a:gd name="T21" fmla="*/ 466 h 1180"/>
                  <a:gd name="T22" fmla="*/ 3 w 1170"/>
                  <a:gd name="T23" fmla="*/ 525 h 1180"/>
                  <a:gd name="T24" fmla="*/ 0 w 1170"/>
                  <a:gd name="T25" fmla="*/ 586 h 1180"/>
                  <a:gd name="T26" fmla="*/ 3 w 1170"/>
                  <a:gd name="T27" fmla="*/ 647 h 1180"/>
                  <a:gd name="T28" fmla="*/ 12 w 1170"/>
                  <a:gd name="T29" fmla="*/ 709 h 1180"/>
                  <a:gd name="T30" fmla="*/ 28 w 1170"/>
                  <a:gd name="T31" fmla="*/ 770 h 1180"/>
                  <a:gd name="T32" fmla="*/ 50 w 1170"/>
                  <a:gd name="T33" fmla="*/ 831 h 1180"/>
                  <a:gd name="T34" fmla="*/ 63 w 1170"/>
                  <a:gd name="T35" fmla="*/ 861 h 1180"/>
                  <a:gd name="T36" fmla="*/ 83 w 1170"/>
                  <a:gd name="T37" fmla="*/ 900 h 1180"/>
                  <a:gd name="T38" fmla="*/ 130 w 1170"/>
                  <a:gd name="T39" fmla="*/ 969 h 1180"/>
                  <a:gd name="T40" fmla="*/ 185 w 1170"/>
                  <a:gd name="T41" fmla="*/ 1029 h 1180"/>
                  <a:gd name="T42" fmla="*/ 247 w 1170"/>
                  <a:gd name="T43" fmla="*/ 1079 h 1180"/>
                  <a:gd name="T44" fmla="*/ 314 w 1170"/>
                  <a:gd name="T45" fmla="*/ 1119 h 1180"/>
                  <a:gd name="T46" fmla="*/ 386 w 1170"/>
                  <a:gd name="T47" fmla="*/ 1149 h 1180"/>
                  <a:gd name="T48" fmla="*/ 461 w 1170"/>
                  <a:gd name="T49" fmla="*/ 1169 h 1180"/>
                  <a:gd name="T50" fmla="*/ 539 w 1170"/>
                  <a:gd name="T51" fmla="*/ 1180 h 1180"/>
                  <a:gd name="T52" fmla="*/ 617 w 1170"/>
                  <a:gd name="T53" fmla="*/ 1180 h 1180"/>
                  <a:gd name="T54" fmla="*/ 695 w 1170"/>
                  <a:gd name="T55" fmla="*/ 1170 h 1180"/>
                  <a:gd name="T56" fmla="*/ 771 w 1170"/>
                  <a:gd name="T57" fmla="*/ 1150 h 1180"/>
                  <a:gd name="T58" fmla="*/ 845 w 1170"/>
                  <a:gd name="T59" fmla="*/ 1121 h 1180"/>
                  <a:gd name="T60" fmla="*/ 915 w 1170"/>
                  <a:gd name="T61" fmla="*/ 1081 h 1180"/>
                  <a:gd name="T62" fmla="*/ 980 w 1170"/>
                  <a:gd name="T63" fmla="*/ 1032 h 1180"/>
                  <a:gd name="T64" fmla="*/ 1039 w 1170"/>
                  <a:gd name="T65" fmla="*/ 972 h 1180"/>
                  <a:gd name="T66" fmla="*/ 1091 w 1170"/>
                  <a:gd name="T67" fmla="*/ 903 h 1180"/>
                  <a:gd name="T68" fmla="*/ 1113 w 1170"/>
                  <a:gd name="T69" fmla="*/ 864 h 1180"/>
                  <a:gd name="T70" fmla="*/ 1132 w 1170"/>
                  <a:gd name="T71" fmla="*/ 829 h 1180"/>
                  <a:gd name="T72" fmla="*/ 1155 w 1170"/>
                  <a:gd name="T73" fmla="*/ 776 h 1180"/>
                  <a:gd name="T74" fmla="*/ 1166 w 1170"/>
                  <a:gd name="T75" fmla="*/ 722 h 1180"/>
                  <a:gd name="T76" fmla="*/ 1170 w 1170"/>
                  <a:gd name="T77" fmla="*/ 647 h 1180"/>
                  <a:gd name="T78" fmla="*/ 1170 w 1170"/>
                  <a:gd name="T79" fmla="*/ 592 h 1180"/>
                  <a:gd name="T80" fmla="*/ 1170 w 1170"/>
                  <a:gd name="T81" fmla="*/ 540 h 1180"/>
                  <a:gd name="T82" fmla="*/ 1166 w 1170"/>
                  <a:gd name="T83" fmla="*/ 465 h 1180"/>
                  <a:gd name="T84" fmla="*/ 1156 w 1170"/>
                  <a:gd name="T85" fmla="*/ 411 h 1180"/>
                  <a:gd name="T86" fmla="*/ 1136 w 1170"/>
                  <a:gd name="T87" fmla="*/ 360 h 1180"/>
                  <a:gd name="T88" fmla="*/ 1120 w 1170"/>
                  <a:gd name="T89" fmla="*/ 329 h 1180"/>
                  <a:gd name="T90" fmla="*/ 1108 w 1170"/>
                  <a:gd name="T91" fmla="*/ 306 h 1180"/>
                  <a:gd name="T92" fmla="*/ 1078 w 1170"/>
                  <a:gd name="T93" fmla="*/ 259 h 1180"/>
                  <a:gd name="T94" fmla="*/ 1044 w 1170"/>
                  <a:gd name="T95" fmla="*/ 215 h 1180"/>
                  <a:gd name="T96" fmla="*/ 1004 w 1170"/>
                  <a:gd name="T97" fmla="*/ 172 h 1180"/>
                  <a:gd name="T98" fmla="*/ 962 w 1170"/>
                  <a:gd name="T99" fmla="*/ 133 h 1180"/>
                  <a:gd name="T100" fmla="*/ 918 w 1170"/>
                  <a:gd name="T101" fmla="*/ 98 h 1180"/>
                  <a:gd name="T102" fmla="*/ 872 w 1170"/>
                  <a:gd name="T103" fmla="*/ 68 h 1180"/>
                  <a:gd name="T104" fmla="*/ 826 w 1170"/>
                  <a:gd name="T105" fmla="*/ 45 h 1180"/>
                  <a:gd name="T106" fmla="*/ 803 w 1170"/>
                  <a:gd name="T107" fmla="*/ 36 h 1180"/>
                  <a:gd name="T108" fmla="*/ 778 w 1170"/>
                  <a:gd name="T109" fmla="*/ 27 h 1180"/>
                  <a:gd name="T110" fmla="*/ 724 w 1170"/>
                  <a:gd name="T111" fmla="*/ 13 h 1180"/>
                  <a:gd name="T112" fmla="*/ 667 w 1170"/>
                  <a:gd name="T113" fmla="*/ 4 h 1180"/>
                  <a:gd name="T114" fmla="*/ 608 w 1170"/>
                  <a:gd name="T115" fmla="*/ 0 h 1180"/>
                  <a:gd name="T116" fmla="*/ 548 w 1170"/>
                  <a:gd name="T117" fmla="*/ 1 h 1180"/>
                  <a:gd name="T118" fmla="*/ 490 w 1170"/>
                  <a:gd name="T119" fmla="*/ 7 h 1180"/>
                  <a:gd name="T120" fmla="*/ 433 w 1170"/>
                  <a:gd name="T121" fmla="*/ 17 h 1180"/>
                  <a:gd name="T122" fmla="*/ 380 w 1170"/>
                  <a:gd name="T123" fmla="*/ 33 h 1180"/>
                  <a:gd name="T124" fmla="*/ 355 w 1170"/>
                  <a:gd name="T125" fmla="*/ 42 h 1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170" h="1180">
                    <a:moveTo>
                      <a:pt x="355" y="42"/>
                    </a:moveTo>
                    <a:lnTo>
                      <a:pt x="326" y="55"/>
                    </a:lnTo>
                    <a:lnTo>
                      <a:pt x="272" y="84"/>
                    </a:lnTo>
                    <a:lnTo>
                      <a:pt x="223" y="118"/>
                    </a:lnTo>
                    <a:lnTo>
                      <a:pt x="178" y="158"/>
                    </a:lnTo>
                    <a:lnTo>
                      <a:pt x="138" y="201"/>
                    </a:lnTo>
                    <a:lnTo>
                      <a:pt x="102" y="248"/>
                    </a:lnTo>
                    <a:lnTo>
                      <a:pt x="72" y="298"/>
                    </a:lnTo>
                    <a:lnTo>
                      <a:pt x="46" y="352"/>
                    </a:lnTo>
                    <a:lnTo>
                      <a:pt x="27" y="408"/>
                    </a:lnTo>
                    <a:lnTo>
                      <a:pt x="12" y="466"/>
                    </a:lnTo>
                    <a:lnTo>
                      <a:pt x="3" y="525"/>
                    </a:lnTo>
                    <a:lnTo>
                      <a:pt x="0" y="586"/>
                    </a:lnTo>
                    <a:lnTo>
                      <a:pt x="3" y="647"/>
                    </a:lnTo>
                    <a:lnTo>
                      <a:pt x="12" y="709"/>
                    </a:lnTo>
                    <a:lnTo>
                      <a:pt x="28" y="770"/>
                    </a:lnTo>
                    <a:lnTo>
                      <a:pt x="50" y="831"/>
                    </a:lnTo>
                    <a:lnTo>
                      <a:pt x="63" y="861"/>
                    </a:lnTo>
                    <a:lnTo>
                      <a:pt x="83" y="900"/>
                    </a:lnTo>
                    <a:lnTo>
                      <a:pt x="130" y="969"/>
                    </a:lnTo>
                    <a:lnTo>
                      <a:pt x="185" y="1029"/>
                    </a:lnTo>
                    <a:lnTo>
                      <a:pt x="247" y="1079"/>
                    </a:lnTo>
                    <a:lnTo>
                      <a:pt x="314" y="1119"/>
                    </a:lnTo>
                    <a:lnTo>
                      <a:pt x="386" y="1149"/>
                    </a:lnTo>
                    <a:lnTo>
                      <a:pt x="461" y="1169"/>
                    </a:lnTo>
                    <a:lnTo>
                      <a:pt x="539" y="1180"/>
                    </a:lnTo>
                    <a:lnTo>
                      <a:pt x="617" y="1180"/>
                    </a:lnTo>
                    <a:lnTo>
                      <a:pt x="695" y="1170"/>
                    </a:lnTo>
                    <a:lnTo>
                      <a:pt x="771" y="1150"/>
                    </a:lnTo>
                    <a:lnTo>
                      <a:pt x="845" y="1121"/>
                    </a:lnTo>
                    <a:lnTo>
                      <a:pt x="915" y="1081"/>
                    </a:lnTo>
                    <a:lnTo>
                      <a:pt x="980" y="1032"/>
                    </a:lnTo>
                    <a:lnTo>
                      <a:pt x="1039" y="972"/>
                    </a:lnTo>
                    <a:lnTo>
                      <a:pt x="1091" y="903"/>
                    </a:lnTo>
                    <a:lnTo>
                      <a:pt x="1113" y="864"/>
                    </a:lnTo>
                    <a:lnTo>
                      <a:pt x="1132" y="829"/>
                    </a:lnTo>
                    <a:lnTo>
                      <a:pt x="1155" y="776"/>
                    </a:lnTo>
                    <a:lnTo>
                      <a:pt x="1166" y="722"/>
                    </a:lnTo>
                    <a:lnTo>
                      <a:pt x="1170" y="647"/>
                    </a:lnTo>
                    <a:lnTo>
                      <a:pt x="1170" y="592"/>
                    </a:lnTo>
                    <a:lnTo>
                      <a:pt x="1170" y="540"/>
                    </a:lnTo>
                    <a:lnTo>
                      <a:pt x="1166" y="465"/>
                    </a:lnTo>
                    <a:lnTo>
                      <a:pt x="1156" y="411"/>
                    </a:lnTo>
                    <a:lnTo>
                      <a:pt x="1136" y="360"/>
                    </a:lnTo>
                    <a:lnTo>
                      <a:pt x="1120" y="329"/>
                    </a:lnTo>
                    <a:lnTo>
                      <a:pt x="1108" y="306"/>
                    </a:lnTo>
                    <a:lnTo>
                      <a:pt x="1078" y="259"/>
                    </a:lnTo>
                    <a:lnTo>
                      <a:pt x="1044" y="215"/>
                    </a:lnTo>
                    <a:lnTo>
                      <a:pt x="1004" y="172"/>
                    </a:lnTo>
                    <a:lnTo>
                      <a:pt x="962" y="133"/>
                    </a:lnTo>
                    <a:lnTo>
                      <a:pt x="918" y="98"/>
                    </a:lnTo>
                    <a:lnTo>
                      <a:pt x="872" y="68"/>
                    </a:lnTo>
                    <a:lnTo>
                      <a:pt x="826" y="45"/>
                    </a:lnTo>
                    <a:lnTo>
                      <a:pt x="803" y="36"/>
                    </a:lnTo>
                    <a:lnTo>
                      <a:pt x="778" y="27"/>
                    </a:lnTo>
                    <a:lnTo>
                      <a:pt x="724" y="13"/>
                    </a:lnTo>
                    <a:lnTo>
                      <a:pt x="667" y="4"/>
                    </a:lnTo>
                    <a:lnTo>
                      <a:pt x="608" y="0"/>
                    </a:lnTo>
                    <a:lnTo>
                      <a:pt x="548" y="1"/>
                    </a:lnTo>
                    <a:lnTo>
                      <a:pt x="490" y="7"/>
                    </a:lnTo>
                    <a:lnTo>
                      <a:pt x="433" y="17"/>
                    </a:lnTo>
                    <a:lnTo>
                      <a:pt x="380" y="33"/>
                    </a:lnTo>
                    <a:lnTo>
                      <a:pt x="355" y="42"/>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80" name="Freeform 7"/>
              <p:cNvSpPr>
                <a:spLocks/>
              </p:cNvSpPr>
              <p:nvPr/>
            </p:nvSpPr>
            <p:spPr bwMode="auto">
              <a:xfrm>
                <a:off x="4310" y="1741"/>
                <a:ext cx="281" cy="284"/>
              </a:xfrm>
              <a:custGeom>
                <a:avLst/>
                <a:gdLst>
                  <a:gd name="T0" fmla="*/ 450 w 1173"/>
                  <a:gd name="T1" fmla="*/ 19 h 1183"/>
                  <a:gd name="T2" fmla="*/ 415 w 1173"/>
                  <a:gd name="T3" fmla="*/ 28 h 1183"/>
                  <a:gd name="T4" fmla="*/ 349 w 1173"/>
                  <a:gd name="T5" fmla="*/ 51 h 1183"/>
                  <a:gd name="T6" fmla="*/ 290 w 1173"/>
                  <a:gd name="T7" fmla="*/ 78 h 1183"/>
                  <a:gd name="T8" fmla="*/ 236 w 1173"/>
                  <a:gd name="T9" fmla="*/ 110 h 1183"/>
                  <a:gd name="T10" fmla="*/ 187 w 1173"/>
                  <a:gd name="T11" fmla="*/ 148 h 1183"/>
                  <a:gd name="T12" fmla="*/ 144 w 1173"/>
                  <a:gd name="T13" fmla="*/ 191 h 1183"/>
                  <a:gd name="T14" fmla="*/ 105 w 1173"/>
                  <a:gd name="T15" fmla="*/ 240 h 1183"/>
                  <a:gd name="T16" fmla="*/ 71 w 1173"/>
                  <a:gd name="T17" fmla="*/ 296 h 1183"/>
                  <a:gd name="T18" fmla="*/ 55 w 1173"/>
                  <a:gd name="T19" fmla="*/ 326 h 1183"/>
                  <a:gd name="T20" fmla="*/ 37 w 1173"/>
                  <a:gd name="T21" fmla="*/ 362 h 1183"/>
                  <a:gd name="T22" fmla="*/ 15 w 1173"/>
                  <a:gd name="T23" fmla="*/ 418 h 1183"/>
                  <a:gd name="T24" fmla="*/ 4 w 1173"/>
                  <a:gd name="T25" fmla="*/ 474 h 1183"/>
                  <a:gd name="T26" fmla="*/ 0 w 1173"/>
                  <a:gd name="T27" fmla="*/ 550 h 1183"/>
                  <a:gd name="T28" fmla="*/ 0 w 1173"/>
                  <a:gd name="T29" fmla="*/ 604 h 1183"/>
                  <a:gd name="T30" fmla="*/ 1 w 1173"/>
                  <a:gd name="T31" fmla="*/ 658 h 1183"/>
                  <a:gd name="T32" fmla="*/ 5 w 1173"/>
                  <a:gd name="T33" fmla="*/ 733 h 1183"/>
                  <a:gd name="T34" fmla="*/ 16 w 1173"/>
                  <a:gd name="T35" fmla="*/ 787 h 1183"/>
                  <a:gd name="T36" fmla="*/ 37 w 1173"/>
                  <a:gd name="T37" fmla="*/ 840 h 1183"/>
                  <a:gd name="T38" fmla="*/ 54 w 1173"/>
                  <a:gd name="T39" fmla="*/ 873 h 1183"/>
                  <a:gd name="T40" fmla="*/ 74 w 1173"/>
                  <a:gd name="T41" fmla="*/ 910 h 1183"/>
                  <a:gd name="T42" fmla="*/ 121 w 1173"/>
                  <a:gd name="T43" fmla="*/ 977 h 1183"/>
                  <a:gd name="T44" fmla="*/ 174 w 1173"/>
                  <a:gd name="T45" fmla="*/ 1035 h 1183"/>
                  <a:gd name="T46" fmla="*/ 235 w 1173"/>
                  <a:gd name="T47" fmla="*/ 1084 h 1183"/>
                  <a:gd name="T48" fmla="*/ 301 w 1173"/>
                  <a:gd name="T49" fmla="*/ 1123 h 1183"/>
                  <a:gd name="T50" fmla="*/ 375 w 1173"/>
                  <a:gd name="T51" fmla="*/ 1152 h 1183"/>
                  <a:gd name="T52" fmla="*/ 454 w 1173"/>
                  <a:gd name="T53" fmla="*/ 1172 h 1183"/>
                  <a:gd name="T54" fmla="*/ 539 w 1173"/>
                  <a:gd name="T55" fmla="*/ 1182 h 1183"/>
                  <a:gd name="T56" fmla="*/ 584 w 1173"/>
                  <a:gd name="T57" fmla="*/ 1183 h 1183"/>
                  <a:gd name="T58" fmla="*/ 614 w 1173"/>
                  <a:gd name="T59" fmla="*/ 1183 h 1183"/>
                  <a:gd name="T60" fmla="*/ 671 w 1173"/>
                  <a:gd name="T61" fmla="*/ 1178 h 1183"/>
                  <a:gd name="T62" fmla="*/ 726 w 1173"/>
                  <a:gd name="T63" fmla="*/ 1169 h 1183"/>
                  <a:gd name="T64" fmla="*/ 777 w 1173"/>
                  <a:gd name="T65" fmla="*/ 1155 h 1183"/>
                  <a:gd name="T66" fmla="*/ 826 w 1173"/>
                  <a:gd name="T67" fmla="*/ 1136 h 1183"/>
                  <a:gd name="T68" fmla="*/ 874 w 1173"/>
                  <a:gd name="T69" fmla="*/ 1111 h 1183"/>
                  <a:gd name="T70" fmla="*/ 920 w 1173"/>
                  <a:gd name="T71" fmla="*/ 1080 h 1183"/>
                  <a:gd name="T72" fmla="*/ 966 w 1173"/>
                  <a:gd name="T73" fmla="*/ 1043 h 1183"/>
                  <a:gd name="T74" fmla="*/ 989 w 1173"/>
                  <a:gd name="T75" fmla="*/ 1023 h 1183"/>
                  <a:gd name="T76" fmla="*/ 1022 w 1173"/>
                  <a:gd name="T77" fmla="*/ 990 h 1183"/>
                  <a:gd name="T78" fmla="*/ 1078 w 1173"/>
                  <a:gd name="T79" fmla="*/ 916 h 1183"/>
                  <a:gd name="T80" fmla="*/ 1122 w 1173"/>
                  <a:gd name="T81" fmla="*/ 834 h 1183"/>
                  <a:gd name="T82" fmla="*/ 1153 w 1173"/>
                  <a:gd name="T83" fmla="*/ 747 h 1183"/>
                  <a:gd name="T84" fmla="*/ 1170 w 1173"/>
                  <a:gd name="T85" fmla="*/ 656 h 1183"/>
                  <a:gd name="T86" fmla="*/ 1173 w 1173"/>
                  <a:gd name="T87" fmla="*/ 564 h 1183"/>
                  <a:gd name="T88" fmla="*/ 1162 w 1173"/>
                  <a:gd name="T89" fmla="*/ 471 h 1183"/>
                  <a:gd name="T90" fmla="*/ 1136 w 1173"/>
                  <a:gd name="T91" fmla="*/ 381 h 1183"/>
                  <a:gd name="T92" fmla="*/ 1117 w 1173"/>
                  <a:gd name="T93" fmla="*/ 338 h 1183"/>
                  <a:gd name="T94" fmla="*/ 1103 w 1173"/>
                  <a:gd name="T95" fmla="*/ 311 h 1183"/>
                  <a:gd name="T96" fmla="*/ 1069 w 1173"/>
                  <a:gd name="T97" fmla="*/ 258 h 1183"/>
                  <a:gd name="T98" fmla="*/ 1028 w 1173"/>
                  <a:gd name="T99" fmla="*/ 209 h 1183"/>
                  <a:gd name="T100" fmla="*/ 981 w 1173"/>
                  <a:gd name="T101" fmla="*/ 162 h 1183"/>
                  <a:gd name="T102" fmla="*/ 929 w 1173"/>
                  <a:gd name="T103" fmla="*/ 120 h 1183"/>
                  <a:gd name="T104" fmla="*/ 873 w 1173"/>
                  <a:gd name="T105" fmla="*/ 84 h 1183"/>
                  <a:gd name="T106" fmla="*/ 814 w 1173"/>
                  <a:gd name="T107" fmla="*/ 53 h 1183"/>
                  <a:gd name="T108" fmla="*/ 753 w 1173"/>
                  <a:gd name="T109" fmla="*/ 28 h 1183"/>
                  <a:gd name="T110" fmla="*/ 722 w 1173"/>
                  <a:gd name="T111" fmla="*/ 19 h 1183"/>
                  <a:gd name="T112" fmla="*/ 684 w 1173"/>
                  <a:gd name="T113" fmla="*/ 10 h 1183"/>
                  <a:gd name="T114" fmla="*/ 619 w 1173"/>
                  <a:gd name="T115" fmla="*/ 0 h 1183"/>
                  <a:gd name="T116" fmla="*/ 558 w 1173"/>
                  <a:gd name="T117" fmla="*/ 0 h 1183"/>
                  <a:gd name="T118" fmla="*/ 490 w 1173"/>
                  <a:gd name="T119" fmla="*/ 10 h 1183"/>
                  <a:gd name="T120" fmla="*/ 450 w 1173"/>
                  <a:gd name="T121" fmla="*/ 19 h 11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173" h="1183">
                    <a:moveTo>
                      <a:pt x="450" y="19"/>
                    </a:moveTo>
                    <a:lnTo>
                      <a:pt x="415" y="28"/>
                    </a:lnTo>
                    <a:lnTo>
                      <a:pt x="349" y="51"/>
                    </a:lnTo>
                    <a:lnTo>
                      <a:pt x="290" y="78"/>
                    </a:lnTo>
                    <a:lnTo>
                      <a:pt x="236" y="110"/>
                    </a:lnTo>
                    <a:lnTo>
                      <a:pt x="187" y="148"/>
                    </a:lnTo>
                    <a:lnTo>
                      <a:pt x="144" y="191"/>
                    </a:lnTo>
                    <a:lnTo>
                      <a:pt x="105" y="240"/>
                    </a:lnTo>
                    <a:lnTo>
                      <a:pt x="71" y="296"/>
                    </a:lnTo>
                    <a:lnTo>
                      <a:pt x="55" y="326"/>
                    </a:lnTo>
                    <a:lnTo>
                      <a:pt x="37" y="362"/>
                    </a:lnTo>
                    <a:lnTo>
                      <a:pt x="15" y="418"/>
                    </a:lnTo>
                    <a:lnTo>
                      <a:pt x="4" y="474"/>
                    </a:lnTo>
                    <a:lnTo>
                      <a:pt x="0" y="550"/>
                    </a:lnTo>
                    <a:lnTo>
                      <a:pt x="0" y="604"/>
                    </a:lnTo>
                    <a:lnTo>
                      <a:pt x="1" y="658"/>
                    </a:lnTo>
                    <a:lnTo>
                      <a:pt x="5" y="733"/>
                    </a:lnTo>
                    <a:lnTo>
                      <a:pt x="16" y="787"/>
                    </a:lnTo>
                    <a:lnTo>
                      <a:pt x="37" y="840"/>
                    </a:lnTo>
                    <a:lnTo>
                      <a:pt x="54" y="873"/>
                    </a:lnTo>
                    <a:lnTo>
                      <a:pt x="74" y="910"/>
                    </a:lnTo>
                    <a:lnTo>
                      <a:pt x="121" y="977"/>
                    </a:lnTo>
                    <a:lnTo>
                      <a:pt x="174" y="1035"/>
                    </a:lnTo>
                    <a:lnTo>
                      <a:pt x="235" y="1084"/>
                    </a:lnTo>
                    <a:lnTo>
                      <a:pt x="301" y="1123"/>
                    </a:lnTo>
                    <a:lnTo>
                      <a:pt x="375" y="1152"/>
                    </a:lnTo>
                    <a:lnTo>
                      <a:pt x="454" y="1172"/>
                    </a:lnTo>
                    <a:lnTo>
                      <a:pt x="539" y="1182"/>
                    </a:lnTo>
                    <a:lnTo>
                      <a:pt x="584" y="1183"/>
                    </a:lnTo>
                    <a:lnTo>
                      <a:pt x="614" y="1183"/>
                    </a:lnTo>
                    <a:lnTo>
                      <a:pt x="671" y="1178"/>
                    </a:lnTo>
                    <a:lnTo>
                      <a:pt x="726" y="1169"/>
                    </a:lnTo>
                    <a:lnTo>
                      <a:pt x="777" y="1155"/>
                    </a:lnTo>
                    <a:lnTo>
                      <a:pt x="826" y="1136"/>
                    </a:lnTo>
                    <a:lnTo>
                      <a:pt x="874" y="1111"/>
                    </a:lnTo>
                    <a:lnTo>
                      <a:pt x="920" y="1080"/>
                    </a:lnTo>
                    <a:lnTo>
                      <a:pt x="966" y="1043"/>
                    </a:lnTo>
                    <a:lnTo>
                      <a:pt x="989" y="1023"/>
                    </a:lnTo>
                    <a:lnTo>
                      <a:pt x="1022" y="990"/>
                    </a:lnTo>
                    <a:lnTo>
                      <a:pt x="1078" y="916"/>
                    </a:lnTo>
                    <a:lnTo>
                      <a:pt x="1122" y="834"/>
                    </a:lnTo>
                    <a:lnTo>
                      <a:pt x="1153" y="747"/>
                    </a:lnTo>
                    <a:lnTo>
                      <a:pt x="1170" y="656"/>
                    </a:lnTo>
                    <a:lnTo>
                      <a:pt x="1173" y="564"/>
                    </a:lnTo>
                    <a:lnTo>
                      <a:pt x="1162" y="471"/>
                    </a:lnTo>
                    <a:lnTo>
                      <a:pt x="1136" y="381"/>
                    </a:lnTo>
                    <a:lnTo>
                      <a:pt x="1117" y="338"/>
                    </a:lnTo>
                    <a:lnTo>
                      <a:pt x="1103" y="311"/>
                    </a:lnTo>
                    <a:lnTo>
                      <a:pt x="1069" y="258"/>
                    </a:lnTo>
                    <a:lnTo>
                      <a:pt x="1028" y="209"/>
                    </a:lnTo>
                    <a:lnTo>
                      <a:pt x="981" y="162"/>
                    </a:lnTo>
                    <a:lnTo>
                      <a:pt x="929" y="120"/>
                    </a:lnTo>
                    <a:lnTo>
                      <a:pt x="873" y="84"/>
                    </a:lnTo>
                    <a:lnTo>
                      <a:pt x="814" y="53"/>
                    </a:lnTo>
                    <a:lnTo>
                      <a:pt x="753" y="28"/>
                    </a:lnTo>
                    <a:lnTo>
                      <a:pt x="722" y="19"/>
                    </a:lnTo>
                    <a:lnTo>
                      <a:pt x="684" y="10"/>
                    </a:lnTo>
                    <a:lnTo>
                      <a:pt x="619" y="0"/>
                    </a:lnTo>
                    <a:lnTo>
                      <a:pt x="558" y="0"/>
                    </a:lnTo>
                    <a:lnTo>
                      <a:pt x="490" y="10"/>
                    </a:lnTo>
                    <a:lnTo>
                      <a:pt x="450" y="19"/>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81" name="Freeform 8"/>
              <p:cNvSpPr>
                <a:spLocks/>
              </p:cNvSpPr>
              <p:nvPr/>
            </p:nvSpPr>
            <p:spPr bwMode="auto">
              <a:xfrm>
                <a:off x="3494" y="2557"/>
                <a:ext cx="280" cy="284"/>
              </a:xfrm>
              <a:custGeom>
                <a:avLst/>
                <a:gdLst>
                  <a:gd name="T0" fmla="*/ 403 w 1165"/>
                  <a:gd name="T1" fmla="*/ 27 h 1182"/>
                  <a:gd name="T2" fmla="*/ 370 w 1165"/>
                  <a:gd name="T3" fmla="*/ 38 h 1182"/>
                  <a:gd name="T4" fmla="*/ 310 w 1165"/>
                  <a:gd name="T5" fmla="*/ 63 h 1182"/>
                  <a:gd name="T6" fmla="*/ 256 w 1165"/>
                  <a:gd name="T7" fmla="*/ 92 h 1182"/>
                  <a:gd name="T8" fmla="*/ 207 w 1165"/>
                  <a:gd name="T9" fmla="*/ 126 h 1182"/>
                  <a:gd name="T10" fmla="*/ 163 w 1165"/>
                  <a:gd name="T11" fmla="*/ 164 h 1182"/>
                  <a:gd name="T12" fmla="*/ 124 w 1165"/>
                  <a:gd name="T13" fmla="*/ 208 h 1182"/>
                  <a:gd name="T14" fmla="*/ 89 w 1165"/>
                  <a:gd name="T15" fmla="*/ 257 h 1182"/>
                  <a:gd name="T16" fmla="*/ 58 w 1165"/>
                  <a:gd name="T17" fmla="*/ 313 h 1182"/>
                  <a:gd name="T18" fmla="*/ 43 w 1165"/>
                  <a:gd name="T19" fmla="*/ 343 h 1182"/>
                  <a:gd name="T20" fmla="*/ 32 w 1165"/>
                  <a:gd name="T21" fmla="*/ 371 h 1182"/>
                  <a:gd name="T22" fmla="*/ 15 w 1165"/>
                  <a:gd name="T23" fmla="*/ 420 h 1182"/>
                  <a:gd name="T24" fmla="*/ 5 w 1165"/>
                  <a:gd name="T25" fmla="*/ 473 h 1182"/>
                  <a:gd name="T26" fmla="*/ 1 w 1165"/>
                  <a:gd name="T27" fmla="*/ 537 h 1182"/>
                  <a:gd name="T28" fmla="*/ 0 w 1165"/>
                  <a:gd name="T29" fmla="*/ 578 h 1182"/>
                  <a:gd name="T30" fmla="*/ 1 w 1165"/>
                  <a:gd name="T31" fmla="*/ 636 h 1182"/>
                  <a:gd name="T32" fmla="*/ 10 w 1165"/>
                  <a:gd name="T33" fmla="*/ 732 h 1182"/>
                  <a:gd name="T34" fmla="*/ 33 w 1165"/>
                  <a:gd name="T35" fmla="*/ 814 h 1182"/>
                  <a:gd name="T36" fmla="*/ 73 w 1165"/>
                  <a:gd name="T37" fmla="*/ 895 h 1182"/>
                  <a:gd name="T38" fmla="*/ 102 w 1165"/>
                  <a:gd name="T39" fmla="*/ 940 h 1182"/>
                  <a:gd name="T40" fmla="*/ 129 w 1165"/>
                  <a:gd name="T41" fmla="*/ 978 h 1182"/>
                  <a:gd name="T42" fmla="*/ 195 w 1165"/>
                  <a:gd name="T43" fmla="*/ 1044 h 1182"/>
                  <a:gd name="T44" fmla="*/ 273 w 1165"/>
                  <a:gd name="T45" fmla="*/ 1099 h 1182"/>
                  <a:gd name="T46" fmla="*/ 361 w 1165"/>
                  <a:gd name="T47" fmla="*/ 1141 h 1182"/>
                  <a:gd name="T48" fmla="*/ 455 w 1165"/>
                  <a:gd name="T49" fmla="*/ 1169 h 1182"/>
                  <a:gd name="T50" fmla="*/ 553 w 1165"/>
                  <a:gd name="T51" fmla="*/ 1182 h 1182"/>
                  <a:gd name="T52" fmla="*/ 651 w 1165"/>
                  <a:gd name="T53" fmla="*/ 1181 h 1182"/>
                  <a:gd name="T54" fmla="*/ 747 w 1165"/>
                  <a:gd name="T55" fmla="*/ 1163 h 1182"/>
                  <a:gd name="T56" fmla="*/ 793 w 1165"/>
                  <a:gd name="T57" fmla="*/ 1147 h 1182"/>
                  <a:gd name="T58" fmla="*/ 817 w 1165"/>
                  <a:gd name="T59" fmla="*/ 1137 h 1182"/>
                  <a:gd name="T60" fmla="*/ 865 w 1165"/>
                  <a:gd name="T61" fmla="*/ 1112 h 1182"/>
                  <a:gd name="T62" fmla="*/ 912 w 1165"/>
                  <a:gd name="T63" fmla="*/ 1082 h 1182"/>
                  <a:gd name="T64" fmla="*/ 957 w 1165"/>
                  <a:gd name="T65" fmla="*/ 1046 h 1182"/>
                  <a:gd name="T66" fmla="*/ 1000 w 1165"/>
                  <a:gd name="T67" fmla="*/ 1007 h 1182"/>
                  <a:gd name="T68" fmla="*/ 1039 w 1165"/>
                  <a:gd name="T69" fmla="*/ 965 h 1182"/>
                  <a:gd name="T70" fmla="*/ 1073 w 1165"/>
                  <a:gd name="T71" fmla="*/ 920 h 1182"/>
                  <a:gd name="T72" fmla="*/ 1103 w 1165"/>
                  <a:gd name="T73" fmla="*/ 873 h 1182"/>
                  <a:gd name="T74" fmla="*/ 1115 w 1165"/>
                  <a:gd name="T75" fmla="*/ 850 h 1182"/>
                  <a:gd name="T76" fmla="*/ 1131 w 1165"/>
                  <a:gd name="T77" fmla="*/ 819 h 1182"/>
                  <a:gd name="T78" fmla="*/ 1151 w 1165"/>
                  <a:gd name="T79" fmla="*/ 768 h 1182"/>
                  <a:gd name="T80" fmla="*/ 1161 w 1165"/>
                  <a:gd name="T81" fmla="*/ 714 h 1182"/>
                  <a:gd name="T82" fmla="*/ 1165 w 1165"/>
                  <a:gd name="T83" fmla="*/ 640 h 1182"/>
                  <a:gd name="T84" fmla="*/ 1165 w 1165"/>
                  <a:gd name="T85" fmla="*/ 587 h 1182"/>
                  <a:gd name="T86" fmla="*/ 1164 w 1165"/>
                  <a:gd name="T87" fmla="*/ 523 h 1182"/>
                  <a:gd name="T88" fmla="*/ 1157 w 1165"/>
                  <a:gd name="T89" fmla="*/ 446 h 1182"/>
                  <a:gd name="T90" fmla="*/ 1148 w 1165"/>
                  <a:gd name="T91" fmla="*/ 402 h 1182"/>
                  <a:gd name="T92" fmla="*/ 1134 w 1165"/>
                  <a:gd name="T93" fmla="*/ 360 h 1182"/>
                  <a:gd name="T94" fmla="*/ 1114 w 1165"/>
                  <a:gd name="T95" fmla="*/ 320 h 1182"/>
                  <a:gd name="T96" fmla="*/ 1075 w 1165"/>
                  <a:gd name="T97" fmla="*/ 258 h 1182"/>
                  <a:gd name="T98" fmla="*/ 1038 w 1165"/>
                  <a:gd name="T99" fmla="*/ 210 h 1182"/>
                  <a:gd name="T100" fmla="*/ 1011 w 1165"/>
                  <a:gd name="T101" fmla="*/ 177 h 1182"/>
                  <a:gd name="T102" fmla="*/ 947 w 1165"/>
                  <a:gd name="T103" fmla="*/ 120 h 1182"/>
                  <a:gd name="T104" fmla="*/ 875 w 1165"/>
                  <a:gd name="T105" fmla="*/ 72 h 1182"/>
                  <a:gd name="T106" fmla="*/ 796 w 1165"/>
                  <a:gd name="T107" fmla="*/ 37 h 1182"/>
                  <a:gd name="T108" fmla="*/ 712 w 1165"/>
                  <a:gd name="T109" fmla="*/ 12 h 1182"/>
                  <a:gd name="T110" fmla="*/ 624 w 1165"/>
                  <a:gd name="T111" fmla="*/ 0 h 1182"/>
                  <a:gd name="T112" fmla="*/ 535 w 1165"/>
                  <a:gd name="T113" fmla="*/ 0 h 1182"/>
                  <a:gd name="T114" fmla="*/ 447 w 1165"/>
                  <a:gd name="T115" fmla="*/ 14 h 1182"/>
                  <a:gd name="T116" fmla="*/ 403 w 1165"/>
                  <a:gd name="T117" fmla="*/ 27 h 1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165" h="1182">
                    <a:moveTo>
                      <a:pt x="403" y="27"/>
                    </a:moveTo>
                    <a:lnTo>
                      <a:pt x="370" y="38"/>
                    </a:lnTo>
                    <a:lnTo>
                      <a:pt x="310" y="63"/>
                    </a:lnTo>
                    <a:lnTo>
                      <a:pt x="256" y="92"/>
                    </a:lnTo>
                    <a:lnTo>
                      <a:pt x="207" y="126"/>
                    </a:lnTo>
                    <a:lnTo>
                      <a:pt x="163" y="164"/>
                    </a:lnTo>
                    <a:lnTo>
                      <a:pt x="124" y="208"/>
                    </a:lnTo>
                    <a:lnTo>
                      <a:pt x="89" y="257"/>
                    </a:lnTo>
                    <a:lnTo>
                      <a:pt x="58" y="313"/>
                    </a:lnTo>
                    <a:lnTo>
                      <a:pt x="43" y="343"/>
                    </a:lnTo>
                    <a:lnTo>
                      <a:pt x="32" y="371"/>
                    </a:lnTo>
                    <a:lnTo>
                      <a:pt x="15" y="420"/>
                    </a:lnTo>
                    <a:lnTo>
                      <a:pt x="5" y="473"/>
                    </a:lnTo>
                    <a:lnTo>
                      <a:pt x="1" y="537"/>
                    </a:lnTo>
                    <a:lnTo>
                      <a:pt x="0" y="578"/>
                    </a:lnTo>
                    <a:lnTo>
                      <a:pt x="1" y="636"/>
                    </a:lnTo>
                    <a:lnTo>
                      <a:pt x="10" y="732"/>
                    </a:lnTo>
                    <a:lnTo>
                      <a:pt x="33" y="814"/>
                    </a:lnTo>
                    <a:lnTo>
                      <a:pt x="73" y="895"/>
                    </a:lnTo>
                    <a:lnTo>
                      <a:pt x="102" y="940"/>
                    </a:lnTo>
                    <a:lnTo>
                      <a:pt x="129" y="978"/>
                    </a:lnTo>
                    <a:lnTo>
                      <a:pt x="195" y="1044"/>
                    </a:lnTo>
                    <a:lnTo>
                      <a:pt x="273" y="1099"/>
                    </a:lnTo>
                    <a:lnTo>
                      <a:pt x="361" y="1141"/>
                    </a:lnTo>
                    <a:lnTo>
                      <a:pt x="455" y="1169"/>
                    </a:lnTo>
                    <a:lnTo>
                      <a:pt x="553" y="1182"/>
                    </a:lnTo>
                    <a:lnTo>
                      <a:pt x="651" y="1181"/>
                    </a:lnTo>
                    <a:lnTo>
                      <a:pt x="747" y="1163"/>
                    </a:lnTo>
                    <a:lnTo>
                      <a:pt x="793" y="1147"/>
                    </a:lnTo>
                    <a:lnTo>
                      <a:pt x="817" y="1137"/>
                    </a:lnTo>
                    <a:lnTo>
                      <a:pt x="865" y="1112"/>
                    </a:lnTo>
                    <a:lnTo>
                      <a:pt x="912" y="1082"/>
                    </a:lnTo>
                    <a:lnTo>
                      <a:pt x="957" y="1046"/>
                    </a:lnTo>
                    <a:lnTo>
                      <a:pt x="1000" y="1007"/>
                    </a:lnTo>
                    <a:lnTo>
                      <a:pt x="1039" y="965"/>
                    </a:lnTo>
                    <a:lnTo>
                      <a:pt x="1073" y="920"/>
                    </a:lnTo>
                    <a:lnTo>
                      <a:pt x="1103" y="873"/>
                    </a:lnTo>
                    <a:lnTo>
                      <a:pt x="1115" y="850"/>
                    </a:lnTo>
                    <a:lnTo>
                      <a:pt x="1131" y="819"/>
                    </a:lnTo>
                    <a:lnTo>
                      <a:pt x="1151" y="768"/>
                    </a:lnTo>
                    <a:lnTo>
                      <a:pt x="1161" y="714"/>
                    </a:lnTo>
                    <a:lnTo>
                      <a:pt x="1165" y="640"/>
                    </a:lnTo>
                    <a:lnTo>
                      <a:pt x="1165" y="587"/>
                    </a:lnTo>
                    <a:lnTo>
                      <a:pt x="1164" y="523"/>
                    </a:lnTo>
                    <a:lnTo>
                      <a:pt x="1157" y="446"/>
                    </a:lnTo>
                    <a:lnTo>
                      <a:pt x="1148" y="402"/>
                    </a:lnTo>
                    <a:lnTo>
                      <a:pt x="1134" y="360"/>
                    </a:lnTo>
                    <a:lnTo>
                      <a:pt x="1114" y="320"/>
                    </a:lnTo>
                    <a:lnTo>
                      <a:pt x="1075" y="258"/>
                    </a:lnTo>
                    <a:lnTo>
                      <a:pt x="1038" y="210"/>
                    </a:lnTo>
                    <a:lnTo>
                      <a:pt x="1011" y="177"/>
                    </a:lnTo>
                    <a:lnTo>
                      <a:pt x="947" y="120"/>
                    </a:lnTo>
                    <a:lnTo>
                      <a:pt x="875" y="72"/>
                    </a:lnTo>
                    <a:lnTo>
                      <a:pt x="796" y="37"/>
                    </a:lnTo>
                    <a:lnTo>
                      <a:pt x="712" y="12"/>
                    </a:lnTo>
                    <a:lnTo>
                      <a:pt x="624" y="0"/>
                    </a:lnTo>
                    <a:lnTo>
                      <a:pt x="535" y="0"/>
                    </a:lnTo>
                    <a:lnTo>
                      <a:pt x="447" y="14"/>
                    </a:lnTo>
                    <a:lnTo>
                      <a:pt x="403" y="27"/>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grpSp>
        <p:grpSp>
          <p:nvGrpSpPr>
            <p:cNvPr id="82" name="Group 4"/>
            <p:cNvGrpSpPr>
              <a:grpSpLocks noChangeAspect="1"/>
            </p:cNvGrpSpPr>
            <p:nvPr/>
          </p:nvGrpSpPr>
          <p:grpSpPr bwMode="auto">
            <a:xfrm>
              <a:off x="7304901" y="3419198"/>
              <a:ext cx="256171" cy="256171"/>
              <a:chOff x="1680" y="0"/>
              <a:chExt cx="4320" cy="4320"/>
            </a:xfrm>
          </p:grpSpPr>
          <p:sp>
            <p:nvSpPr>
              <p:cNvPr id="83" name="AutoShape 3"/>
              <p:cNvSpPr>
                <a:spLocks noChangeAspect="1" noChangeArrowheads="1" noTextEdit="1"/>
              </p:cNvSpPr>
              <p:nvPr/>
            </p:nvSpPr>
            <p:spPr bwMode="auto">
              <a:xfrm>
                <a:off x="1680" y="0"/>
                <a:ext cx="4320" cy="43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84" name="Freeform 5"/>
              <p:cNvSpPr>
                <a:spLocks/>
              </p:cNvSpPr>
              <p:nvPr/>
            </p:nvSpPr>
            <p:spPr bwMode="auto">
              <a:xfrm>
                <a:off x="1749" y="1"/>
                <a:ext cx="4182" cy="4319"/>
              </a:xfrm>
              <a:custGeom>
                <a:avLst/>
                <a:gdLst>
                  <a:gd name="T0" fmla="*/ 6745 w 17426"/>
                  <a:gd name="T1" fmla="*/ 69 h 17994"/>
                  <a:gd name="T2" fmla="*/ 4827 w 17426"/>
                  <a:gd name="T3" fmla="*/ 564 h 17994"/>
                  <a:gd name="T4" fmla="*/ 2990 w 17426"/>
                  <a:gd name="T5" fmla="*/ 1624 h 17994"/>
                  <a:gd name="T6" fmla="*/ 1316 w 17426"/>
                  <a:gd name="T7" fmla="*/ 3448 h 17994"/>
                  <a:gd name="T8" fmla="*/ 585 w 17426"/>
                  <a:gd name="T9" fmla="*/ 4819 h 17994"/>
                  <a:gd name="T10" fmla="*/ 4557 w 17426"/>
                  <a:gd name="T11" fmla="*/ 4164 h 17994"/>
                  <a:gd name="T12" fmla="*/ 6409 w 17426"/>
                  <a:gd name="T13" fmla="*/ 3625 h 17994"/>
                  <a:gd name="T14" fmla="*/ 7054 w 17426"/>
                  <a:gd name="T15" fmla="*/ 2988 h 17994"/>
                  <a:gd name="T16" fmla="*/ 7951 w 17426"/>
                  <a:gd name="T17" fmla="*/ 2803 h 17994"/>
                  <a:gd name="T18" fmla="*/ 8821 w 17426"/>
                  <a:gd name="T19" fmla="*/ 3096 h 17994"/>
                  <a:gd name="T20" fmla="*/ 9397 w 17426"/>
                  <a:gd name="T21" fmla="*/ 3816 h 17994"/>
                  <a:gd name="T22" fmla="*/ 9445 w 17426"/>
                  <a:gd name="T23" fmla="*/ 4944 h 17994"/>
                  <a:gd name="T24" fmla="*/ 8772 w 17426"/>
                  <a:gd name="T25" fmla="*/ 5838 h 17994"/>
                  <a:gd name="T26" fmla="*/ 7725 w 17426"/>
                  <a:gd name="T27" fmla="*/ 6106 h 17994"/>
                  <a:gd name="T28" fmla="*/ 6897 w 17426"/>
                  <a:gd name="T29" fmla="*/ 5815 h 17994"/>
                  <a:gd name="T30" fmla="*/ 6334 w 17426"/>
                  <a:gd name="T31" fmla="*/ 5122 h 17994"/>
                  <a:gd name="T32" fmla="*/ 4724 w 17426"/>
                  <a:gd name="T33" fmla="*/ 5506 h 17994"/>
                  <a:gd name="T34" fmla="*/ 150 w 17426"/>
                  <a:gd name="T35" fmla="*/ 6197 h 17994"/>
                  <a:gd name="T36" fmla="*/ 758 w 17426"/>
                  <a:gd name="T37" fmla="*/ 7304 h 17994"/>
                  <a:gd name="T38" fmla="*/ 9747 w 17426"/>
                  <a:gd name="T39" fmla="*/ 7136 h 17994"/>
                  <a:gd name="T40" fmla="*/ 10489 w 17426"/>
                  <a:gd name="T41" fmla="*/ 6361 h 17994"/>
                  <a:gd name="T42" fmla="*/ 11378 w 17426"/>
                  <a:gd name="T43" fmla="*/ 6192 h 17994"/>
                  <a:gd name="T44" fmla="*/ 12212 w 17426"/>
                  <a:gd name="T45" fmla="*/ 6482 h 17994"/>
                  <a:gd name="T46" fmla="*/ 12752 w 17426"/>
                  <a:gd name="T47" fmla="*/ 7119 h 17994"/>
                  <a:gd name="T48" fmla="*/ 12896 w 17426"/>
                  <a:gd name="T49" fmla="*/ 8046 h 17994"/>
                  <a:gd name="T50" fmla="*/ 12491 w 17426"/>
                  <a:gd name="T51" fmla="*/ 8960 h 17994"/>
                  <a:gd name="T52" fmla="*/ 11502 w 17426"/>
                  <a:gd name="T53" fmla="*/ 9482 h 17994"/>
                  <a:gd name="T54" fmla="*/ 10572 w 17426"/>
                  <a:gd name="T55" fmla="*/ 9365 h 17994"/>
                  <a:gd name="T56" fmla="*/ 9905 w 17426"/>
                  <a:gd name="T57" fmla="*/ 8830 h 17994"/>
                  <a:gd name="T58" fmla="*/ 8799 w 17426"/>
                  <a:gd name="T59" fmla="*/ 8385 h 17994"/>
                  <a:gd name="T60" fmla="*/ 23 w 17426"/>
                  <a:gd name="T61" fmla="*/ 8687 h 17994"/>
                  <a:gd name="T62" fmla="*/ 4234 w 17426"/>
                  <a:gd name="T63" fmla="*/ 9710 h 17994"/>
                  <a:gd name="T64" fmla="*/ 6372 w 17426"/>
                  <a:gd name="T65" fmla="*/ 10494 h 17994"/>
                  <a:gd name="T66" fmla="*/ 6876 w 17426"/>
                  <a:gd name="T67" fmla="*/ 9887 h 17994"/>
                  <a:gd name="T68" fmla="*/ 7563 w 17426"/>
                  <a:gd name="T69" fmla="*/ 9602 h 17994"/>
                  <a:gd name="T70" fmla="*/ 8490 w 17426"/>
                  <a:gd name="T71" fmla="*/ 9709 h 17994"/>
                  <a:gd name="T72" fmla="*/ 9195 w 17426"/>
                  <a:gd name="T73" fmla="*/ 10247 h 17994"/>
                  <a:gd name="T74" fmla="*/ 9502 w 17426"/>
                  <a:gd name="T75" fmla="*/ 11021 h 17994"/>
                  <a:gd name="T76" fmla="*/ 9284 w 17426"/>
                  <a:gd name="T77" fmla="*/ 12099 h 17994"/>
                  <a:gd name="T78" fmla="*/ 8690 w 17426"/>
                  <a:gd name="T79" fmla="*/ 12677 h 17994"/>
                  <a:gd name="T80" fmla="*/ 7837 w 17426"/>
                  <a:gd name="T81" fmla="*/ 12894 h 17994"/>
                  <a:gd name="T82" fmla="*/ 6917 w 17426"/>
                  <a:gd name="T83" fmla="*/ 12623 h 17994"/>
                  <a:gd name="T84" fmla="*/ 6270 w 17426"/>
                  <a:gd name="T85" fmla="*/ 11779 h 17994"/>
                  <a:gd name="T86" fmla="*/ 4700 w 17426"/>
                  <a:gd name="T87" fmla="*/ 11650 h 17994"/>
                  <a:gd name="T88" fmla="*/ 497 w 17426"/>
                  <a:gd name="T89" fmla="*/ 10664 h 17994"/>
                  <a:gd name="T90" fmla="*/ 553 w 17426"/>
                  <a:gd name="T91" fmla="*/ 10811 h 17994"/>
                  <a:gd name="T92" fmla="*/ 1342 w 17426"/>
                  <a:gd name="T93" fmla="*/ 12277 h 17994"/>
                  <a:gd name="T94" fmla="*/ 1728 w 17426"/>
                  <a:gd name="T95" fmla="*/ 17221 h 17994"/>
                  <a:gd name="T96" fmla="*/ 1752 w 17426"/>
                  <a:gd name="T97" fmla="*/ 17735 h 17994"/>
                  <a:gd name="T98" fmla="*/ 9756 w 17426"/>
                  <a:gd name="T99" fmla="*/ 17942 h 17994"/>
                  <a:gd name="T100" fmla="*/ 10505 w 17426"/>
                  <a:gd name="T101" fmla="*/ 15802 h 17994"/>
                  <a:gd name="T102" fmla="*/ 12639 w 17426"/>
                  <a:gd name="T103" fmla="*/ 16087 h 17994"/>
                  <a:gd name="T104" fmla="*/ 14011 w 17426"/>
                  <a:gd name="T105" fmla="*/ 16278 h 17994"/>
                  <a:gd name="T106" fmla="*/ 14526 w 17426"/>
                  <a:gd name="T107" fmla="*/ 16032 h 17994"/>
                  <a:gd name="T108" fmla="*/ 15682 w 17426"/>
                  <a:gd name="T109" fmla="*/ 11564 h 17994"/>
                  <a:gd name="T110" fmla="*/ 17369 w 17426"/>
                  <a:gd name="T111" fmla="*/ 10344 h 17994"/>
                  <a:gd name="T112" fmla="*/ 16519 w 17426"/>
                  <a:gd name="T113" fmla="*/ 8719 h 17994"/>
                  <a:gd name="T114" fmla="*/ 15391 w 17426"/>
                  <a:gd name="T115" fmla="*/ 5552 h 17994"/>
                  <a:gd name="T116" fmla="*/ 14709 w 17426"/>
                  <a:gd name="T117" fmla="*/ 3924 h 17994"/>
                  <a:gd name="T118" fmla="*/ 13085 w 17426"/>
                  <a:gd name="T119" fmla="*/ 1943 h 17994"/>
                  <a:gd name="T120" fmla="*/ 11116 w 17426"/>
                  <a:gd name="T121" fmla="*/ 699 h 17994"/>
                  <a:gd name="T122" fmla="*/ 9932 w 17426"/>
                  <a:gd name="T123" fmla="*/ 286 h 17994"/>
                  <a:gd name="T124" fmla="*/ 8279 w 17426"/>
                  <a:gd name="T125" fmla="*/ 11 h 179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7426" h="17994">
                    <a:moveTo>
                      <a:pt x="7337" y="9"/>
                    </a:moveTo>
                    <a:lnTo>
                      <a:pt x="7317" y="14"/>
                    </a:lnTo>
                    <a:lnTo>
                      <a:pt x="7230" y="24"/>
                    </a:lnTo>
                    <a:lnTo>
                      <a:pt x="7179" y="26"/>
                    </a:lnTo>
                    <a:lnTo>
                      <a:pt x="7123" y="28"/>
                    </a:lnTo>
                    <a:lnTo>
                      <a:pt x="6996" y="38"/>
                    </a:lnTo>
                    <a:lnTo>
                      <a:pt x="6945" y="44"/>
                    </a:lnTo>
                    <a:lnTo>
                      <a:pt x="6840" y="57"/>
                    </a:lnTo>
                    <a:lnTo>
                      <a:pt x="6745" y="69"/>
                    </a:lnTo>
                    <a:lnTo>
                      <a:pt x="6628" y="84"/>
                    </a:lnTo>
                    <a:lnTo>
                      <a:pt x="6284" y="140"/>
                    </a:lnTo>
                    <a:lnTo>
                      <a:pt x="6179" y="161"/>
                    </a:lnTo>
                    <a:lnTo>
                      <a:pt x="6036" y="193"/>
                    </a:lnTo>
                    <a:lnTo>
                      <a:pt x="5767" y="259"/>
                    </a:lnTo>
                    <a:lnTo>
                      <a:pt x="5515" y="328"/>
                    </a:lnTo>
                    <a:lnTo>
                      <a:pt x="5277" y="401"/>
                    </a:lnTo>
                    <a:lnTo>
                      <a:pt x="5049" y="479"/>
                    </a:lnTo>
                    <a:lnTo>
                      <a:pt x="4827" y="564"/>
                    </a:lnTo>
                    <a:lnTo>
                      <a:pt x="4609" y="656"/>
                    </a:lnTo>
                    <a:lnTo>
                      <a:pt x="4390" y="758"/>
                    </a:lnTo>
                    <a:lnTo>
                      <a:pt x="4279" y="812"/>
                    </a:lnTo>
                    <a:lnTo>
                      <a:pt x="4153" y="876"/>
                    </a:lnTo>
                    <a:lnTo>
                      <a:pt x="3908" y="1010"/>
                    </a:lnTo>
                    <a:lnTo>
                      <a:pt x="3669" y="1152"/>
                    </a:lnTo>
                    <a:lnTo>
                      <a:pt x="3436" y="1302"/>
                    </a:lnTo>
                    <a:lnTo>
                      <a:pt x="3210" y="1459"/>
                    </a:lnTo>
                    <a:lnTo>
                      <a:pt x="2990" y="1624"/>
                    </a:lnTo>
                    <a:lnTo>
                      <a:pt x="2777" y="1797"/>
                    </a:lnTo>
                    <a:lnTo>
                      <a:pt x="2571" y="1977"/>
                    </a:lnTo>
                    <a:lnTo>
                      <a:pt x="2371" y="2165"/>
                    </a:lnTo>
                    <a:lnTo>
                      <a:pt x="2178" y="2360"/>
                    </a:lnTo>
                    <a:lnTo>
                      <a:pt x="1992" y="2563"/>
                    </a:lnTo>
                    <a:lnTo>
                      <a:pt x="1813" y="2773"/>
                    </a:lnTo>
                    <a:lnTo>
                      <a:pt x="1640" y="2991"/>
                    </a:lnTo>
                    <a:lnTo>
                      <a:pt x="1475" y="3216"/>
                    </a:lnTo>
                    <a:lnTo>
                      <a:pt x="1316" y="3448"/>
                    </a:lnTo>
                    <a:lnTo>
                      <a:pt x="1165" y="3688"/>
                    </a:lnTo>
                    <a:lnTo>
                      <a:pt x="1092" y="3811"/>
                    </a:lnTo>
                    <a:lnTo>
                      <a:pt x="1038" y="3905"/>
                    </a:lnTo>
                    <a:lnTo>
                      <a:pt x="905" y="4151"/>
                    </a:lnTo>
                    <a:lnTo>
                      <a:pt x="772" y="4410"/>
                    </a:lnTo>
                    <a:lnTo>
                      <a:pt x="671" y="4618"/>
                    </a:lnTo>
                    <a:lnTo>
                      <a:pt x="645" y="4677"/>
                    </a:lnTo>
                    <a:lnTo>
                      <a:pt x="619" y="4741"/>
                    </a:lnTo>
                    <a:lnTo>
                      <a:pt x="585" y="4819"/>
                    </a:lnTo>
                    <a:lnTo>
                      <a:pt x="517" y="4977"/>
                    </a:lnTo>
                    <a:lnTo>
                      <a:pt x="495" y="5037"/>
                    </a:lnTo>
                    <a:lnTo>
                      <a:pt x="585" y="5040"/>
                    </a:lnTo>
                    <a:lnTo>
                      <a:pt x="1447" y="5044"/>
                    </a:lnTo>
                    <a:lnTo>
                      <a:pt x="2082" y="5044"/>
                    </a:lnTo>
                    <a:lnTo>
                      <a:pt x="3669" y="5044"/>
                    </a:lnTo>
                    <a:lnTo>
                      <a:pt x="4187" y="4529"/>
                    </a:lnTo>
                    <a:lnTo>
                      <a:pt x="4342" y="4375"/>
                    </a:lnTo>
                    <a:lnTo>
                      <a:pt x="4557" y="4164"/>
                    </a:lnTo>
                    <a:lnTo>
                      <a:pt x="4690" y="4043"/>
                    </a:lnTo>
                    <a:lnTo>
                      <a:pt x="4772" y="3982"/>
                    </a:lnTo>
                    <a:lnTo>
                      <a:pt x="4804" y="3966"/>
                    </a:lnTo>
                    <a:lnTo>
                      <a:pt x="4904" y="3919"/>
                    </a:lnTo>
                    <a:lnTo>
                      <a:pt x="5589" y="3914"/>
                    </a:lnTo>
                    <a:lnTo>
                      <a:pt x="6272" y="3909"/>
                    </a:lnTo>
                    <a:lnTo>
                      <a:pt x="6335" y="3771"/>
                    </a:lnTo>
                    <a:lnTo>
                      <a:pt x="6358" y="3722"/>
                    </a:lnTo>
                    <a:lnTo>
                      <a:pt x="6409" y="3625"/>
                    </a:lnTo>
                    <a:lnTo>
                      <a:pt x="6467" y="3531"/>
                    </a:lnTo>
                    <a:lnTo>
                      <a:pt x="6531" y="3440"/>
                    </a:lnTo>
                    <a:lnTo>
                      <a:pt x="6599" y="3354"/>
                    </a:lnTo>
                    <a:lnTo>
                      <a:pt x="6672" y="3273"/>
                    </a:lnTo>
                    <a:lnTo>
                      <a:pt x="6749" y="3199"/>
                    </a:lnTo>
                    <a:lnTo>
                      <a:pt x="6828" y="3131"/>
                    </a:lnTo>
                    <a:lnTo>
                      <a:pt x="6869" y="3101"/>
                    </a:lnTo>
                    <a:lnTo>
                      <a:pt x="6922" y="3063"/>
                    </a:lnTo>
                    <a:lnTo>
                      <a:pt x="7054" y="2988"/>
                    </a:lnTo>
                    <a:lnTo>
                      <a:pt x="7200" y="2918"/>
                    </a:lnTo>
                    <a:lnTo>
                      <a:pt x="7346" y="2862"/>
                    </a:lnTo>
                    <a:lnTo>
                      <a:pt x="7412" y="2842"/>
                    </a:lnTo>
                    <a:lnTo>
                      <a:pt x="7456" y="2831"/>
                    </a:lnTo>
                    <a:lnTo>
                      <a:pt x="7534" y="2815"/>
                    </a:lnTo>
                    <a:lnTo>
                      <a:pt x="7624" y="2806"/>
                    </a:lnTo>
                    <a:lnTo>
                      <a:pt x="7745" y="2803"/>
                    </a:lnTo>
                    <a:lnTo>
                      <a:pt x="7829" y="2802"/>
                    </a:lnTo>
                    <a:lnTo>
                      <a:pt x="7951" y="2803"/>
                    </a:lnTo>
                    <a:lnTo>
                      <a:pt x="8100" y="2812"/>
                    </a:lnTo>
                    <a:lnTo>
                      <a:pt x="8189" y="2824"/>
                    </a:lnTo>
                    <a:lnTo>
                      <a:pt x="8273" y="2842"/>
                    </a:lnTo>
                    <a:lnTo>
                      <a:pt x="8356" y="2866"/>
                    </a:lnTo>
                    <a:lnTo>
                      <a:pt x="8489" y="2916"/>
                    </a:lnTo>
                    <a:lnTo>
                      <a:pt x="8592" y="2962"/>
                    </a:lnTo>
                    <a:lnTo>
                      <a:pt x="8638" y="2984"/>
                    </a:lnTo>
                    <a:lnTo>
                      <a:pt x="8731" y="3036"/>
                    </a:lnTo>
                    <a:lnTo>
                      <a:pt x="8821" y="3096"/>
                    </a:lnTo>
                    <a:lnTo>
                      <a:pt x="8910" y="3164"/>
                    </a:lnTo>
                    <a:lnTo>
                      <a:pt x="8995" y="3238"/>
                    </a:lnTo>
                    <a:lnTo>
                      <a:pt x="9075" y="3317"/>
                    </a:lnTo>
                    <a:lnTo>
                      <a:pt x="9149" y="3400"/>
                    </a:lnTo>
                    <a:lnTo>
                      <a:pt x="9217" y="3486"/>
                    </a:lnTo>
                    <a:lnTo>
                      <a:pt x="9247" y="3531"/>
                    </a:lnTo>
                    <a:lnTo>
                      <a:pt x="9282" y="3585"/>
                    </a:lnTo>
                    <a:lnTo>
                      <a:pt x="9344" y="3699"/>
                    </a:lnTo>
                    <a:lnTo>
                      <a:pt x="9397" y="3816"/>
                    </a:lnTo>
                    <a:lnTo>
                      <a:pt x="9440" y="3937"/>
                    </a:lnTo>
                    <a:lnTo>
                      <a:pt x="9474" y="4061"/>
                    </a:lnTo>
                    <a:lnTo>
                      <a:pt x="9498" y="4186"/>
                    </a:lnTo>
                    <a:lnTo>
                      <a:pt x="9513" y="4313"/>
                    </a:lnTo>
                    <a:lnTo>
                      <a:pt x="9518" y="4441"/>
                    </a:lnTo>
                    <a:lnTo>
                      <a:pt x="9514" y="4568"/>
                    </a:lnTo>
                    <a:lnTo>
                      <a:pt x="9500" y="4695"/>
                    </a:lnTo>
                    <a:lnTo>
                      <a:pt x="9477" y="4820"/>
                    </a:lnTo>
                    <a:lnTo>
                      <a:pt x="9445" y="4944"/>
                    </a:lnTo>
                    <a:lnTo>
                      <a:pt x="9403" y="5065"/>
                    </a:lnTo>
                    <a:lnTo>
                      <a:pt x="9352" y="5182"/>
                    </a:lnTo>
                    <a:lnTo>
                      <a:pt x="9292" y="5295"/>
                    </a:lnTo>
                    <a:lnTo>
                      <a:pt x="9222" y="5404"/>
                    </a:lnTo>
                    <a:lnTo>
                      <a:pt x="9184" y="5456"/>
                    </a:lnTo>
                    <a:lnTo>
                      <a:pt x="9133" y="5521"/>
                    </a:lnTo>
                    <a:lnTo>
                      <a:pt x="9023" y="5639"/>
                    </a:lnTo>
                    <a:lnTo>
                      <a:pt x="8902" y="5745"/>
                    </a:lnTo>
                    <a:lnTo>
                      <a:pt x="8772" y="5838"/>
                    </a:lnTo>
                    <a:lnTo>
                      <a:pt x="8631" y="5918"/>
                    </a:lnTo>
                    <a:lnTo>
                      <a:pt x="8481" y="5985"/>
                    </a:lnTo>
                    <a:lnTo>
                      <a:pt x="8321" y="6039"/>
                    </a:lnTo>
                    <a:lnTo>
                      <a:pt x="8151" y="6079"/>
                    </a:lnTo>
                    <a:lnTo>
                      <a:pt x="8062" y="6094"/>
                    </a:lnTo>
                    <a:lnTo>
                      <a:pt x="8015" y="6101"/>
                    </a:lnTo>
                    <a:lnTo>
                      <a:pt x="7919" y="6109"/>
                    </a:lnTo>
                    <a:lnTo>
                      <a:pt x="7822" y="6110"/>
                    </a:lnTo>
                    <a:lnTo>
                      <a:pt x="7725" y="6106"/>
                    </a:lnTo>
                    <a:lnTo>
                      <a:pt x="7627" y="6095"/>
                    </a:lnTo>
                    <a:lnTo>
                      <a:pt x="7530" y="6079"/>
                    </a:lnTo>
                    <a:lnTo>
                      <a:pt x="7434" y="6057"/>
                    </a:lnTo>
                    <a:lnTo>
                      <a:pt x="7339" y="6030"/>
                    </a:lnTo>
                    <a:lnTo>
                      <a:pt x="7245" y="5997"/>
                    </a:lnTo>
                    <a:lnTo>
                      <a:pt x="7154" y="5959"/>
                    </a:lnTo>
                    <a:lnTo>
                      <a:pt x="7065" y="5916"/>
                    </a:lnTo>
                    <a:lnTo>
                      <a:pt x="6979" y="5868"/>
                    </a:lnTo>
                    <a:lnTo>
                      <a:pt x="6897" y="5815"/>
                    </a:lnTo>
                    <a:lnTo>
                      <a:pt x="6818" y="5758"/>
                    </a:lnTo>
                    <a:lnTo>
                      <a:pt x="6744" y="5696"/>
                    </a:lnTo>
                    <a:lnTo>
                      <a:pt x="6675" y="5630"/>
                    </a:lnTo>
                    <a:lnTo>
                      <a:pt x="6642" y="5596"/>
                    </a:lnTo>
                    <a:lnTo>
                      <a:pt x="6599" y="5547"/>
                    </a:lnTo>
                    <a:lnTo>
                      <a:pt x="6509" y="5427"/>
                    </a:lnTo>
                    <a:lnTo>
                      <a:pt x="6425" y="5297"/>
                    </a:lnTo>
                    <a:lnTo>
                      <a:pt x="6356" y="5174"/>
                    </a:lnTo>
                    <a:lnTo>
                      <a:pt x="6334" y="5122"/>
                    </a:lnTo>
                    <a:lnTo>
                      <a:pt x="6317" y="5080"/>
                    </a:lnTo>
                    <a:lnTo>
                      <a:pt x="6282" y="5014"/>
                    </a:lnTo>
                    <a:lnTo>
                      <a:pt x="6270" y="5002"/>
                    </a:lnTo>
                    <a:lnTo>
                      <a:pt x="6260" y="4998"/>
                    </a:lnTo>
                    <a:lnTo>
                      <a:pt x="6185" y="4992"/>
                    </a:lnTo>
                    <a:lnTo>
                      <a:pt x="5970" y="4986"/>
                    </a:lnTo>
                    <a:lnTo>
                      <a:pt x="5747" y="4986"/>
                    </a:lnTo>
                    <a:lnTo>
                      <a:pt x="5245" y="4987"/>
                    </a:lnTo>
                    <a:lnTo>
                      <a:pt x="4724" y="5506"/>
                    </a:lnTo>
                    <a:lnTo>
                      <a:pt x="4581" y="5648"/>
                    </a:lnTo>
                    <a:lnTo>
                      <a:pt x="4369" y="5855"/>
                    </a:lnTo>
                    <a:lnTo>
                      <a:pt x="4230" y="5983"/>
                    </a:lnTo>
                    <a:lnTo>
                      <a:pt x="4146" y="6050"/>
                    </a:lnTo>
                    <a:lnTo>
                      <a:pt x="4120" y="6064"/>
                    </a:lnTo>
                    <a:lnTo>
                      <a:pt x="4037" y="6102"/>
                    </a:lnTo>
                    <a:lnTo>
                      <a:pt x="2104" y="6111"/>
                    </a:lnTo>
                    <a:lnTo>
                      <a:pt x="170" y="6119"/>
                    </a:lnTo>
                    <a:lnTo>
                      <a:pt x="150" y="6197"/>
                    </a:lnTo>
                    <a:lnTo>
                      <a:pt x="137" y="6253"/>
                    </a:lnTo>
                    <a:lnTo>
                      <a:pt x="109" y="6398"/>
                    </a:lnTo>
                    <a:lnTo>
                      <a:pt x="67" y="6658"/>
                    </a:lnTo>
                    <a:lnTo>
                      <a:pt x="21" y="7013"/>
                    </a:lnTo>
                    <a:lnTo>
                      <a:pt x="3" y="7210"/>
                    </a:lnTo>
                    <a:lnTo>
                      <a:pt x="3" y="7284"/>
                    </a:lnTo>
                    <a:lnTo>
                      <a:pt x="7" y="7296"/>
                    </a:lnTo>
                    <a:lnTo>
                      <a:pt x="71" y="7299"/>
                    </a:lnTo>
                    <a:lnTo>
                      <a:pt x="758" y="7304"/>
                    </a:lnTo>
                    <a:lnTo>
                      <a:pt x="2802" y="7308"/>
                    </a:lnTo>
                    <a:lnTo>
                      <a:pt x="4844" y="7307"/>
                    </a:lnTo>
                    <a:lnTo>
                      <a:pt x="7580" y="7304"/>
                    </a:lnTo>
                    <a:lnTo>
                      <a:pt x="9297" y="7295"/>
                    </a:lnTo>
                    <a:lnTo>
                      <a:pt x="9600" y="7288"/>
                    </a:lnTo>
                    <a:lnTo>
                      <a:pt x="9674" y="7281"/>
                    </a:lnTo>
                    <a:lnTo>
                      <a:pt x="9680" y="7277"/>
                    </a:lnTo>
                    <a:lnTo>
                      <a:pt x="9702" y="7232"/>
                    </a:lnTo>
                    <a:lnTo>
                      <a:pt x="9747" y="7136"/>
                    </a:lnTo>
                    <a:lnTo>
                      <a:pt x="9777" y="7072"/>
                    </a:lnTo>
                    <a:lnTo>
                      <a:pt x="9845" y="6952"/>
                    </a:lnTo>
                    <a:lnTo>
                      <a:pt x="9921" y="6839"/>
                    </a:lnTo>
                    <a:lnTo>
                      <a:pt x="10005" y="6734"/>
                    </a:lnTo>
                    <a:lnTo>
                      <a:pt x="10098" y="6636"/>
                    </a:lnTo>
                    <a:lnTo>
                      <a:pt x="10199" y="6547"/>
                    </a:lnTo>
                    <a:lnTo>
                      <a:pt x="10309" y="6466"/>
                    </a:lnTo>
                    <a:lnTo>
                      <a:pt x="10427" y="6394"/>
                    </a:lnTo>
                    <a:lnTo>
                      <a:pt x="10489" y="6361"/>
                    </a:lnTo>
                    <a:lnTo>
                      <a:pt x="10535" y="6337"/>
                    </a:lnTo>
                    <a:lnTo>
                      <a:pt x="10607" y="6303"/>
                    </a:lnTo>
                    <a:lnTo>
                      <a:pt x="10713" y="6266"/>
                    </a:lnTo>
                    <a:lnTo>
                      <a:pt x="10820" y="6237"/>
                    </a:lnTo>
                    <a:lnTo>
                      <a:pt x="10879" y="6223"/>
                    </a:lnTo>
                    <a:lnTo>
                      <a:pt x="10999" y="6201"/>
                    </a:lnTo>
                    <a:lnTo>
                      <a:pt x="11123" y="6188"/>
                    </a:lnTo>
                    <a:lnTo>
                      <a:pt x="11250" y="6185"/>
                    </a:lnTo>
                    <a:lnTo>
                      <a:pt x="11378" y="6192"/>
                    </a:lnTo>
                    <a:lnTo>
                      <a:pt x="11507" y="6207"/>
                    </a:lnTo>
                    <a:lnTo>
                      <a:pt x="11634" y="6232"/>
                    </a:lnTo>
                    <a:lnTo>
                      <a:pt x="11759" y="6265"/>
                    </a:lnTo>
                    <a:lnTo>
                      <a:pt x="11820" y="6286"/>
                    </a:lnTo>
                    <a:lnTo>
                      <a:pt x="11864" y="6302"/>
                    </a:lnTo>
                    <a:lnTo>
                      <a:pt x="11967" y="6348"/>
                    </a:lnTo>
                    <a:lnTo>
                      <a:pt x="12076" y="6402"/>
                    </a:lnTo>
                    <a:lnTo>
                      <a:pt x="12174" y="6458"/>
                    </a:lnTo>
                    <a:lnTo>
                      <a:pt x="12212" y="6482"/>
                    </a:lnTo>
                    <a:lnTo>
                      <a:pt x="12251" y="6510"/>
                    </a:lnTo>
                    <a:lnTo>
                      <a:pt x="12330" y="6575"/>
                    </a:lnTo>
                    <a:lnTo>
                      <a:pt x="12409" y="6649"/>
                    </a:lnTo>
                    <a:lnTo>
                      <a:pt x="12486" y="6730"/>
                    </a:lnTo>
                    <a:lnTo>
                      <a:pt x="12559" y="6816"/>
                    </a:lnTo>
                    <a:lnTo>
                      <a:pt x="12625" y="6903"/>
                    </a:lnTo>
                    <a:lnTo>
                      <a:pt x="12684" y="6992"/>
                    </a:lnTo>
                    <a:lnTo>
                      <a:pt x="12732" y="7078"/>
                    </a:lnTo>
                    <a:lnTo>
                      <a:pt x="12752" y="7119"/>
                    </a:lnTo>
                    <a:lnTo>
                      <a:pt x="12792" y="7211"/>
                    </a:lnTo>
                    <a:lnTo>
                      <a:pt x="12838" y="7339"/>
                    </a:lnTo>
                    <a:lnTo>
                      <a:pt x="12861" y="7422"/>
                    </a:lnTo>
                    <a:lnTo>
                      <a:pt x="12879" y="7507"/>
                    </a:lnTo>
                    <a:lnTo>
                      <a:pt x="12892" y="7595"/>
                    </a:lnTo>
                    <a:lnTo>
                      <a:pt x="12902" y="7737"/>
                    </a:lnTo>
                    <a:lnTo>
                      <a:pt x="12904" y="7844"/>
                    </a:lnTo>
                    <a:lnTo>
                      <a:pt x="12903" y="7914"/>
                    </a:lnTo>
                    <a:lnTo>
                      <a:pt x="12896" y="8046"/>
                    </a:lnTo>
                    <a:lnTo>
                      <a:pt x="12880" y="8169"/>
                    </a:lnTo>
                    <a:lnTo>
                      <a:pt x="12857" y="8286"/>
                    </a:lnTo>
                    <a:lnTo>
                      <a:pt x="12824" y="8398"/>
                    </a:lnTo>
                    <a:lnTo>
                      <a:pt x="12782" y="8507"/>
                    </a:lnTo>
                    <a:lnTo>
                      <a:pt x="12730" y="8615"/>
                    </a:lnTo>
                    <a:lnTo>
                      <a:pt x="12668" y="8723"/>
                    </a:lnTo>
                    <a:lnTo>
                      <a:pt x="12632" y="8777"/>
                    </a:lnTo>
                    <a:lnTo>
                      <a:pt x="12588" y="8841"/>
                    </a:lnTo>
                    <a:lnTo>
                      <a:pt x="12491" y="8960"/>
                    </a:lnTo>
                    <a:lnTo>
                      <a:pt x="12384" y="9067"/>
                    </a:lnTo>
                    <a:lnTo>
                      <a:pt x="12267" y="9164"/>
                    </a:lnTo>
                    <a:lnTo>
                      <a:pt x="12140" y="9250"/>
                    </a:lnTo>
                    <a:lnTo>
                      <a:pt x="12004" y="9324"/>
                    </a:lnTo>
                    <a:lnTo>
                      <a:pt x="11858" y="9387"/>
                    </a:lnTo>
                    <a:lnTo>
                      <a:pt x="11702" y="9439"/>
                    </a:lnTo>
                    <a:lnTo>
                      <a:pt x="11620" y="9461"/>
                    </a:lnTo>
                    <a:lnTo>
                      <a:pt x="11584" y="9469"/>
                    </a:lnTo>
                    <a:lnTo>
                      <a:pt x="11502" y="9482"/>
                    </a:lnTo>
                    <a:lnTo>
                      <a:pt x="11361" y="9495"/>
                    </a:lnTo>
                    <a:lnTo>
                      <a:pt x="11161" y="9498"/>
                    </a:lnTo>
                    <a:lnTo>
                      <a:pt x="11020" y="9489"/>
                    </a:lnTo>
                    <a:lnTo>
                      <a:pt x="10937" y="9478"/>
                    </a:lnTo>
                    <a:lnTo>
                      <a:pt x="10900" y="9471"/>
                    </a:lnTo>
                    <a:lnTo>
                      <a:pt x="10851" y="9460"/>
                    </a:lnTo>
                    <a:lnTo>
                      <a:pt x="10756" y="9433"/>
                    </a:lnTo>
                    <a:lnTo>
                      <a:pt x="10662" y="9402"/>
                    </a:lnTo>
                    <a:lnTo>
                      <a:pt x="10572" y="9365"/>
                    </a:lnTo>
                    <a:lnTo>
                      <a:pt x="10484" y="9324"/>
                    </a:lnTo>
                    <a:lnTo>
                      <a:pt x="10399" y="9277"/>
                    </a:lnTo>
                    <a:lnTo>
                      <a:pt x="10317" y="9226"/>
                    </a:lnTo>
                    <a:lnTo>
                      <a:pt x="10239" y="9170"/>
                    </a:lnTo>
                    <a:lnTo>
                      <a:pt x="10164" y="9110"/>
                    </a:lnTo>
                    <a:lnTo>
                      <a:pt x="10093" y="9046"/>
                    </a:lnTo>
                    <a:lnTo>
                      <a:pt x="10026" y="8978"/>
                    </a:lnTo>
                    <a:lnTo>
                      <a:pt x="9963" y="8906"/>
                    </a:lnTo>
                    <a:lnTo>
                      <a:pt x="9905" y="8830"/>
                    </a:lnTo>
                    <a:lnTo>
                      <a:pt x="9851" y="8750"/>
                    </a:lnTo>
                    <a:lnTo>
                      <a:pt x="9802" y="8667"/>
                    </a:lnTo>
                    <a:lnTo>
                      <a:pt x="9757" y="8580"/>
                    </a:lnTo>
                    <a:lnTo>
                      <a:pt x="9737" y="8536"/>
                    </a:lnTo>
                    <a:lnTo>
                      <a:pt x="9695" y="8440"/>
                    </a:lnTo>
                    <a:lnTo>
                      <a:pt x="9674" y="8397"/>
                    </a:lnTo>
                    <a:lnTo>
                      <a:pt x="9653" y="8395"/>
                    </a:lnTo>
                    <a:lnTo>
                      <a:pt x="9438" y="8390"/>
                    </a:lnTo>
                    <a:lnTo>
                      <a:pt x="8799" y="8385"/>
                    </a:lnTo>
                    <a:lnTo>
                      <a:pt x="6648" y="8377"/>
                    </a:lnTo>
                    <a:lnTo>
                      <a:pt x="3028" y="8376"/>
                    </a:lnTo>
                    <a:lnTo>
                      <a:pt x="877" y="8383"/>
                    </a:lnTo>
                    <a:lnTo>
                      <a:pt x="238" y="8388"/>
                    </a:lnTo>
                    <a:lnTo>
                      <a:pt x="24" y="8393"/>
                    </a:lnTo>
                    <a:lnTo>
                      <a:pt x="4" y="8396"/>
                    </a:lnTo>
                    <a:lnTo>
                      <a:pt x="0" y="8409"/>
                    </a:lnTo>
                    <a:lnTo>
                      <a:pt x="3" y="8487"/>
                    </a:lnTo>
                    <a:lnTo>
                      <a:pt x="23" y="8687"/>
                    </a:lnTo>
                    <a:lnTo>
                      <a:pt x="70" y="9043"/>
                    </a:lnTo>
                    <a:lnTo>
                      <a:pt x="126" y="9378"/>
                    </a:lnTo>
                    <a:lnTo>
                      <a:pt x="150" y="9491"/>
                    </a:lnTo>
                    <a:lnTo>
                      <a:pt x="170" y="9569"/>
                    </a:lnTo>
                    <a:lnTo>
                      <a:pt x="2104" y="9577"/>
                    </a:lnTo>
                    <a:lnTo>
                      <a:pt x="4037" y="9586"/>
                    </a:lnTo>
                    <a:lnTo>
                      <a:pt x="4120" y="9626"/>
                    </a:lnTo>
                    <a:lnTo>
                      <a:pt x="4147" y="9640"/>
                    </a:lnTo>
                    <a:lnTo>
                      <a:pt x="4234" y="9710"/>
                    </a:lnTo>
                    <a:lnTo>
                      <a:pt x="4376" y="9842"/>
                    </a:lnTo>
                    <a:lnTo>
                      <a:pt x="4588" y="10049"/>
                    </a:lnTo>
                    <a:lnTo>
                      <a:pt x="4729" y="10189"/>
                    </a:lnTo>
                    <a:lnTo>
                      <a:pt x="5255" y="10711"/>
                    </a:lnTo>
                    <a:lnTo>
                      <a:pt x="5762" y="10707"/>
                    </a:lnTo>
                    <a:lnTo>
                      <a:pt x="6269" y="10702"/>
                    </a:lnTo>
                    <a:lnTo>
                      <a:pt x="6290" y="10661"/>
                    </a:lnTo>
                    <a:lnTo>
                      <a:pt x="6320" y="10600"/>
                    </a:lnTo>
                    <a:lnTo>
                      <a:pt x="6372" y="10494"/>
                    </a:lnTo>
                    <a:lnTo>
                      <a:pt x="6394" y="10450"/>
                    </a:lnTo>
                    <a:lnTo>
                      <a:pt x="6441" y="10365"/>
                    </a:lnTo>
                    <a:lnTo>
                      <a:pt x="6492" y="10285"/>
                    </a:lnTo>
                    <a:lnTo>
                      <a:pt x="6547" y="10208"/>
                    </a:lnTo>
                    <a:lnTo>
                      <a:pt x="6606" y="10135"/>
                    </a:lnTo>
                    <a:lnTo>
                      <a:pt x="6668" y="10067"/>
                    </a:lnTo>
                    <a:lnTo>
                      <a:pt x="6734" y="10003"/>
                    </a:lnTo>
                    <a:lnTo>
                      <a:pt x="6803" y="9943"/>
                    </a:lnTo>
                    <a:lnTo>
                      <a:pt x="6876" y="9887"/>
                    </a:lnTo>
                    <a:lnTo>
                      <a:pt x="6952" y="9836"/>
                    </a:lnTo>
                    <a:lnTo>
                      <a:pt x="7032" y="9789"/>
                    </a:lnTo>
                    <a:lnTo>
                      <a:pt x="7115" y="9746"/>
                    </a:lnTo>
                    <a:lnTo>
                      <a:pt x="7201" y="9708"/>
                    </a:lnTo>
                    <a:lnTo>
                      <a:pt x="7291" y="9674"/>
                    </a:lnTo>
                    <a:lnTo>
                      <a:pt x="7383" y="9644"/>
                    </a:lnTo>
                    <a:lnTo>
                      <a:pt x="7479" y="9620"/>
                    </a:lnTo>
                    <a:lnTo>
                      <a:pt x="7529" y="9609"/>
                    </a:lnTo>
                    <a:lnTo>
                      <a:pt x="7563" y="9602"/>
                    </a:lnTo>
                    <a:lnTo>
                      <a:pt x="7643" y="9593"/>
                    </a:lnTo>
                    <a:lnTo>
                      <a:pt x="7782" y="9586"/>
                    </a:lnTo>
                    <a:lnTo>
                      <a:pt x="7981" y="9591"/>
                    </a:lnTo>
                    <a:lnTo>
                      <a:pt x="8120" y="9606"/>
                    </a:lnTo>
                    <a:lnTo>
                      <a:pt x="8202" y="9619"/>
                    </a:lnTo>
                    <a:lnTo>
                      <a:pt x="8237" y="9627"/>
                    </a:lnTo>
                    <a:lnTo>
                      <a:pt x="8290" y="9641"/>
                    </a:lnTo>
                    <a:lnTo>
                      <a:pt x="8392" y="9673"/>
                    </a:lnTo>
                    <a:lnTo>
                      <a:pt x="8490" y="9709"/>
                    </a:lnTo>
                    <a:lnTo>
                      <a:pt x="8585" y="9750"/>
                    </a:lnTo>
                    <a:lnTo>
                      <a:pt x="8676" y="9796"/>
                    </a:lnTo>
                    <a:lnTo>
                      <a:pt x="8763" y="9847"/>
                    </a:lnTo>
                    <a:lnTo>
                      <a:pt x="8845" y="9902"/>
                    </a:lnTo>
                    <a:lnTo>
                      <a:pt x="8924" y="9962"/>
                    </a:lnTo>
                    <a:lnTo>
                      <a:pt x="8998" y="10027"/>
                    </a:lnTo>
                    <a:lnTo>
                      <a:pt x="9068" y="10096"/>
                    </a:lnTo>
                    <a:lnTo>
                      <a:pt x="9134" y="10169"/>
                    </a:lnTo>
                    <a:lnTo>
                      <a:pt x="9195" y="10247"/>
                    </a:lnTo>
                    <a:lnTo>
                      <a:pt x="9251" y="10328"/>
                    </a:lnTo>
                    <a:lnTo>
                      <a:pt x="9303" y="10414"/>
                    </a:lnTo>
                    <a:lnTo>
                      <a:pt x="9350" y="10504"/>
                    </a:lnTo>
                    <a:lnTo>
                      <a:pt x="9393" y="10599"/>
                    </a:lnTo>
                    <a:lnTo>
                      <a:pt x="9412" y="10647"/>
                    </a:lnTo>
                    <a:lnTo>
                      <a:pt x="9428" y="10693"/>
                    </a:lnTo>
                    <a:lnTo>
                      <a:pt x="9457" y="10791"/>
                    </a:lnTo>
                    <a:lnTo>
                      <a:pt x="9482" y="10899"/>
                    </a:lnTo>
                    <a:lnTo>
                      <a:pt x="9502" y="11021"/>
                    </a:lnTo>
                    <a:lnTo>
                      <a:pt x="9510" y="11089"/>
                    </a:lnTo>
                    <a:lnTo>
                      <a:pt x="9517" y="11155"/>
                    </a:lnTo>
                    <a:lnTo>
                      <a:pt x="9519" y="11290"/>
                    </a:lnTo>
                    <a:lnTo>
                      <a:pt x="9509" y="11429"/>
                    </a:lnTo>
                    <a:lnTo>
                      <a:pt x="9487" y="11569"/>
                    </a:lnTo>
                    <a:lnTo>
                      <a:pt x="9452" y="11707"/>
                    </a:lnTo>
                    <a:lnTo>
                      <a:pt x="9407" y="11843"/>
                    </a:lnTo>
                    <a:lnTo>
                      <a:pt x="9351" y="11974"/>
                    </a:lnTo>
                    <a:lnTo>
                      <a:pt x="9284" y="12099"/>
                    </a:lnTo>
                    <a:lnTo>
                      <a:pt x="9247" y="12157"/>
                    </a:lnTo>
                    <a:lnTo>
                      <a:pt x="9217" y="12201"/>
                    </a:lnTo>
                    <a:lnTo>
                      <a:pt x="9154" y="12284"/>
                    </a:lnTo>
                    <a:lnTo>
                      <a:pt x="9087" y="12362"/>
                    </a:lnTo>
                    <a:lnTo>
                      <a:pt x="9015" y="12435"/>
                    </a:lnTo>
                    <a:lnTo>
                      <a:pt x="8940" y="12504"/>
                    </a:lnTo>
                    <a:lnTo>
                      <a:pt x="8860" y="12567"/>
                    </a:lnTo>
                    <a:lnTo>
                      <a:pt x="8777" y="12625"/>
                    </a:lnTo>
                    <a:lnTo>
                      <a:pt x="8690" y="12677"/>
                    </a:lnTo>
                    <a:lnTo>
                      <a:pt x="8600" y="12724"/>
                    </a:lnTo>
                    <a:lnTo>
                      <a:pt x="8507" y="12766"/>
                    </a:lnTo>
                    <a:lnTo>
                      <a:pt x="8410" y="12802"/>
                    </a:lnTo>
                    <a:lnTo>
                      <a:pt x="8312" y="12832"/>
                    </a:lnTo>
                    <a:lnTo>
                      <a:pt x="8210" y="12856"/>
                    </a:lnTo>
                    <a:lnTo>
                      <a:pt x="8106" y="12875"/>
                    </a:lnTo>
                    <a:lnTo>
                      <a:pt x="8000" y="12887"/>
                    </a:lnTo>
                    <a:lnTo>
                      <a:pt x="7892" y="12893"/>
                    </a:lnTo>
                    <a:lnTo>
                      <a:pt x="7837" y="12894"/>
                    </a:lnTo>
                    <a:lnTo>
                      <a:pt x="7776" y="12893"/>
                    </a:lnTo>
                    <a:lnTo>
                      <a:pt x="7657" y="12886"/>
                    </a:lnTo>
                    <a:lnTo>
                      <a:pt x="7541" y="12870"/>
                    </a:lnTo>
                    <a:lnTo>
                      <a:pt x="7428" y="12847"/>
                    </a:lnTo>
                    <a:lnTo>
                      <a:pt x="7318" y="12816"/>
                    </a:lnTo>
                    <a:lnTo>
                      <a:pt x="7212" y="12779"/>
                    </a:lnTo>
                    <a:lnTo>
                      <a:pt x="7110" y="12734"/>
                    </a:lnTo>
                    <a:lnTo>
                      <a:pt x="7011" y="12682"/>
                    </a:lnTo>
                    <a:lnTo>
                      <a:pt x="6917" y="12623"/>
                    </a:lnTo>
                    <a:lnTo>
                      <a:pt x="6827" y="12557"/>
                    </a:lnTo>
                    <a:lnTo>
                      <a:pt x="6742" y="12485"/>
                    </a:lnTo>
                    <a:lnTo>
                      <a:pt x="6662" y="12406"/>
                    </a:lnTo>
                    <a:lnTo>
                      <a:pt x="6586" y="12321"/>
                    </a:lnTo>
                    <a:lnTo>
                      <a:pt x="6516" y="12229"/>
                    </a:lnTo>
                    <a:lnTo>
                      <a:pt x="6451" y="12132"/>
                    </a:lnTo>
                    <a:lnTo>
                      <a:pt x="6392" y="12028"/>
                    </a:lnTo>
                    <a:lnTo>
                      <a:pt x="6365" y="11974"/>
                    </a:lnTo>
                    <a:lnTo>
                      <a:pt x="6270" y="11779"/>
                    </a:lnTo>
                    <a:lnTo>
                      <a:pt x="5614" y="11777"/>
                    </a:lnTo>
                    <a:lnTo>
                      <a:pt x="5302" y="11777"/>
                    </a:lnTo>
                    <a:lnTo>
                      <a:pt x="5017" y="11770"/>
                    </a:lnTo>
                    <a:lnTo>
                      <a:pt x="4912" y="11762"/>
                    </a:lnTo>
                    <a:lnTo>
                      <a:pt x="4889" y="11757"/>
                    </a:lnTo>
                    <a:lnTo>
                      <a:pt x="4865" y="11750"/>
                    </a:lnTo>
                    <a:lnTo>
                      <a:pt x="4817" y="11729"/>
                    </a:lnTo>
                    <a:lnTo>
                      <a:pt x="4764" y="11697"/>
                    </a:lnTo>
                    <a:lnTo>
                      <a:pt x="4700" y="11650"/>
                    </a:lnTo>
                    <a:lnTo>
                      <a:pt x="4579" y="11544"/>
                    </a:lnTo>
                    <a:lnTo>
                      <a:pt x="4335" y="11309"/>
                    </a:lnTo>
                    <a:lnTo>
                      <a:pt x="4162" y="11136"/>
                    </a:lnTo>
                    <a:lnTo>
                      <a:pt x="3670" y="10644"/>
                    </a:lnTo>
                    <a:lnTo>
                      <a:pt x="2084" y="10644"/>
                    </a:lnTo>
                    <a:lnTo>
                      <a:pt x="1199" y="10644"/>
                    </a:lnTo>
                    <a:lnTo>
                      <a:pt x="627" y="10651"/>
                    </a:lnTo>
                    <a:lnTo>
                      <a:pt x="523" y="10658"/>
                    </a:lnTo>
                    <a:lnTo>
                      <a:pt x="497" y="10664"/>
                    </a:lnTo>
                    <a:lnTo>
                      <a:pt x="495" y="10667"/>
                    </a:lnTo>
                    <a:lnTo>
                      <a:pt x="496" y="10678"/>
                    </a:lnTo>
                    <a:lnTo>
                      <a:pt x="506" y="10697"/>
                    </a:lnTo>
                    <a:lnTo>
                      <a:pt x="512" y="10702"/>
                    </a:lnTo>
                    <a:lnTo>
                      <a:pt x="518" y="10708"/>
                    </a:lnTo>
                    <a:lnTo>
                      <a:pt x="528" y="10726"/>
                    </a:lnTo>
                    <a:lnTo>
                      <a:pt x="529" y="10736"/>
                    </a:lnTo>
                    <a:lnTo>
                      <a:pt x="531" y="10750"/>
                    </a:lnTo>
                    <a:lnTo>
                      <a:pt x="553" y="10811"/>
                    </a:lnTo>
                    <a:lnTo>
                      <a:pt x="569" y="10847"/>
                    </a:lnTo>
                    <a:lnTo>
                      <a:pt x="611" y="10944"/>
                    </a:lnTo>
                    <a:lnTo>
                      <a:pt x="662" y="11061"/>
                    </a:lnTo>
                    <a:lnTo>
                      <a:pt x="691" y="11126"/>
                    </a:lnTo>
                    <a:lnTo>
                      <a:pt x="759" y="11270"/>
                    </a:lnTo>
                    <a:lnTo>
                      <a:pt x="878" y="11503"/>
                    </a:lnTo>
                    <a:lnTo>
                      <a:pt x="1061" y="11830"/>
                    </a:lnTo>
                    <a:lnTo>
                      <a:pt x="1251" y="12141"/>
                    </a:lnTo>
                    <a:lnTo>
                      <a:pt x="1342" y="12277"/>
                    </a:lnTo>
                    <a:lnTo>
                      <a:pt x="1450" y="12433"/>
                    </a:lnTo>
                    <a:lnTo>
                      <a:pt x="1657" y="12710"/>
                    </a:lnTo>
                    <a:lnTo>
                      <a:pt x="1874" y="12970"/>
                    </a:lnTo>
                    <a:lnTo>
                      <a:pt x="2125" y="13243"/>
                    </a:lnTo>
                    <a:lnTo>
                      <a:pt x="2274" y="13396"/>
                    </a:lnTo>
                    <a:lnTo>
                      <a:pt x="2595" y="13721"/>
                    </a:lnTo>
                    <a:lnTo>
                      <a:pt x="2137" y="15551"/>
                    </a:lnTo>
                    <a:lnTo>
                      <a:pt x="1903" y="16490"/>
                    </a:lnTo>
                    <a:lnTo>
                      <a:pt x="1728" y="17221"/>
                    </a:lnTo>
                    <a:lnTo>
                      <a:pt x="1690" y="17401"/>
                    </a:lnTo>
                    <a:lnTo>
                      <a:pt x="1679" y="17468"/>
                    </a:lnTo>
                    <a:lnTo>
                      <a:pt x="1679" y="17486"/>
                    </a:lnTo>
                    <a:lnTo>
                      <a:pt x="1679" y="17515"/>
                    </a:lnTo>
                    <a:lnTo>
                      <a:pt x="1684" y="17565"/>
                    </a:lnTo>
                    <a:lnTo>
                      <a:pt x="1695" y="17611"/>
                    </a:lnTo>
                    <a:lnTo>
                      <a:pt x="1715" y="17661"/>
                    </a:lnTo>
                    <a:lnTo>
                      <a:pt x="1729" y="17691"/>
                    </a:lnTo>
                    <a:lnTo>
                      <a:pt x="1752" y="17735"/>
                    </a:lnTo>
                    <a:lnTo>
                      <a:pt x="1806" y="17809"/>
                    </a:lnTo>
                    <a:lnTo>
                      <a:pt x="1873" y="17871"/>
                    </a:lnTo>
                    <a:lnTo>
                      <a:pt x="1956" y="17923"/>
                    </a:lnTo>
                    <a:lnTo>
                      <a:pt x="2007" y="17947"/>
                    </a:lnTo>
                    <a:lnTo>
                      <a:pt x="2112" y="17994"/>
                    </a:lnTo>
                    <a:lnTo>
                      <a:pt x="5864" y="17994"/>
                    </a:lnTo>
                    <a:lnTo>
                      <a:pt x="9617" y="17994"/>
                    </a:lnTo>
                    <a:lnTo>
                      <a:pt x="9715" y="17959"/>
                    </a:lnTo>
                    <a:lnTo>
                      <a:pt x="9756" y="17942"/>
                    </a:lnTo>
                    <a:lnTo>
                      <a:pt x="9837" y="17895"/>
                    </a:lnTo>
                    <a:lnTo>
                      <a:pt x="9912" y="17834"/>
                    </a:lnTo>
                    <a:lnTo>
                      <a:pt x="9975" y="17766"/>
                    </a:lnTo>
                    <a:lnTo>
                      <a:pt x="9999" y="17731"/>
                    </a:lnTo>
                    <a:lnTo>
                      <a:pt x="10010" y="17706"/>
                    </a:lnTo>
                    <a:lnTo>
                      <a:pt x="10053" y="17567"/>
                    </a:lnTo>
                    <a:lnTo>
                      <a:pt x="10161" y="17167"/>
                    </a:lnTo>
                    <a:lnTo>
                      <a:pt x="10270" y="16736"/>
                    </a:lnTo>
                    <a:lnTo>
                      <a:pt x="10505" y="15802"/>
                    </a:lnTo>
                    <a:lnTo>
                      <a:pt x="10604" y="15806"/>
                    </a:lnTo>
                    <a:lnTo>
                      <a:pt x="10651" y="15808"/>
                    </a:lnTo>
                    <a:lnTo>
                      <a:pt x="10773" y="15820"/>
                    </a:lnTo>
                    <a:lnTo>
                      <a:pt x="10829" y="15827"/>
                    </a:lnTo>
                    <a:lnTo>
                      <a:pt x="11190" y="15881"/>
                    </a:lnTo>
                    <a:lnTo>
                      <a:pt x="11704" y="15954"/>
                    </a:lnTo>
                    <a:lnTo>
                      <a:pt x="12013" y="15997"/>
                    </a:lnTo>
                    <a:lnTo>
                      <a:pt x="12345" y="16044"/>
                    </a:lnTo>
                    <a:lnTo>
                      <a:pt x="12639" y="16087"/>
                    </a:lnTo>
                    <a:lnTo>
                      <a:pt x="12812" y="16111"/>
                    </a:lnTo>
                    <a:lnTo>
                      <a:pt x="12931" y="16128"/>
                    </a:lnTo>
                    <a:lnTo>
                      <a:pt x="13037" y="16144"/>
                    </a:lnTo>
                    <a:lnTo>
                      <a:pt x="13130" y="16157"/>
                    </a:lnTo>
                    <a:lnTo>
                      <a:pt x="13204" y="16169"/>
                    </a:lnTo>
                    <a:lnTo>
                      <a:pt x="13335" y="16187"/>
                    </a:lnTo>
                    <a:lnTo>
                      <a:pt x="13620" y="16229"/>
                    </a:lnTo>
                    <a:lnTo>
                      <a:pt x="13766" y="16250"/>
                    </a:lnTo>
                    <a:lnTo>
                      <a:pt x="14011" y="16278"/>
                    </a:lnTo>
                    <a:lnTo>
                      <a:pt x="14072" y="16281"/>
                    </a:lnTo>
                    <a:lnTo>
                      <a:pt x="14109" y="16280"/>
                    </a:lnTo>
                    <a:lnTo>
                      <a:pt x="14182" y="16271"/>
                    </a:lnTo>
                    <a:lnTo>
                      <a:pt x="14253" y="16251"/>
                    </a:lnTo>
                    <a:lnTo>
                      <a:pt x="14320" y="16223"/>
                    </a:lnTo>
                    <a:lnTo>
                      <a:pt x="14383" y="16186"/>
                    </a:lnTo>
                    <a:lnTo>
                      <a:pt x="14439" y="16141"/>
                    </a:lnTo>
                    <a:lnTo>
                      <a:pt x="14487" y="16090"/>
                    </a:lnTo>
                    <a:lnTo>
                      <a:pt x="14526" y="16032"/>
                    </a:lnTo>
                    <a:lnTo>
                      <a:pt x="14542" y="16001"/>
                    </a:lnTo>
                    <a:lnTo>
                      <a:pt x="14557" y="15954"/>
                    </a:lnTo>
                    <a:lnTo>
                      <a:pt x="14653" y="15595"/>
                    </a:lnTo>
                    <a:lnTo>
                      <a:pt x="14901" y="14626"/>
                    </a:lnTo>
                    <a:lnTo>
                      <a:pt x="15120" y="13756"/>
                    </a:lnTo>
                    <a:lnTo>
                      <a:pt x="15337" y="12888"/>
                    </a:lnTo>
                    <a:lnTo>
                      <a:pt x="15580" y="11939"/>
                    </a:lnTo>
                    <a:lnTo>
                      <a:pt x="15670" y="11600"/>
                    </a:lnTo>
                    <a:lnTo>
                      <a:pt x="15682" y="11564"/>
                    </a:lnTo>
                    <a:lnTo>
                      <a:pt x="15734" y="11525"/>
                    </a:lnTo>
                    <a:lnTo>
                      <a:pt x="16162" y="11234"/>
                    </a:lnTo>
                    <a:lnTo>
                      <a:pt x="16470" y="11027"/>
                    </a:lnTo>
                    <a:lnTo>
                      <a:pt x="16789" y="10814"/>
                    </a:lnTo>
                    <a:lnTo>
                      <a:pt x="17140" y="10570"/>
                    </a:lnTo>
                    <a:lnTo>
                      <a:pt x="17274" y="10470"/>
                    </a:lnTo>
                    <a:lnTo>
                      <a:pt x="17297" y="10449"/>
                    </a:lnTo>
                    <a:lnTo>
                      <a:pt x="17325" y="10416"/>
                    </a:lnTo>
                    <a:lnTo>
                      <a:pt x="17369" y="10344"/>
                    </a:lnTo>
                    <a:lnTo>
                      <a:pt x="17401" y="10265"/>
                    </a:lnTo>
                    <a:lnTo>
                      <a:pt x="17420" y="10182"/>
                    </a:lnTo>
                    <a:lnTo>
                      <a:pt x="17426" y="10097"/>
                    </a:lnTo>
                    <a:lnTo>
                      <a:pt x="17419" y="10013"/>
                    </a:lnTo>
                    <a:lnTo>
                      <a:pt x="17398" y="9932"/>
                    </a:lnTo>
                    <a:lnTo>
                      <a:pt x="17363" y="9856"/>
                    </a:lnTo>
                    <a:lnTo>
                      <a:pt x="17340" y="9821"/>
                    </a:lnTo>
                    <a:lnTo>
                      <a:pt x="17135" y="9544"/>
                    </a:lnTo>
                    <a:lnTo>
                      <a:pt x="16519" y="8719"/>
                    </a:lnTo>
                    <a:lnTo>
                      <a:pt x="15732" y="7669"/>
                    </a:lnTo>
                    <a:lnTo>
                      <a:pt x="15722" y="7511"/>
                    </a:lnTo>
                    <a:lnTo>
                      <a:pt x="15705" y="7285"/>
                    </a:lnTo>
                    <a:lnTo>
                      <a:pt x="15662" y="6864"/>
                    </a:lnTo>
                    <a:lnTo>
                      <a:pt x="15602" y="6463"/>
                    </a:lnTo>
                    <a:lnTo>
                      <a:pt x="15525" y="6065"/>
                    </a:lnTo>
                    <a:lnTo>
                      <a:pt x="15477" y="5861"/>
                    </a:lnTo>
                    <a:lnTo>
                      <a:pt x="15457" y="5781"/>
                    </a:lnTo>
                    <a:lnTo>
                      <a:pt x="15391" y="5552"/>
                    </a:lnTo>
                    <a:lnTo>
                      <a:pt x="15315" y="5303"/>
                    </a:lnTo>
                    <a:lnTo>
                      <a:pt x="15250" y="5105"/>
                    </a:lnTo>
                    <a:lnTo>
                      <a:pt x="15230" y="5052"/>
                    </a:lnTo>
                    <a:lnTo>
                      <a:pt x="15201" y="4982"/>
                    </a:lnTo>
                    <a:lnTo>
                      <a:pt x="15137" y="4819"/>
                    </a:lnTo>
                    <a:lnTo>
                      <a:pt x="15084" y="4688"/>
                    </a:lnTo>
                    <a:lnTo>
                      <a:pt x="14969" y="4429"/>
                    </a:lnTo>
                    <a:lnTo>
                      <a:pt x="14844" y="4174"/>
                    </a:lnTo>
                    <a:lnTo>
                      <a:pt x="14709" y="3924"/>
                    </a:lnTo>
                    <a:lnTo>
                      <a:pt x="14564" y="3679"/>
                    </a:lnTo>
                    <a:lnTo>
                      <a:pt x="14410" y="3440"/>
                    </a:lnTo>
                    <a:lnTo>
                      <a:pt x="14246" y="3206"/>
                    </a:lnTo>
                    <a:lnTo>
                      <a:pt x="14074" y="2979"/>
                    </a:lnTo>
                    <a:lnTo>
                      <a:pt x="13892" y="2757"/>
                    </a:lnTo>
                    <a:lnTo>
                      <a:pt x="13702" y="2543"/>
                    </a:lnTo>
                    <a:lnTo>
                      <a:pt x="13504" y="2335"/>
                    </a:lnTo>
                    <a:lnTo>
                      <a:pt x="13298" y="2135"/>
                    </a:lnTo>
                    <a:lnTo>
                      <a:pt x="13085" y="1943"/>
                    </a:lnTo>
                    <a:lnTo>
                      <a:pt x="12864" y="1759"/>
                    </a:lnTo>
                    <a:lnTo>
                      <a:pt x="12636" y="1583"/>
                    </a:lnTo>
                    <a:lnTo>
                      <a:pt x="12401" y="1415"/>
                    </a:lnTo>
                    <a:lnTo>
                      <a:pt x="12280" y="1336"/>
                    </a:lnTo>
                    <a:lnTo>
                      <a:pt x="12130" y="1240"/>
                    </a:lnTo>
                    <a:lnTo>
                      <a:pt x="11803" y="1046"/>
                    </a:lnTo>
                    <a:lnTo>
                      <a:pt x="11474" y="868"/>
                    </a:lnTo>
                    <a:lnTo>
                      <a:pt x="11249" y="758"/>
                    </a:lnTo>
                    <a:lnTo>
                      <a:pt x="11116" y="699"/>
                    </a:lnTo>
                    <a:lnTo>
                      <a:pt x="11057" y="676"/>
                    </a:lnTo>
                    <a:lnTo>
                      <a:pt x="10980" y="645"/>
                    </a:lnTo>
                    <a:lnTo>
                      <a:pt x="10920" y="619"/>
                    </a:lnTo>
                    <a:lnTo>
                      <a:pt x="10844" y="587"/>
                    </a:lnTo>
                    <a:lnTo>
                      <a:pt x="10628" y="506"/>
                    </a:lnTo>
                    <a:lnTo>
                      <a:pt x="10384" y="421"/>
                    </a:lnTo>
                    <a:lnTo>
                      <a:pt x="10162" y="349"/>
                    </a:lnTo>
                    <a:lnTo>
                      <a:pt x="10079" y="326"/>
                    </a:lnTo>
                    <a:lnTo>
                      <a:pt x="9932" y="286"/>
                    </a:lnTo>
                    <a:lnTo>
                      <a:pt x="9703" y="227"/>
                    </a:lnTo>
                    <a:lnTo>
                      <a:pt x="9637" y="212"/>
                    </a:lnTo>
                    <a:lnTo>
                      <a:pt x="9478" y="179"/>
                    </a:lnTo>
                    <a:lnTo>
                      <a:pt x="9197" y="126"/>
                    </a:lnTo>
                    <a:lnTo>
                      <a:pt x="9020" y="96"/>
                    </a:lnTo>
                    <a:lnTo>
                      <a:pt x="8922" y="81"/>
                    </a:lnTo>
                    <a:lnTo>
                      <a:pt x="8554" y="38"/>
                    </a:lnTo>
                    <a:lnTo>
                      <a:pt x="8362" y="17"/>
                    </a:lnTo>
                    <a:lnTo>
                      <a:pt x="8279" y="11"/>
                    </a:lnTo>
                    <a:lnTo>
                      <a:pt x="7976" y="3"/>
                    </a:lnTo>
                    <a:lnTo>
                      <a:pt x="7630" y="0"/>
                    </a:lnTo>
                    <a:lnTo>
                      <a:pt x="7376" y="4"/>
                    </a:lnTo>
                    <a:lnTo>
                      <a:pt x="7337" y="9"/>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85" name="Freeform 6"/>
              <p:cNvSpPr>
                <a:spLocks/>
              </p:cNvSpPr>
              <p:nvPr/>
            </p:nvSpPr>
            <p:spPr bwMode="auto">
              <a:xfrm>
                <a:off x="3493" y="928"/>
                <a:ext cx="281" cy="283"/>
              </a:xfrm>
              <a:custGeom>
                <a:avLst/>
                <a:gdLst>
                  <a:gd name="T0" fmla="*/ 355 w 1170"/>
                  <a:gd name="T1" fmla="*/ 42 h 1180"/>
                  <a:gd name="T2" fmla="*/ 326 w 1170"/>
                  <a:gd name="T3" fmla="*/ 55 h 1180"/>
                  <a:gd name="T4" fmla="*/ 272 w 1170"/>
                  <a:gd name="T5" fmla="*/ 84 h 1180"/>
                  <a:gd name="T6" fmla="*/ 223 w 1170"/>
                  <a:gd name="T7" fmla="*/ 118 h 1180"/>
                  <a:gd name="T8" fmla="*/ 178 w 1170"/>
                  <a:gd name="T9" fmla="*/ 158 h 1180"/>
                  <a:gd name="T10" fmla="*/ 138 w 1170"/>
                  <a:gd name="T11" fmla="*/ 201 h 1180"/>
                  <a:gd name="T12" fmla="*/ 102 w 1170"/>
                  <a:gd name="T13" fmla="*/ 248 h 1180"/>
                  <a:gd name="T14" fmla="*/ 72 w 1170"/>
                  <a:gd name="T15" fmla="*/ 298 h 1180"/>
                  <a:gd name="T16" fmla="*/ 46 w 1170"/>
                  <a:gd name="T17" fmla="*/ 352 h 1180"/>
                  <a:gd name="T18" fmla="*/ 27 w 1170"/>
                  <a:gd name="T19" fmla="*/ 408 h 1180"/>
                  <a:gd name="T20" fmla="*/ 12 w 1170"/>
                  <a:gd name="T21" fmla="*/ 466 h 1180"/>
                  <a:gd name="T22" fmla="*/ 3 w 1170"/>
                  <a:gd name="T23" fmla="*/ 525 h 1180"/>
                  <a:gd name="T24" fmla="*/ 0 w 1170"/>
                  <a:gd name="T25" fmla="*/ 586 h 1180"/>
                  <a:gd name="T26" fmla="*/ 3 w 1170"/>
                  <a:gd name="T27" fmla="*/ 647 h 1180"/>
                  <a:gd name="T28" fmla="*/ 12 w 1170"/>
                  <a:gd name="T29" fmla="*/ 709 h 1180"/>
                  <a:gd name="T30" fmla="*/ 28 w 1170"/>
                  <a:gd name="T31" fmla="*/ 770 h 1180"/>
                  <a:gd name="T32" fmla="*/ 50 w 1170"/>
                  <a:gd name="T33" fmla="*/ 831 h 1180"/>
                  <a:gd name="T34" fmla="*/ 63 w 1170"/>
                  <a:gd name="T35" fmla="*/ 861 h 1180"/>
                  <a:gd name="T36" fmla="*/ 83 w 1170"/>
                  <a:gd name="T37" fmla="*/ 900 h 1180"/>
                  <a:gd name="T38" fmla="*/ 130 w 1170"/>
                  <a:gd name="T39" fmla="*/ 969 h 1180"/>
                  <a:gd name="T40" fmla="*/ 185 w 1170"/>
                  <a:gd name="T41" fmla="*/ 1029 h 1180"/>
                  <a:gd name="T42" fmla="*/ 247 w 1170"/>
                  <a:gd name="T43" fmla="*/ 1079 h 1180"/>
                  <a:gd name="T44" fmla="*/ 314 w 1170"/>
                  <a:gd name="T45" fmla="*/ 1119 h 1180"/>
                  <a:gd name="T46" fmla="*/ 386 w 1170"/>
                  <a:gd name="T47" fmla="*/ 1149 h 1180"/>
                  <a:gd name="T48" fmla="*/ 461 w 1170"/>
                  <a:gd name="T49" fmla="*/ 1169 h 1180"/>
                  <a:gd name="T50" fmla="*/ 539 w 1170"/>
                  <a:gd name="T51" fmla="*/ 1180 h 1180"/>
                  <a:gd name="T52" fmla="*/ 617 w 1170"/>
                  <a:gd name="T53" fmla="*/ 1180 h 1180"/>
                  <a:gd name="T54" fmla="*/ 695 w 1170"/>
                  <a:gd name="T55" fmla="*/ 1170 h 1180"/>
                  <a:gd name="T56" fmla="*/ 771 w 1170"/>
                  <a:gd name="T57" fmla="*/ 1150 h 1180"/>
                  <a:gd name="T58" fmla="*/ 845 w 1170"/>
                  <a:gd name="T59" fmla="*/ 1121 h 1180"/>
                  <a:gd name="T60" fmla="*/ 915 w 1170"/>
                  <a:gd name="T61" fmla="*/ 1081 h 1180"/>
                  <a:gd name="T62" fmla="*/ 980 w 1170"/>
                  <a:gd name="T63" fmla="*/ 1032 h 1180"/>
                  <a:gd name="T64" fmla="*/ 1039 w 1170"/>
                  <a:gd name="T65" fmla="*/ 972 h 1180"/>
                  <a:gd name="T66" fmla="*/ 1091 w 1170"/>
                  <a:gd name="T67" fmla="*/ 903 h 1180"/>
                  <a:gd name="T68" fmla="*/ 1113 w 1170"/>
                  <a:gd name="T69" fmla="*/ 864 h 1180"/>
                  <a:gd name="T70" fmla="*/ 1132 w 1170"/>
                  <a:gd name="T71" fmla="*/ 829 h 1180"/>
                  <a:gd name="T72" fmla="*/ 1155 w 1170"/>
                  <a:gd name="T73" fmla="*/ 776 h 1180"/>
                  <a:gd name="T74" fmla="*/ 1166 w 1170"/>
                  <a:gd name="T75" fmla="*/ 722 h 1180"/>
                  <a:gd name="T76" fmla="*/ 1170 w 1170"/>
                  <a:gd name="T77" fmla="*/ 647 h 1180"/>
                  <a:gd name="T78" fmla="*/ 1170 w 1170"/>
                  <a:gd name="T79" fmla="*/ 592 h 1180"/>
                  <a:gd name="T80" fmla="*/ 1170 w 1170"/>
                  <a:gd name="T81" fmla="*/ 540 h 1180"/>
                  <a:gd name="T82" fmla="*/ 1166 w 1170"/>
                  <a:gd name="T83" fmla="*/ 465 h 1180"/>
                  <a:gd name="T84" fmla="*/ 1156 w 1170"/>
                  <a:gd name="T85" fmla="*/ 411 h 1180"/>
                  <a:gd name="T86" fmla="*/ 1136 w 1170"/>
                  <a:gd name="T87" fmla="*/ 360 h 1180"/>
                  <a:gd name="T88" fmla="*/ 1120 w 1170"/>
                  <a:gd name="T89" fmla="*/ 329 h 1180"/>
                  <a:gd name="T90" fmla="*/ 1108 w 1170"/>
                  <a:gd name="T91" fmla="*/ 306 h 1180"/>
                  <a:gd name="T92" fmla="*/ 1078 w 1170"/>
                  <a:gd name="T93" fmla="*/ 259 h 1180"/>
                  <a:gd name="T94" fmla="*/ 1044 w 1170"/>
                  <a:gd name="T95" fmla="*/ 215 h 1180"/>
                  <a:gd name="T96" fmla="*/ 1004 w 1170"/>
                  <a:gd name="T97" fmla="*/ 172 h 1180"/>
                  <a:gd name="T98" fmla="*/ 962 w 1170"/>
                  <a:gd name="T99" fmla="*/ 133 h 1180"/>
                  <a:gd name="T100" fmla="*/ 918 w 1170"/>
                  <a:gd name="T101" fmla="*/ 98 h 1180"/>
                  <a:gd name="T102" fmla="*/ 872 w 1170"/>
                  <a:gd name="T103" fmla="*/ 68 h 1180"/>
                  <a:gd name="T104" fmla="*/ 826 w 1170"/>
                  <a:gd name="T105" fmla="*/ 45 h 1180"/>
                  <a:gd name="T106" fmla="*/ 803 w 1170"/>
                  <a:gd name="T107" fmla="*/ 36 h 1180"/>
                  <a:gd name="T108" fmla="*/ 778 w 1170"/>
                  <a:gd name="T109" fmla="*/ 27 h 1180"/>
                  <a:gd name="T110" fmla="*/ 724 w 1170"/>
                  <a:gd name="T111" fmla="*/ 13 h 1180"/>
                  <a:gd name="T112" fmla="*/ 667 w 1170"/>
                  <a:gd name="T113" fmla="*/ 4 h 1180"/>
                  <a:gd name="T114" fmla="*/ 608 w 1170"/>
                  <a:gd name="T115" fmla="*/ 0 h 1180"/>
                  <a:gd name="T116" fmla="*/ 548 w 1170"/>
                  <a:gd name="T117" fmla="*/ 1 h 1180"/>
                  <a:gd name="T118" fmla="*/ 490 w 1170"/>
                  <a:gd name="T119" fmla="*/ 7 h 1180"/>
                  <a:gd name="T120" fmla="*/ 433 w 1170"/>
                  <a:gd name="T121" fmla="*/ 17 h 1180"/>
                  <a:gd name="T122" fmla="*/ 380 w 1170"/>
                  <a:gd name="T123" fmla="*/ 33 h 1180"/>
                  <a:gd name="T124" fmla="*/ 355 w 1170"/>
                  <a:gd name="T125" fmla="*/ 42 h 1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170" h="1180">
                    <a:moveTo>
                      <a:pt x="355" y="42"/>
                    </a:moveTo>
                    <a:lnTo>
                      <a:pt x="326" y="55"/>
                    </a:lnTo>
                    <a:lnTo>
                      <a:pt x="272" y="84"/>
                    </a:lnTo>
                    <a:lnTo>
                      <a:pt x="223" y="118"/>
                    </a:lnTo>
                    <a:lnTo>
                      <a:pt x="178" y="158"/>
                    </a:lnTo>
                    <a:lnTo>
                      <a:pt x="138" y="201"/>
                    </a:lnTo>
                    <a:lnTo>
                      <a:pt x="102" y="248"/>
                    </a:lnTo>
                    <a:lnTo>
                      <a:pt x="72" y="298"/>
                    </a:lnTo>
                    <a:lnTo>
                      <a:pt x="46" y="352"/>
                    </a:lnTo>
                    <a:lnTo>
                      <a:pt x="27" y="408"/>
                    </a:lnTo>
                    <a:lnTo>
                      <a:pt x="12" y="466"/>
                    </a:lnTo>
                    <a:lnTo>
                      <a:pt x="3" y="525"/>
                    </a:lnTo>
                    <a:lnTo>
                      <a:pt x="0" y="586"/>
                    </a:lnTo>
                    <a:lnTo>
                      <a:pt x="3" y="647"/>
                    </a:lnTo>
                    <a:lnTo>
                      <a:pt x="12" y="709"/>
                    </a:lnTo>
                    <a:lnTo>
                      <a:pt x="28" y="770"/>
                    </a:lnTo>
                    <a:lnTo>
                      <a:pt x="50" y="831"/>
                    </a:lnTo>
                    <a:lnTo>
                      <a:pt x="63" y="861"/>
                    </a:lnTo>
                    <a:lnTo>
                      <a:pt x="83" y="900"/>
                    </a:lnTo>
                    <a:lnTo>
                      <a:pt x="130" y="969"/>
                    </a:lnTo>
                    <a:lnTo>
                      <a:pt x="185" y="1029"/>
                    </a:lnTo>
                    <a:lnTo>
                      <a:pt x="247" y="1079"/>
                    </a:lnTo>
                    <a:lnTo>
                      <a:pt x="314" y="1119"/>
                    </a:lnTo>
                    <a:lnTo>
                      <a:pt x="386" y="1149"/>
                    </a:lnTo>
                    <a:lnTo>
                      <a:pt x="461" y="1169"/>
                    </a:lnTo>
                    <a:lnTo>
                      <a:pt x="539" y="1180"/>
                    </a:lnTo>
                    <a:lnTo>
                      <a:pt x="617" y="1180"/>
                    </a:lnTo>
                    <a:lnTo>
                      <a:pt x="695" y="1170"/>
                    </a:lnTo>
                    <a:lnTo>
                      <a:pt x="771" y="1150"/>
                    </a:lnTo>
                    <a:lnTo>
                      <a:pt x="845" y="1121"/>
                    </a:lnTo>
                    <a:lnTo>
                      <a:pt x="915" y="1081"/>
                    </a:lnTo>
                    <a:lnTo>
                      <a:pt x="980" y="1032"/>
                    </a:lnTo>
                    <a:lnTo>
                      <a:pt x="1039" y="972"/>
                    </a:lnTo>
                    <a:lnTo>
                      <a:pt x="1091" y="903"/>
                    </a:lnTo>
                    <a:lnTo>
                      <a:pt x="1113" y="864"/>
                    </a:lnTo>
                    <a:lnTo>
                      <a:pt x="1132" y="829"/>
                    </a:lnTo>
                    <a:lnTo>
                      <a:pt x="1155" y="776"/>
                    </a:lnTo>
                    <a:lnTo>
                      <a:pt x="1166" y="722"/>
                    </a:lnTo>
                    <a:lnTo>
                      <a:pt x="1170" y="647"/>
                    </a:lnTo>
                    <a:lnTo>
                      <a:pt x="1170" y="592"/>
                    </a:lnTo>
                    <a:lnTo>
                      <a:pt x="1170" y="540"/>
                    </a:lnTo>
                    <a:lnTo>
                      <a:pt x="1166" y="465"/>
                    </a:lnTo>
                    <a:lnTo>
                      <a:pt x="1156" y="411"/>
                    </a:lnTo>
                    <a:lnTo>
                      <a:pt x="1136" y="360"/>
                    </a:lnTo>
                    <a:lnTo>
                      <a:pt x="1120" y="329"/>
                    </a:lnTo>
                    <a:lnTo>
                      <a:pt x="1108" y="306"/>
                    </a:lnTo>
                    <a:lnTo>
                      <a:pt x="1078" y="259"/>
                    </a:lnTo>
                    <a:lnTo>
                      <a:pt x="1044" y="215"/>
                    </a:lnTo>
                    <a:lnTo>
                      <a:pt x="1004" y="172"/>
                    </a:lnTo>
                    <a:lnTo>
                      <a:pt x="962" y="133"/>
                    </a:lnTo>
                    <a:lnTo>
                      <a:pt x="918" y="98"/>
                    </a:lnTo>
                    <a:lnTo>
                      <a:pt x="872" y="68"/>
                    </a:lnTo>
                    <a:lnTo>
                      <a:pt x="826" y="45"/>
                    </a:lnTo>
                    <a:lnTo>
                      <a:pt x="803" y="36"/>
                    </a:lnTo>
                    <a:lnTo>
                      <a:pt x="778" y="27"/>
                    </a:lnTo>
                    <a:lnTo>
                      <a:pt x="724" y="13"/>
                    </a:lnTo>
                    <a:lnTo>
                      <a:pt x="667" y="4"/>
                    </a:lnTo>
                    <a:lnTo>
                      <a:pt x="608" y="0"/>
                    </a:lnTo>
                    <a:lnTo>
                      <a:pt x="548" y="1"/>
                    </a:lnTo>
                    <a:lnTo>
                      <a:pt x="490" y="7"/>
                    </a:lnTo>
                    <a:lnTo>
                      <a:pt x="433" y="17"/>
                    </a:lnTo>
                    <a:lnTo>
                      <a:pt x="380" y="33"/>
                    </a:lnTo>
                    <a:lnTo>
                      <a:pt x="355" y="42"/>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86" name="Freeform 7"/>
              <p:cNvSpPr>
                <a:spLocks/>
              </p:cNvSpPr>
              <p:nvPr/>
            </p:nvSpPr>
            <p:spPr bwMode="auto">
              <a:xfrm>
                <a:off x="4310" y="1741"/>
                <a:ext cx="281" cy="284"/>
              </a:xfrm>
              <a:custGeom>
                <a:avLst/>
                <a:gdLst>
                  <a:gd name="T0" fmla="*/ 450 w 1173"/>
                  <a:gd name="T1" fmla="*/ 19 h 1183"/>
                  <a:gd name="T2" fmla="*/ 415 w 1173"/>
                  <a:gd name="T3" fmla="*/ 28 h 1183"/>
                  <a:gd name="T4" fmla="*/ 349 w 1173"/>
                  <a:gd name="T5" fmla="*/ 51 h 1183"/>
                  <a:gd name="T6" fmla="*/ 290 w 1173"/>
                  <a:gd name="T7" fmla="*/ 78 h 1183"/>
                  <a:gd name="T8" fmla="*/ 236 w 1173"/>
                  <a:gd name="T9" fmla="*/ 110 h 1183"/>
                  <a:gd name="T10" fmla="*/ 187 w 1173"/>
                  <a:gd name="T11" fmla="*/ 148 h 1183"/>
                  <a:gd name="T12" fmla="*/ 144 w 1173"/>
                  <a:gd name="T13" fmla="*/ 191 h 1183"/>
                  <a:gd name="T14" fmla="*/ 105 w 1173"/>
                  <a:gd name="T15" fmla="*/ 240 h 1183"/>
                  <a:gd name="T16" fmla="*/ 71 w 1173"/>
                  <a:gd name="T17" fmla="*/ 296 h 1183"/>
                  <a:gd name="T18" fmla="*/ 55 w 1173"/>
                  <a:gd name="T19" fmla="*/ 326 h 1183"/>
                  <a:gd name="T20" fmla="*/ 37 w 1173"/>
                  <a:gd name="T21" fmla="*/ 362 h 1183"/>
                  <a:gd name="T22" fmla="*/ 15 w 1173"/>
                  <a:gd name="T23" fmla="*/ 418 h 1183"/>
                  <a:gd name="T24" fmla="*/ 4 w 1173"/>
                  <a:gd name="T25" fmla="*/ 474 h 1183"/>
                  <a:gd name="T26" fmla="*/ 0 w 1173"/>
                  <a:gd name="T27" fmla="*/ 550 h 1183"/>
                  <a:gd name="T28" fmla="*/ 0 w 1173"/>
                  <a:gd name="T29" fmla="*/ 604 h 1183"/>
                  <a:gd name="T30" fmla="*/ 1 w 1173"/>
                  <a:gd name="T31" fmla="*/ 658 h 1183"/>
                  <a:gd name="T32" fmla="*/ 5 w 1173"/>
                  <a:gd name="T33" fmla="*/ 733 h 1183"/>
                  <a:gd name="T34" fmla="*/ 16 w 1173"/>
                  <a:gd name="T35" fmla="*/ 787 h 1183"/>
                  <a:gd name="T36" fmla="*/ 37 w 1173"/>
                  <a:gd name="T37" fmla="*/ 840 h 1183"/>
                  <a:gd name="T38" fmla="*/ 54 w 1173"/>
                  <a:gd name="T39" fmla="*/ 873 h 1183"/>
                  <a:gd name="T40" fmla="*/ 74 w 1173"/>
                  <a:gd name="T41" fmla="*/ 910 h 1183"/>
                  <a:gd name="T42" fmla="*/ 121 w 1173"/>
                  <a:gd name="T43" fmla="*/ 977 h 1183"/>
                  <a:gd name="T44" fmla="*/ 174 w 1173"/>
                  <a:gd name="T45" fmla="*/ 1035 h 1183"/>
                  <a:gd name="T46" fmla="*/ 235 w 1173"/>
                  <a:gd name="T47" fmla="*/ 1084 h 1183"/>
                  <a:gd name="T48" fmla="*/ 301 w 1173"/>
                  <a:gd name="T49" fmla="*/ 1123 h 1183"/>
                  <a:gd name="T50" fmla="*/ 375 w 1173"/>
                  <a:gd name="T51" fmla="*/ 1152 h 1183"/>
                  <a:gd name="T52" fmla="*/ 454 w 1173"/>
                  <a:gd name="T53" fmla="*/ 1172 h 1183"/>
                  <a:gd name="T54" fmla="*/ 539 w 1173"/>
                  <a:gd name="T55" fmla="*/ 1182 h 1183"/>
                  <a:gd name="T56" fmla="*/ 584 w 1173"/>
                  <a:gd name="T57" fmla="*/ 1183 h 1183"/>
                  <a:gd name="T58" fmla="*/ 614 w 1173"/>
                  <a:gd name="T59" fmla="*/ 1183 h 1183"/>
                  <a:gd name="T60" fmla="*/ 671 w 1173"/>
                  <a:gd name="T61" fmla="*/ 1178 h 1183"/>
                  <a:gd name="T62" fmla="*/ 726 w 1173"/>
                  <a:gd name="T63" fmla="*/ 1169 h 1183"/>
                  <a:gd name="T64" fmla="*/ 777 w 1173"/>
                  <a:gd name="T65" fmla="*/ 1155 h 1183"/>
                  <a:gd name="T66" fmla="*/ 826 w 1173"/>
                  <a:gd name="T67" fmla="*/ 1136 h 1183"/>
                  <a:gd name="T68" fmla="*/ 874 w 1173"/>
                  <a:gd name="T69" fmla="*/ 1111 h 1183"/>
                  <a:gd name="T70" fmla="*/ 920 w 1173"/>
                  <a:gd name="T71" fmla="*/ 1080 h 1183"/>
                  <a:gd name="T72" fmla="*/ 966 w 1173"/>
                  <a:gd name="T73" fmla="*/ 1043 h 1183"/>
                  <a:gd name="T74" fmla="*/ 989 w 1173"/>
                  <a:gd name="T75" fmla="*/ 1023 h 1183"/>
                  <a:gd name="T76" fmla="*/ 1022 w 1173"/>
                  <a:gd name="T77" fmla="*/ 990 h 1183"/>
                  <a:gd name="T78" fmla="*/ 1078 w 1173"/>
                  <a:gd name="T79" fmla="*/ 916 h 1183"/>
                  <a:gd name="T80" fmla="*/ 1122 w 1173"/>
                  <a:gd name="T81" fmla="*/ 834 h 1183"/>
                  <a:gd name="T82" fmla="*/ 1153 w 1173"/>
                  <a:gd name="T83" fmla="*/ 747 h 1183"/>
                  <a:gd name="T84" fmla="*/ 1170 w 1173"/>
                  <a:gd name="T85" fmla="*/ 656 h 1183"/>
                  <a:gd name="T86" fmla="*/ 1173 w 1173"/>
                  <a:gd name="T87" fmla="*/ 564 h 1183"/>
                  <a:gd name="T88" fmla="*/ 1162 w 1173"/>
                  <a:gd name="T89" fmla="*/ 471 h 1183"/>
                  <a:gd name="T90" fmla="*/ 1136 w 1173"/>
                  <a:gd name="T91" fmla="*/ 381 h 1183"/>
                  <a:gd name="T92" fmla="*/ 1117 w 1173"/>
                  <a:gd name="T93" fmla="*/ 338 h 1183"/>
                  <a:gd name="T94" fmla="*/ 1103 w 1173"/>
                  <a:gd name="T95" fmla="*/ 311 h 1183"/>
                  <a:gd name="T96" fmla="*/ 1069 w 1173"/>
                  <a:gd name="T97" fmla="*/ 258 h 1183"/>
                  <a:gd name="T98" fmla="*/ 1028 w 1173"/>
                  <a:gd name="T99" fmla="*/ 209 h 1183"/>
                  <a:gd name="T100" fmla="*/ 981 w 1173"/>
                  <a:gd name="T101" fmla="*/ 162 h 1183"/>
                  <a:gd name="T102" fmla="*/ 929 w 1173"/>
                  <a:gd name="T103" fmla="*/ 120 h 1183"/>
                  <a:gd name="T104" fmla="*/ 873 w 1173"/>
                  <a:gd name="T105" fmla="*/ 84 h 1183"/>
                  <a:gd name="T106" fmla="*/ 814 w 1173"/>
                  <a:gd name="T107" fmla="*/ 53 h 1183"/>
                  <a:gd name="T108" fmla="*/ 753 w 1173"/>
                  <a:gd name="T109" fmla="*/ 28 h 1183"/>
                  <a:gd name="T110" fmla="*/ 722 w 1173"/>
                  <a:gd name="T111" fmla="*/ 19 h 1183"/>
                  <a:gd name="T112" fmla="*/ 684 w 1173"/>
                  <a:gd name="T113" fmla="*/ 10 h 1183"/>
                  <a:gd name="T114" fmla="*/ 619 w 1173"/>
                  <a:gd name="T115" fmla="*/ 0 h 1183"/>
                  <a:gd name="T116" fmla="*/ 558 w 1173"/>
                  <a:gd name="T117" fmla="*/ 0 h 1183"/>
                  <a:gd name="T118" fmla="*/ 490 w 1173"/>
                  <a:gd name="T119" fmla="*/ 10 h 1183"/>
                  <a:gd name="T120" fmla="*/ 450 w 1173"/>
                  <a:gd name="T121" fmla="*/ 19 h 11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173" h="1183">
                    <a:moveTo>
                      <a:pt x="450" y="19"/>
                    </a:moveTo>
                    <a:lnTo>
                      <a:pt x="415" y="28"/>
                    </a:lnTo>
                    <a:lnTo>
                      <a:pt x="349" y="51"/>
                    </a:lnTo>
                    <a:lnTo>
                      <a:pt x="290" y="78"/>
                    </a:lnTo>
                    <a:lnTo>
                      <a:pt x="236" y="110"/>
                    </a:lnTo>
                    <a:lnTo>
                      <a:pt x="187" y="148"/>
                    </a:lnTo>
                    <a:lnTo>
                      <a:pt x="144" y="191"/>
                    </a:lnTo>
                    <a:lnTo>
                      <a:pt x="105" y="240"/>
                    </a:lnTo>
                    <a:lnTo>
                      <a:pt x="71" y="296"/>
                    </a:lnTo>
                    <a:lnTo>
                      <a:pt x="55" y="326"/>
                    </a:lnTo>
                    <a:lnTo>
                      <a:pt x="37" y="362"/>
                    </a:lnTo>
                    <a:lnTo>
                      <a:pt x="15" y="418"/>
                    </a:lnTo>
                    <a:lnTo>
                      <a:pt x="4" y="474"/>
                    </a:lnTo>
                    <a:lnTo>
                      <a:pt x="0" y="550"/>
                    </a:lnTo>
                    <a:lnTo>
                      <a:pt x="0" y="604"/>
                    </a:lnTo>
                    <a:lnTo>
                      <a:pt x="1" y="658"/>
                    </a:lnTo>
                    <a:lnTo>
                      <a:pt x="5" y="733"/>
                    </a:lnTo>
                    <a:lnTo>
                      <a:pt x="16" y="787"/>
                    </a:lnTo>
                    <a:lnTo>
                      <a:pt x="37" y="840"/>
                    </a:lnTo>
                    <a:lnTo>
                      <a:pt x="54" y="873"/>
                    </a:lnTo>
                    <a:lnTo>
                      <a:pt x="74" y="910"/>
                    </a:lnTo>
                    <a:lnTo>
                      <a:pt x="121" y="977"/>
                    </a:lnTo>
                    <a:lnTo>
                      <a:pt x="174" y="1035"/>
                    </a:lnTo>
                    <a:lnTo>
                      <a:pt x="235" y="1084"/>
                    </a:lnTo>
                    <a:lnTo>
                      <a:pt x="301" y="1123"/>
                    </a:lnTo>
                    <a:lnTo>
                      <a:pt x="375" y="1152"/>
                    </a:lnTo>
                    <a:lnTo>
                      <a:pt x="454" y="1172"/>
                    </a:lnTo>
                    <a:lnTo>
                      <a:pt x="539" y="1182"/>
                    </a:lnTo>
                    <a:lnTo>
                      <a:pt x="584" y="1183"/>
                    </a:lnTo>
                    <a:lnTo>
                      <a:pt x="614" y="1183"/>
                    </a:lnTo>
                    <a:lnTo>
                      <a:pt x="671" y="1178"/>
                    </a:lnTo>
                    <a:lnTo>
                      <a:pt x="726" y="1169"/>
                    </a:lnTo>
                    <a:lnTo>
                      <a:pt x="777" y="1155"/>
                    </a:lnTo>
                    <a:lnTo>
                      <a:pt x="826" y="1136"/>
                    </a:lnTo>
                    <a:lnTo>
                      <a:pt x="874" y="1111"/>
                    </a:lnTo>
                    <a:lnTo>
                      <a:pt x="920" y="1080"/>
                    </a:lnTo>
                    <a:lnTo>
                      <a:pt x="966" y="1043"/>
                    </a:lnTo>
                    <a:lnTo>
                      <a:pt x="989" y="1023"/>
                    </a:lnTo>
                    <a:lnTo>
                      <a:pt x="1022" y="990"/>
                    </a:lnTo>
                    <a:lnTo>
                      <a:pt x="1078" y="916"/>
                    </a:lnTo>
                    <a:lnTo>
                      <a:pt x="1122" y="834"/>
                    </a:lnTo>
                    <a:lnTo>
                      <a:pt x="1153" y="747"/>
                    </a:lnTo>
                    <a:lnTo>
                      <a:pt x="1170" y="656"/>
                    </a:lnTo>
                    <a:lnTo>
                      <a:pt x="1173" y="564"/>
                    </a:lnTo>
                    <a:lnTo>
                      <a:pt x="1162" y="471"/>
                    </a:lnTo>
                    <a:lnTo>
                      <a:pt x="1136" y="381"/>
                    </a:lnTo>
                    <a:lnTo>
                      <a:pt x="1117" y="338"/>
                    </a:lnTo>
                    <a:lnTo>
                      <a:pt x="1103" y="311"/>
                    </a:lnTo>
                    <a:lnTo>
                      <a:pt x="1069" y="258"/>
                    </a:lnTo>
                    <a:lnTo>
                      <a:pt x="1028" y="209"/>
                    </a:lnTo>
                    <a:lnTo>
                      <a:pt x="981" y="162"/>
                    </a:lnTo>
                    <a:lnTo>
                      <a:pt x="929" y="120"/>
                    </a:lnTo>
                    <a:lnTo>
                      <a:pt x="873" y="84"/>
                    </a:lnTo>
                    <a:lnTo>
                      <a:pt x="814" y="53"/>
                    </a:lnTo>
                    <a:lnTo>
                      <a:pt x="753" y="28"/>
                    </a:lnTo>
                    <a:lnTo>
                      <a:pt x="722" y="19"/>
                    </a:lnTo>
                    <a:lnTo>
                      <a:pt x="684" y="10"/>
                    </a:lnTo>
                    <a:lnTo>
                      <a:pt x="619" y="0"/>
                    </a:lnTo>
                    <a:lnTo>
                      <a:pt x="558" y="0"/>
                    </a:lnTo>
                    <a:lnTo>
                      <a:pt x="490" y="10"/>
                    </a:lnTo>
                    <a:lnTo>
                      <a:pt x="450" y="19"/>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87" name="Freeform 8"/>
              <p:cNvSpPr>
                <a:spLocks/>
              </p:cNvSpPr>
              <p:nvPr/>
            </p:nvSpPr>
            <p:spPr bwMode="auto">
              <a:xfrm>
                <a:off x="3494" y="2557"/>
                <a:ext cx="280" cy="284"/>
              </a:xfrm>
              <a:custGeom>
                <a:avLst/>
                <a:gdLst>
                  <a:gd name="T0" fmla="*/ 403 w 1165"/>
                  <a:gd name="T1" fmla="*/ 27 h 1182"/>
                  <a:gd name="T2" fmla="*/ 370 w 1165"/>
                  <a:gd name="T3" fmla="*/ 38 h 1182"/>
                  <a:gd name="T4" fmla="*/ 310 w 1165"/>
                  <a:gd name="T5" fmla="*/ 63 h 1182"/>
                  <a:gd name="T6" fmla="*/ 256 w 1165"/>
                  <a:gd name="T7" fmla="*/ 92 h 1182"/>
                  <a:gd name="T8" fmla="*/ 207 w 1165"/>
                  <a:gd name="T9" fmla="*/ 126 h 1182"/>
                  <a:gd name="T10" fmla="*/ 163 w 1165"/>
                  <a:gd name="T11" fmla="*/ 164 h 1182"/>
                  <a:gd name="T12" fmla="*/ 124 w 1165"/>
                  <a:gd name="T13" fmla="*/ 208 h 1182"/>
                  <a:gd name="T14" fmla="*/ 89 w 1165"/>
                  <a:gd name="T15" fmla="*/ 257 h 1182"/>
                  <a:gd name="T16" fmla="*/ 58 w 1165"/>
                  <a:gd name="T17" fmla="*/ 313 h 1182"/>
                  <a:gd name="T18" fmla="*/ 43 w 1165"/>
                  <a:gd name="T19" fmla="*/ 343 h 1182"/>
                  <a:gd name="T20" fmla="*/ 32 w 1165"/>
                  <a:gd name="T21" fmla="*/ 371 h 1182"/>
                  <a:gd name="T22" fmla="*/ 15 w 1165"/>
                  <a:gd name="T23" fmla="*/ 420 h 1182"/>
                  <a:gd name="T24" fmla="*/ 5 w 1165"/>
                  <a:gd name="T25" fmla="*/ 473 h 1182"/>
                  <a:gd name="T26" fmla="*/ 1 w 1165"/>
                  <a:gd name="T27" fmla="*/ 537 h 1182"/>
                  <a:gd name="T28" fmla="*/ 0 w 1165"/>
                  <a:gd name="T29" fmla="*/ 578 h 1182"/>
                  <a:gd name="T30" fmla="*/ 1 w 1165"/>
                  <a:gd name="T31" fmla="*/ 636 h 1182"/>
                  <a:gd name="T32" fmla="*/ 10 w 1165"/>
                  <a:gd name="T33" fmla="*/ 732 h 1182"/>
                  <a:gd name="T34" fmla="*/ 33 w 1165"/>
                  <a:gd name="T35" fmla="*/ 814 h 1182"/>
                  <a:gd name="T36" fmla="*/ 73 w 1165"/>
                  <a:gd name="T37" fmla="*/ 895 h 1182"/>
                  <a:gd name="T38" fmla="*/ 102 w 1165"/>
                  <a:gd name="T39" fmla="*/ 940 h 1182"/>
                  <a:gd name="T40" fmla="*/ 129 w 1165"/>
                  <a:gd name="T41" fmla="*/ 978 h 1182"/>
                  <a:gd name="T42" fmla="*/ 195 w 1165"/>
                  <a:gd name="T43" fmla="*/ 1044 h 1182"/>
                  <a:gd name="T44" fmla="*/ 273 w 1165"/>
                  <a:gd name="T45" fmla="*/ 1099 h 1182"/>
                  <a:gd name="T46" fmla="*/ 361 w 1165"/>
                  <a:gd name="T47" fmla="*/ 1141 h 1182"/>
                  <a:gd name="T48" fmla="*/ 455 w 1165"/>
                  <a:gd name="T49" fmla="*/ 1169 h 1182"/>
                  <a:gd name="T50" fmla="*/ 553 w 1165"/>
                  <a:gd name="T51" fmla="*/ 1182 h 1182"/>
                  <a:gd name="T52" fmla="*/ 651 w 1165"/>
                  <a:gd name="T53" fmla="*/ 1181 h 1182"/>
                  <a:gd name="T54" fmla="*/ 747 w 1165"/>
                  <a:gd name="T55" fmla="*/ 1163 h 1182"/>
                  <a:gd name="T56" fmla="*/ 793 w 1165"/>
                  <a:gd name="T57" fmla="*/ 1147 h 1182"/>
                  <a:gd name="T58" fmla="*/ 817 w 1165"/>
                  <a:gd name="T59" fmla="*/ 1137 h 1182"/>
                  <a:gd name="T60" fmla="*/ 865 w 1165"/>
                  <a:gd name="T61" fmla="*/ 1112 h 1182"/>
                  <a:gd name="T62" fmla="*/ 912 w 1165"/>
                  <a:gd name="T63" fmla="*/ 1082 h 1182"/>
                  <a:gd name="T64" fmla="*/ 957 w 1165"/>
                  <a:gd name="T65" fmla="*/ 1046 h 1182"/>
                  <a:gd name="T66" fmla="*/ 1000 w 1165"/>
                  <a:gd name="T67" fmla="*/ 1007 h 1182"/>
                  <a:gd name="T68" fmla="*/ 1039 w 1165"/>
                  <a:gd name="T69" fmla="*/ 965 h 1182"/>
                  <a:gd name="T70" fmla="*/ 1073 w 1165"/>
                  <a:gd name="T71" fmla="*/ 920 h 1182"/>
                  <a:gd name="T72" fmla="*/ 1103 w 1165"/>
                  <a:gd name="T73" fmla="*/ 873 h 1182"/>
                  <a:gd name="T74" fmla="*/ 1115 w 1165"/>
                  <a:gd name="T75" fmla="*/ 850 h 1182"/>
                  <a:gd name="T76" fmla="*/ 1131 w 1165"/>
                  <a:gd name="T77" fmla="*/ 819 h 1182"/>
                  <a:gd name="T78" fmla="*/ 1151 w 1165"/>
                  <a:gd name="T79" fmla="*/ 768 h 1182"/>
                  <a:gd name="T80" fmla="*/ 1161 w 1165"/>
                  <a:gd name="T81" fmla="*/ 714 h 1182"/>
                  <a:gd name="T82" fmla="*/ 1165 w 1165"/>
                  <a:gd name="T83" fmla="*/ 640 h 1182"/>
                  <a:gd name="T84" fmla="*/ 1165 w 1165"/>
                  <a:gd name="T85" fmla="*/ 587 h 1182"/>
                  <a:gd name="T86" fmla="*/ 1164 w 1165"/>
                  <a:gd name="T87" fmla="*/ 523 h 1182"/>
                  <a:gd name="T88" fmla="*/ 1157 w 1165"/>
                  <a:gd name="T89" fmla="*/ 446 h 1182"/>
                  <a:gd name="T90" fmla="*/ 1148 w 1165"/>
                  <a:gd name="T91" fmla="*/ 402 h 1182"/>
                  <a:gd name="T92" fmla="*/ 1134 w 1165"/>
                  <a:gd name="T93" fmla="*/ 360 h 1182"/>
                  <a:gd name="T94" fmla="*/ 1114 w 1165"/>
                  <a:gd name="T95" fmla="*/ 320 h 1182"/>
                  <a:gd name="T96" fmla="*/ 1075 w 1165"/>
                  <a:gd name="T97" fmla="*/ 258 h 1182"/>
                  <a:gd name="T98" fmla="*/ 1038 w 1165"/>
                  <a:gd name="T99" fmla="*/ 210 h 1182"/>
                  <a:gd name="T100" fmla="*/ 1011 w 1165"/>
                  <a:gd name="T101" fmla="*/ 177 h 1182"/>
                  <a:gd name="T102" fmla="*/ 947 w 1165"/>
                  <a:gd name="T103" fmla="*/ 120 h 1182"/>
                  <a:gd name="T104" fmla="*/ 875 w 1165"/>
                  <a:gd name="T105" fmla="*/ 72 h 1182"/>
                  <a:gd name="T106" fmla="*/ 796 w 1165"/>
                  <a:gd name="T107" fmla="*/ 37 h 1182"/>
                  <a:gd name="T108" fmla="*/ 712 w 1165"/>
                  <a:gd name="T109" fmla="*/ 12 h 1182"/>
                  <a:gd name="T110" fmla="*/ 624 w 1165"/>
                  <a:gd name="T111" fmla="*/ 0 h 1182"/>
                  <a:gd name="T112" fmla="*/ 535 w 1165"/>
                  <a:gd name="T113" fmla="*/ 0 h 1182"/>
                  <a:gd name="T114" fmla="*/ 447 w 1165"/>
                  <a:gd name="T115" fmla="*/ 14 h 1182"/>
                  <a:gd name="T116" fmla="*/ 403 w 1165"/>
                  <a:gd name="T117" fmla="*/ 27 h 1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165" h="1182">
                    <a:moveTo>
                      <a:pt x="403" y="27"/>
                    </a:moveTo>
                    <a:lnTo>
                      <a:pt x="370" y="38"/>
                    </a:lnTo>
                    <a:lnTo>
                      <a:pt x="310" y="63"/>
                    </a:lnTo>
                    <a:lnTo>
                      <a:pt x="256" y="92"/>
                    </a:lnTo>
                    <a:lnTo>
                      <a:pt x="207" y="126"/>
                    </a:lnTo>
                    <a:lnTo>
                      <a:pt x="163" y="164"/>
                    </a:lnTo>
                    <a:lnTo>
                      <a:pt x="124" y="208"/>
                    </a:lnTo>
                    <a:lnTo>
                      <a:pt x="89" y="257"/>
                    </a:lnTo>
                    <a:lnTo>
                      <a:pt x="58" y="313"/>
                    </a:lnTo>
                    <a:lnTo>
                      <a:pt x="43" y="343"/>
                    </a:lnTo>
                    <a:lnTo>
                      <a:pt x="32" y="371"/>
                    </a:lnTo>
                    <a:lnTo>
                      <a:pt x="15" y="420"/>
                    </a:lnTo>
                    <a:lnTo>
                      <a:pt x="5" y="473"/>
                    </a:lnTo>
                    <a:lnTo>
                      <a:pt x="1" y="537"/>
                    </a:lnTo>
                    <a:lnTo>
                      <a:pt x="0" y="578"/>
                    </a:lnTo>
                    <a:lnTo>
                      <a:pt x="1" y="636"/>
                    </a:lnTo>
                    <a:lnTo>
                      <a:pt x="10" y="732"/>
                    </a:lnTo>
                    <a:lnTo>
                      <a:pt x="33" y="814"/>
                    </a:lnTo>
                    <a:lnTo>
                      <a:pt x="73" y="895"/>
                    </a:lnTo>
                    <a:lnTo>
                      <a:pt x="102" y="940"/>
                    </a:lnTo>
                    <a:lnTo>
                      <a:pt x="129" y="978"/>
                    </a:lnTo>
                    <a:lnTo>
                      <a:pt x="195" y="1044"/>
                    </a:lnTo>
                    <a:lnTo>
                      <a:pt x="273" y="1099"/>
                    </a:lnTo>
                    <a:lnTo>
                      <a:pt x="361" y="1141"/>
                    </a:lnTo>
                    <a:lnTo>
                      <a:pt x="455" y="1169"/>
                    </a:lnTo>
                    <a:lnTo>
                      <a:pt x="553" y="1182"/>
                    </a:lnTo>
                    <a:lnTo>
                      <a:pt x="651" y="1181"/>
                    </a:lnTo>
                    <a:lnTo>
                      <a:pt x="747" y="1163"/>
                    </a:lnTo>
                    <a:lnTo>
                      <a:pt x="793" y="1147"/>
                    </a:lnTo>
                    <a:lnTo>
                      <a:pt x="817" y="1137"/>
                    </a:lnTo>
                    <a:lnTo>
                      <a:pt x="865" y="1112"/>
                    </a:lnTo>
                    <a:lnTo>
                      <a:pt x="912" y="1082"/>
                    </a:lnTo>
                    <a:lnTo>
                      <a:pt x="957" y="1046"/>
                    </a:lnTo>
                    <a:lnTo>
                      <a:pt x="1000" y="1007"/>
                    </a:lnTo>
                    <a:lnTo>
                      <a:pt x="1039" y="965"/>
                    </a:lnTo>
                    <a:lnTo>
                      <a:pt x="1073" y="920"/>
                    </a:lnTo>
                    <a:lnTo>
                      <a:pt x="1103" y="873"/>
                    </a:lnTo>
                    <a:lnTo>
                      <a:pt x="1115" y="850"/>
                    </a:lnTo>
                    <a:lnTo>
                      <a:pt x="1131" y="819"/>
                    </a:lnTo>
                    <a:lnTo>
                      <a:pt x="1151" y="768"/>
                    </a:lnTo>
                    <a:lnTo>
                      <a:pt x="1161" y="714"/>
                    </a:lnTo>
                    <a:lnTo>
                      <a:pt x="1165" y="640"/>
                    </a:lnTo>
                    <a:lnTo>
                      <a:pt x="1165" y="587"/>
                    </a:lnTo>
                    <a:lnTo>
                      <a:pt x="1164" y="523"/>
                    </a:lnTo>
                    <a:lnTo>
                      <a:pt x="1157" y="446"/>
                    </a:lnTo>
                    <a:lnTo>
                      <a:pt x="1148" y="402"/>
                    </a:lnTo>
                    <a:lnTo>
                      <a:pt x="1134" y="360"/>
                    </a:lnTo>
                    <a:lnTo>
                      <a:pt x="1114" y="320"/>
                    </a:lnTo>
                    <a:lnTo>
                      <a:pt x="1075" y="258"/>
                    </a:lnTo>
                    <a:lnTo>
                      <a:pt x="1038" y="210"/>
                    </a:lnTo>
                    <a:lnTo>
                      <a:pt x="1011" y="177"/>
                    </a:lnTo>
                    <a:lnTo>
                      <a:pt x="947" y="120"/>
                    </a:lnTo>
                    <a:lnTo>
                      <a:pt x="875" y="72"/>
                    </a:lnTo>
                    <a:lnTo>
                      <a:pt x="796" y="37"/>
                    </a:lnTo>
                    <a:lnTo>
                      <a:pt x="712" y="12"/>
                    </a:lnTo>
                    <a:lnTo>
                      <a:pt x="624" y="0"/>
                    </a:lnTo>
                    <a:lnTo>
                      <a:pt x="535" y="0"/>
                    </a:lnTo>
                    <a:lnTo>
                      <a:pt x="447" y="14"/>
                    </a:lnTo>
                    <a:lnTo>
                      <a:pt x="403" y="27"/>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grpSp>
        <p:grpSp>
          <p:nvGrpSpPr>
            <p:cNvPr id="88" name="Group 4"/>
            <p:cNvGrpSpPr>
              <a:grpSpLocks noChangeAspect="1"/>
            </p:cNvGrpSpPr>
            <p:nvPr/>
          </p:nvGrpSpPr>
          <p:grpSpPr bwMode="auto">
            <a:xfrm>
              <a:off x="6514937" y="3991809"/>
              <a:ext cx="256171" cy="256171"/>
              <a:chOff x="1680" y="0"/>
              <a:chExt cx="4320" cy="4320"/>
            </a:xfrm>
          </p:grpSpPr>
          <p:sp>
            <p:nvSpPr>
              <p:cNvPr id="89" name="AutoShape 3"/>
              <p:cNvSpPr>
                <a:spLocks noChangeAspect="1" noChangeArrowheads="1" noTextEdit="1"/>
              </p:cNvSpPr>
              <p:nvPr/>
            </p:nvSpPr>
            <p:spPr bwMode="auto">
              <a:xfrm>
                <a:off x="1680" y="0"/>
                <a:ext cx="4320" cy="43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91" name="Freeform 5"/>
              <p:cNvSpPr>
                <a:spLocks/>
              </p:cNvSpPr>
              <p:nvPr/>
            </p:nvSpPr>
            <p:spPr bwMode="auto">
              <a:xfrm>
                <a:off x="1749" y="1"/>
                <a:ext cx="4182" cy="4319"/>
              </a:xfrm>
              <a:custGeom>
                <a:avLst/>
                <a:gdLst>
                  <a:gd name="T0" fmla="*/ 6745 w 17426"/>
                  <a:gd name="T1" fmla="*/ 69 h 17994"/>
                  <a:gd name="T2" fmla="*/ 4827 w 17426"/>
                  <a:gd name="T3" fmla="*/ 564 h 17994"/>
                  <a:gd name="T4" fmla="*/ 2990 w 17426"/>
                  <a:gd name="T5" fmla="*/ 1624 h 17994"/>
                  <a:gd name="T6" fmla="*/ 1316 w 17426"/>
                  <a:gd name="T7" fmla="*/ 3448 h 17994"/>
                  <a:gd name="T8" fmla="*/ 585 w 17426"/>
                  <a:gd name="T9" fmla="*/ 4819 h 17994"/>
                  <a:gd name="T10" fmla="*/ 4557 w 17426"/>
                  <a:gd name="T11" fmla="*/ 4164 h 17994"/>
                  <a:gd name="T12" fmla="*/ 6409 w 17426"/>
                  <a:gd name="T13" fmla="*/ 3625 h 17994"/>
                  <a:gd name="T14" fmla="*/ 7054 w 17426"/>
                  <a:gd name="T15" fmla="*/ 2988 h 17994"/>
                  <a:gd name="T16" fmla="*/ 7951 w 17426"/>
                  <a:gd name="T17" fmla="*/ 2803 h 17994"/>
                  <a:gd name="T18" fmla="*/ 8821 w 17426"/>
                  <a:gd name="T19" fmla="*/ 3096 h 17994"/>
                  <a:gd name="T20" fmla="*/ 9397 w 17426"/>
                  <a:gd name="T21" fmla="*/ 3816 h 17994"/>
                  <a:gd name="T22" fmla="*/ 9445 w 17426"/>
                  <a:gd name="T23" fmla="*/ 4944 h 17994"/>
                  <a:gd name="T24" fmla="*/ 8772 w 17426"/>
                  <a:gd name="T25" fmla="*/ 5838 h 17994"/>
                  <a:gd name="T26" fmla="*/ 7725 w 17426"/>
                  <a:gd name="T27" fmla="*/ 6106 h 17994"/>
                  <a:gd name="T28" fmla="*/ 6897 w 17426"/>
                  <a:gd name="T29" fmla="*/ 5815 h 17994"/>
                  <a:gd name="T30" fmla="*/ 6334 w 17426"/>
                  <a:gd name="T31" fmla="*/ 5122 h 17994"/>
                  <a:gd name="T32" fmla="*/ 4724 w 17426"/>
                  <a:gd name="T33" fmla="*/ 5506 h 17994"/>
                  <a:gd name="T34" fmla="*/ 150 w 17426"/>
                  <a:gd name="T35" fmla="*/ 6197 h 17994"/>
                  <a:gd name="T36" fmla="*/ 758 w 17426"/>
                  <a:gd name="T37" fmla="*/ 7304 h 17994"/>
                  <a:gd name="T38" fmla="*/ 9747 w 17426"/>
                  <a:gd name="T39" fmla="*/ 7136 h 17994"/>
                  <a:gd name="T40" fmla="*/ 10489 w 17426"/>
                  <a:gd name="T41" fmla="*/ 6361 h 17994"/>
                  <a:gd name="T42" fmla="*/ 11378 w 17426"/>
                  <a:gd name="T43" fmla="*/ 6192 h 17994"/>
                  <a:gd name="T44" fmla="*/ 12212 w 17426"/>
                  <a:gd name="T45" fmla="*/ 6482 h 17994"/>
                  <a:gd name="T46" fmla="*/ 12752 w 17426"/>
                  <a:gd name="T47" fmla="*/ 7119 h 17994"/>
                  <a:gd name="T48" fmla="*/ 12896 w 17426"/>
                  <a:gd name="T49" fmla="*/ 8046 h 17994"/>
                  <a:gd name="T50" fmla="*/ 12491 w 17426"/>
                  <a:gd name="T51" fmla="*/ 8960 h 17994"/>
                  <a:gd name="T52" fmla="*/ 11502 w 17426"/>
                  <a:gd name="T53" fmla="*/ 9482 h 17994"/>
                  <a:gd name="T54" fmla="*/ 10572 w 17426"/>
                  <a:gd name="T55" fmla="*/ 9365 h 17994"/>
                  <a:gd name="T56" fmla="*/ 9905 w 17426"/>
                  <a:gd name="T57" fmla="*/ 8830 h 17994"/>
                  <a:gd name="T58" fmla="*/ 8799 w 17426"/>
                  <a:gd name="T59" fmla="*/ 8385 h 17994"/>
                  <a:gd name="T60" fmla="*/ 23 w 17426"/>
                  <a:gd name="T61" fmla="*/ 8687 h 17994"/>
                  <a:gd name="T62" fmla="*/ 4234 w 17426"/>
                  <a:gd name="T63" fmla="*/ 9710 h 17994"/>
                  <a:gd name="T64" fmla="*/ 6372 w 17426"/>
                  <a:gd name="T65" fmla="*/ 10494 h 17994"/>
                  <a:gd name="T66" fmla="*/ 6876 w 17426"/>
                  <a:gd name="T67" fmla="*/ 9887 h 17994"/>
                  <a:gd name="T68" fmla="*/ 7563 w 17426"/>
                  <a:gd name="T69" fmla="*/ 9602 h 17994"/>
                  <a:gd name="T70" fmla="*/ 8490 w 17426"/>
                  <a:gd name="T71" fmla="*/ 9709 h 17994"/>
                  <a:gd name="T72" fmla="*/ 9195 w 17426"/>
                  <a:gd name="T73" fmla="*/ 10247 h 17994"/>
                  <a:gd name="T74" fmla="*/ 9502 w 17426"/>
                  <a:gd name="T75" fmla="*/ 11021 h 17994"/>
                  <a:gd name="T76" fmla="*/ 9284 w 17426"/>
                  <a:gd name="T77" fmla="*/ 12099 h 17994"/>
                  <a:gd name="T78" fmla="*/ 8690 w 17426"/>
                  <a:gd name="T79" fmla="*/ 12677 h 17994"/>
                  <a:gd name="T80" fmla="*/ 7837 w 17426"/>
                  <a:gd name="T81" fmla="*/ 12894 h 17994"/>
                  <a:gd name="T82" fmla="*/ 6917 w 17426"/>
                  <a:gd name="T83" fmla="*/ 12623 h 17994"/>
                  <a:gd name="T84" fmla="*/ 6270 w 17426"/>
                  <a:gd name="T85" fmla="*/ 11779 h 17994"/>
                  <a:gd name="T86" fmla="*/ 4700 w 17426"/>
                  <a:gd name="T87" fmla="*/ 11650 h 17994"/>
                  <a:gd name="T88" fmla="*/ 497 w 17426"/>
                  <a:gd name="T89" fmla="*/ 10664 h 17994"/>
                  <a:gd name="T90" fmla="*/ 553 w 17426"/>
                  <a:gd name="T91" fmla="*/ 10811 h 17994"/>
                  <a:gd name="T92" fmla="*/ 1342 w 17426"/>
                  <a:gd name="T93" fmla="*/ 12277 h 17994"/>
                  <a:gd name="T94" fmla="*/ 1728 w 17426"/>
                  <a:gd name="T95" fmla="*/ 17221 h 17994"/>
                  <a:gd name="T96" fmla="*/ 1752 w 17426"/>
                  <a:gd name="T97" fmla="*/ 17735 h 17994"/>
                  <a:gd name="T98" fmla="*/ 9756 w 17426"/>
                  <a:gd name="T99" fmla="*/ 17942 h 17994"/>
                  <a:gd name="T100" fmla="*/ 10505 w 17426"/>
                  <a:gd name="T101" fmla="*/ 15802 h 17994"/>
                  <a:gd name="T102" fmla="*/ 12639 w 17426"/>
                  <a:gd name="T103" fmla="*/ 16087 h 17994"/>
                  <a:gd name="T104" fmla="*/ 14011 w 17426"/>
                  <a:gd name="T105" fmla="*/ 16278 h 17994"/>
                  <a:gd name="T106" fmla="*/ 14526 w 17426"/>
                  <a:gd name="T107" fmla="*/ 16032 h 17994"/>
                  <a:gd name="T108" fmla="*/ 15682 w 17426"/>
                  <a:gd name="T109" fmla="*/ 11564 h 17994"/>
                  <a:gd name="T110" fmla="*/ 17369 w 17426"/>
                  <a:gd name="T111" fmla="*/ 10344 h 17994"/>
                  <a:gd name="T112" fmla="*/ 16519 w 17426"/>
                  <a:gd name="T113" fmla="*/ 8719 h 17994"/>
                  <a:gd name="T114" fmla="*/ 15391 w 17426"/>
                  <a:gd name="T115" fmla="*/ 5552 h 17994"/>
                  <a:gd name="T116" fmla="*/ 14709 w 17426"/>
                  <a:gd name="T117" fmla="*/ 3924 h 17994"/>
                  <a:gd name="T118" fmla="*/ 13085 w 17426"/>
                  <a:gd name="T119" fmla="*/ 1943 h 17994"/>
                  <a:gd name="T120" fmla="*/ 11116 w 17426"/>
                  <a:gd name="T121" fmla="*/ 699 h 17994"/>
                  <a:gd name="T122" fmla="*/ 9932 w 17426"/>
                  <a:gd name="T123" fmla="*/ 286 h 17994"/>
                  <a:gd name="T124" fmla="*/ 8279 w 17426"/>
                  <a:gd name="T125" fmla="*/ 11 h 179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7426" h="17994">
                    <a:moveTo>
                      <a:pt x="7337" y="9"/>
                    </a:moveTo>
                    <a:lnTo>
                      <a:pt x="7317" y="14"/>
                    </a:lnTo>
                    <a:lnTo>
                      <a:pt x="7230" y="24"/>
                    </a:lnTo>
                    <a:lnTo>
                      <a:pt x="7179" y="26"/>
                    </a:lnTo>
                    <a:lnTo>
                      <a:pt x="7123" y="28"/>
                    </a:lnTo>
                    <a:lnTo>
                      <a:pt x="6996" y="38"/>
                    </a:lnTo>
                    <a:lnTo>
                      <a:pt x="6945" y="44"/>
                    </a:lnTo>
                    <a:lnTo>
                      <a:pt x="6840" y="57"/>
                    </a:lnTo>
                    <a:lnTo>
                      <a:pt x="6745" y="69"/>
                    </a:lnTo>
                    <a:lnTo>
                      <a:pt x="6628" y="84"/>
                    </a:lnTo>
                    <a:lnTo>
                      <a:pt x="6284" y="140"/>
                    </a:lnTo>
                    <a:lnTo>
                      <a:pt x="6179" y="161"/>
                    </a:lnTo>
                    <a:lnTo>
                      <a:pt x="6036" y="193"/>
                    </a:lnTo>
                    <a:lnTo>
                      <a:pt x="5767" y="259"/>
                    </a:lnTo>
                    <a:lnTo>
                      <a:pt x="5515" y="328"/>
                    </a:lnTo>
                    <a:lnTo>
                      <a:pt x="5277" y="401"/>
                    </a:lnTo>
                    <a:lnTo>
                      <a:pt x="5049" y="479"/>
                    </a:lnTo>
                    <a:lnTo>
                      <a:pt x="4827" y="564"/>
                    </a:lnTo>
                    <a:lnTo>
                      <a:pt x="4609" y="656"/>
                    </a:lnTo>
                    <a:lnTo>
                      <a:pt x="4390" y="758"/>
                    </a:lnTo>
                    <a:lnTo>
                      <a:pt x="4279" y="812"/>
                    </a:lnTo>
                    <a:lnTo>
                      <a:pt x="4153" y="876"/>
                    </a:lnTo>
                    <a:lnTo>
                      <a:pt x="3908" y="1010"/>
                    </a:lnTo>
                    <a:lnTo>
                      <a:pt x="3669" y="1152"/>
                    </a:lnTo>
                    <a:lnTo>
                      <a:pt x="3436" y="1302"/>
                    </a:lnTo>
                    <a:lnTo>
                      <a:pt x="3210" y="1459"/>
                    </a:lnTo>
                    <a:lnTo>
                      <a:pt x="2990" y="1624"/>
                    </a:lnTo>
                    <a:lnTo>
                      <a:pt x="2777" y="1797"/>
                    </a:lnTo>
                    <a:lnTo>
                      <a:pt x="2571" y="1977"/>
                    </a:lnTo>
                    <a:lnTo>
                      <a:pt x="2371" y="2165"/>
                    </a:lnTo>
                    <a:lnTo>
                      <a:pt x="2178" y="2360"/>
                    </a:lnTo>
                    <a:lnTo>
                      <a:pt x="1992" y="2563"/>
                    </a:lnTo>
                    <a:lnTo>
                      <a:pt x="1813" y="2773"/>
                    </a:lnTo>
                    <a:lnTo>
                      <a:pt x="1640" y="2991"/>
                    </a:lnTo>
                    <a:lnTo>
                      <a:pt x="1475" y="3216"/>
                    </a:lnTo>
                    <a:lnTo>
                      <a:pt x="1316" y="3448"/>
                    </a:lnTo>
                    <a:lnTo>
                      <a:pt x="1165" y="3688"/>
                    </a:lnTo>
                    <a:lnTo>
                      <a:pt x="1092" y="3811"/>
                    </a:lnTo>
                    <a:lnTo>
                      <a:pt x="1038" y="3905"/>
                    </a:lnTo>
                    <a:lnTo>
                      <a:pt x="905" y="4151"/>
                    </a:lnTo>
                    <a:lnTo>
                      <a:pt x="772" y="4410"/>
                    </a:lnTo>
                    <a:lnTo>
                      <a:pt x="671" y="4618"/>
                    </a:lnTo>
                    <a:lnTo>
                      <a:pt x="645" y="4677"/>
                    </a:lnTo>
                    <a:lnTo>
                      <a:pt x="619" y="4741"/>
                    </a:lnTo>
                    <a:lnTo>
                      <a:pt x="585" y="4819"/>
                    </a:lnTo>
                    <a:lnTo>
                      <a:pt x="517" y="4977"/>
                    </a:lnTo>
                    <a:lnTo>
                      <a:pt x="495" y="5037"/>
                    </a:lnTo>
                    <a:lnTo>
                      <a:pt x="585" y="5040"/>
                    </a:lnTo>
                    <a:lnTo>
                      <a:pt x="1447" y="5044"/>
                    </a:lnTo>
                    <a:lnTo>
                      <a:pt x="2082" y="5044"/>
                    </a:lnTo>
                    <a:lnTo>
                      <a:pt x="3669" y="5044"/>
                    </a:lnTo>
                    <a:lnTo>
                      <a:pt x="4187" y="4529"/>
                    </a:lnTo>
                    <a:lnTo>
                      <a:pt x="4342" y="4375"/>
                    </a:lnTo>
                    <a:lnTo>
                      <a:pt x="4557" y="4164"/>
                    </a:lnTo>
                    <a:lnTo>
                      <a:pt x="4690" y="4043"/>
                    </a:lnTo>
                    <a:lnTo>
                      <a:pt x="4772" y="3982"/>
                    </a:lnTo>
                    <a:lnTo>
                      <a:pt x="4804" y="3966"/>
                    </a:lnTo>
                    <a:lnTo>
                      <a:pt x="4904" y="3919"/>
                    </a:lnTo>
                    <a:lnTo>
                      <a:pt x="5589" y="3914"/>
                    </a:lnTo>
                    <a:lnTo>
                      <a:pt x="6272" y="3909"/>
                    </a:lnTo>
                    <a:lnTo>
                      <a:pt x="6335" y="3771"/>
                    </a:lnTo>
                    <a:lnTo>
                      <a:pt x="6358" y="3722"/>
                    </a:lnTo>
                    <a:lnTo>
                      <a:pt x="6409" y="3625"/>
                    </a:lnTo>
                    <a:lnTo>
                      <a:pt x="6467" y="3531"/>
                    </a:lnTo>
                    <a:lnTo>
                      <a:pt x="6531" y="3440"/>
                    </a:lnTo>
                    <a:lnTo>
                      <a:pt x="6599" y="3354"/>
                    </a:lnTo>
                    <a:lnTo>
                      <a:pt x="6672" y="3273"/>
                    </a:lnTo>
                    <a:lnTo>
                      <a:pt x="6749" y="3199"/>
                    </a:lnTo>
                    <a:lnTo>
                      <a:pt x="6828" y="3131"/>
                    </a:lnTo>
                    <a:lnTo>
                      <a:pt x="6869" y="3101"/>
                    </a:lnTo>
                    <a:lnTo>
                      <a:pt x="6922" y="3063"/>
                    </a:lnTo>
                    <a:lnTo>
                      <a:pt x="7054" y="2988"/>
                    </a:lnTo>
                    <a:lnTo>
                      <a:pt x="7200" y="2918"/>
                    </a:lnTo>
                    <a:lnTo>
                      <a:pt x="7346" y="2862"/>
                    </a:lnTo>
                    <a:lnTo>
                      <a:pt x="7412" y="2842"/>
                    </a:lnTo>
                    <a:lnTo>
                      <a:pt x="7456" y="2831"/>
                    </a:lnTo>
                    <a:lnTo>
                      <a:pt x="7534" y="2815"/>
                    </a:lnTo>
                    <a:lnTo>
                      <a:pt x="7624" y="2806"/>
                    </a:lnTo>
                    <a:lnTo>
                      <a:pt x="7745" y="2803"/>
                    </a:lnTo>
                    <a:lnTo>
                      <a:pt x="7829" y="2802"/>
                    </a:lnTo>
                    <a:lnTo>
                      <a:pt x="7951" y="2803"/>
                    </a:lnTo>
                    <a:lnTo>
                      <a:pt x="8100" y="2812"/>
                    </a:lnTo>
                    <a:lnTo>
                      <a:pt x="8189" y="2824"/>
                    </a:lnTo>
                    <a:lnTo>
                      <a:pt x="8273" y="2842"/>
                    </a:lnTo>
                    <a:lnTo>
                      <a:pt x="8356" y="2866"/>
                    </a:lnTo>
                    <a:lnTo>
                      <a:pt x="8489" y="2916"/>
                    </a:lnTo>
                    <a:lnTo>
                      <a:pt x="8592" y="2962"/>
                    </a:lnTo>
                    <a:lnTo>
                      <a:pt x="8638" y="2984"/>
                    </a:lnTo>
                    <a:lnTo>
                      <a:pt x="8731" y="3036"/>
                    </a:lnTo>
                    <a:lnTo>
                      <a:pt x="8821" y="3096"/>
                    </a:lnTo>
                    <a:lnTo>
                      <a:pt x="8910" y="3164"/>
                    </a:lnTo>
                    <a:lnTo>
                      <a:pt x="8995" y="3238"/>
                    </a:lnTo>
                    <a:lnTo>
                      <a:pt x="9075" y="3317"/>
                    </a:lnTo>
                    <a:lnTo>
                      <a:pt x="9149" y="3400"/>
                    </a:lnTo>
                    <a:lnTo>
                      <a:pt x="9217" y="3486"/>
                    </a:lnTo>
                    <a:lnTo>
                      <a:pt x="9247" y="3531"/>
                    </a:lnTo>
                    <a:lnTo>
                      <a:pt x="9282" y="3585"/>
                    </a:lnTo>
                    <a:lnTo>
                      <a:pt x="9344" y="3699"/>
                    </a:lnTo>
                    <a:lnTo>
                      <a:pt x="9397" y="3816"/>
                    </a:lnTo>
                    <a:lnTo>
                      <a:pt x="9440" y="3937"/>
                    </a:lnTo>
                    <a:lnTo>
                      <a:pt x="9474" y="4061"/>
                    </a:lnTo>
                    <a:lnTo>
                      <a:pt x="9498" y="4186"/>
                    </a:lnTo>
                    <a:lnTo>
                      <a:pt x="9513" y="4313"/>
                    </a:lnTo>
                    <a:lnTo>
                      <a:pt x="9518" y="4441"/>
                    </a:lnTo>
                    <a:lnTo>
                      <a:pt x="9514" y="4568"/>
                    </a:lnTo>
                    <a:lnTo>
                      <a:pt x="9500" y="4695"/>
                    </a:lnTo>
                    <a:lnTo>
                      <a:pt x="9477" y="4820"/>
                    </a:lnTo>
                    <a:lnTo>
                      <a:pt x="9445" y="4944"/>
                    </a:lnTo>
                    <a:lnTo>
                      <a:pt x="9403" y="5065"/>
                    </a:lnTo>
                    <a:lnTo>
                      <a:pt x="9352" y="5182"/>
                    </a:lnTo>
                    <a:lnTo>
                      <a:pt x="9292" y="5295"/>
                    </a:lnTo>
                    <a:lnTo>
                      <a:pt x="9222" y="5404"/>
                    </a:lnTo>
                    <a:lnTo>
                      <a:pt x="9184" y="5456"/>
                    </a:lnTo>
                    <a:lnTo>
                      <a:pt x="9133" y="5521"/>
                    </a:lnTo>
                    <a:lnTo>
                      <a:pt x="9023" y="5639"/>
                    </a:lnTo>
                    <a:lnTo>
                      <a:pt x="8902" y="5745"/>
                    </a:lnTo>
                    <a:lnTo>
                      <a:pt x="8772" y="5838"/>
                    </a:lnTo>
                    <a:lnTo>
                      <a:pt x="8631" y="5918"/>
                    </a:lnTo>
                    <a:lnTo>
                      <a:pt x="8481" y="5985"/>
                    </a:lnTo>
                    <a:lnTo>
                      <a:pt x="8321" y="6039"/>
                    </a:lnTo>
                    <a:lnTo>
                      <a:pt x="8151" y="6079"/>
                    </a:lnTo>
                    <a:lnTo>
                      <a:pt x="8062" y="6094"/>
                    </a:lnTo>
                    <a:lnTo>
                      <a:pt x="8015" y="6101"/>
                    </a:lnTo>
                    <a:lnTo>
                      <a:pt x="7919" y="6109"/>
                    </a:lnTo>
                    <a:lnTo>
                      <a:pt x="7822" y="6110"/>
                    </a:lnTo>
                    <a:lnTo>
                      <a:pt x="7725" y="6106"/>
                    </a:lnTo>
                    <a:lnTo>
                      <a:pt x="7627" y="6095"/>
                    </a:lnTo>
                    <a:lnTo>
                      <a:pt x="7530" y="6079"/>
                    </a:lnTo>
                    <a:lnTo>
                      <a:pt x="7434" y="6057"/>
                    </a:lnTo>
                    <a:lnTo>
                      <a:pt x="7339" y="6030"/>
                    </a:lnTo>
                    <a:lnTo>
                      <a:pt x="7245" y="5997"/>
                    </a:lnTo>
                    <a:lnTo>
                      <a:pt x="7154" y="5959"/>
                    </a:lnTo>
                    <a:lnTo>
                      <a:pt x="7065" y="5916"/>
                    </a:lnTo>
                    <a:lnTo>
                      <a:pt x="6979" y="5868"/>
                    </a:lnTo>
                    <a:lnTo>
                      <a:pt x="6897" y="5815"/>
                    </a:lnTo>
                    <a:lnTo>
                      <a:pt x="6818" y="5758"/>
                    </a:lnTo>
                    <a:lnTo>
                      <a:pt x="6744" y="5696"/>
                    </a:lnTo>
                    <a:lnTo>
                      <a:pt x="6675" y="5630"/>
                    </a:lnTo>
                    <a:lnTo>
                      <a:pt x="6642" y="5596"/>
                    </a:lnTo>
                    <a:lnTo>
                      <a:pt x="6599" y="5547"/>
                    </a:lnTo>
                    <a:lnTo>
                      <a:pt x="6509" y="5427"/>
                    </a:lnTo>
                    <a:lnTo>
                      <a:pt x="6425" y="5297"/>
                    </a:lnTo>
                    <a:lnTo>
                      <a:pt x="6356" y="5174"/>
                    </a:lnTo>
                    <a:lnTo>
                      <a:pt x="6334" y="5122"/>
                    </a:lnTo>
                    <a:lnTo>
                      <a:pt x="6317" y="5080"/>
                    </a:lnTo>
                    <a:lnTo>
                      <a:pt x="6282" y="5014"/>
                    </a:lnTo>
                    <a:lnTo>
                      <a:pt x="6270" y="5002"/>
                    </a:lnTo>
                    <a:lnTo>
                      <a:pt x="6260" y="4998"/>
                    </a:lnTo>
                    <a:lnTo>
                      <a:pt x="6185" y="4992"/>
                    </a:lnTo>
                    <a:lnTo>
                      <a:pt x="5970" y="4986"/>
                    </a:lnTo>
                    <a:lnTo>
                      <a:pt x="5747" y="4986"/>
                    </a:lnTo>
                    <a:lnTo>
                      <a:pt x="5245" y="4987"/>
                    </a:lnTo>
                    <a:lnTo>
                      <a:pt x="4724" y="5506"/>
                    </a:lnTo>
                    <a:lnTo>
                      <a:pt x="4581" y="5648"/>
                    </a:lnTo>
                    <a:lnTo>
                      <a:pt x="4369" y="5855"/>
                    </a:lnTo>
                    <a:lnTo>
                      <a:pt x="4230" y="5983"/>
                    </a:lnTo>
                    <a:lnTo>
                      <a:pt x="4146" y="6050"/>
                    </a:lnTo>
                    <a:lnTo>
                      <a:pt x="4120" y="6064"/>
                    </a:lnTo>
                    <a:lnTo>
                      <a:pt x="4037" y="6102"/>
                    </a:lnTo>
                    <a:lnTo>
                      <a:pt x="2104" y="6111"/>
                    </a:lnTo>
                    <a:lnTo>
                      <a:pt x="170" y="6119"/>
                    </a:lnTo>
                    <a:lnTo>
                      <a:pt x="150" y="6197"/>
                    </a:lnTo>
                    <a:lnTo>
                      <a:pt x="137" y="6253"/>
                    </a:lnTo>
                    <a:lnTo>
                      <a:pt x="109" y="6398"/>
                    </a:lnTo>
                    <a:lnTo>
                      <a:pt x="67" y="6658"/>
                    </a:lnTo>
                    <a:lnTo>
                      <a:pt x="21" y="7013"/>
                    </a:lnTo>
                    <a:lnTo>
                      <a:pt x="3" y="7210"/>
                    </a:lnTo>
                    <a:lnTo>
                      <a:pt x="3" y="7284"/>
                    </a:lnTo>
                    <a:lnTo>
                      <a:pt x="7" y="7296"/>
                    </a:lnTo>
                    <a:lnTo>
                      <a:pt x="71" y="7299"/>
                    </a:lnTo>
                    <a:lnTo>
                      <a:pt x="758" y="7304"/>
                    </a:lnTo>
                    <a:lnTo>
                      <a:pt x="2802" y="7308"/>
                    </a:lnTo>
                    <a:lnTo>
                      <a:pt x="4844" y="7307"/>
                    </a:lnTo>
                    <a:lnTo>
                      <a:pt x="7580" y="7304"/>
                    </a:lnTo>
                    <a:lnTo>
                      <a:pt x="9297" y="7295"/>
                    </a:lnTo>
                    <a:lnTo>
                      <a:pt x="9600" y="7288"/>
                    </a:lnTo>
                    <a:lnTo>
                      <a:pt x="9674" y="7281"/>
                    </a:lnTo>
                    <a:lnTo>
                      <a:pt x="9680" y="7277"/>
                    </a:lnTo>
                    <a:lnTo>
                      <a:pt x="9702" y="7232"/>
                    </a:lnTo>
                    <a:lnTo>
                      <a:pt x="9747" y="7136"/>
                    </a:lnTo>
                    <a:lnTo>
                      <a:pt x="9777" y="7072"/>
                    </a:lnTo>
                    <a:lnTo>
                      <a:pt x="9845" y="6952"/>
                    </a:lnTo>
                    <a:lnTo>
                      <a:pt x="9921" y="6839"/>
                    </a:lnTo>
                    <a:lnTo>
                      <a:pt x="10005" y="6734"/>
                    </a:lnTo>
                    <a:lnTo>
                      <a:pt x="10098" y="6636"/>
                    </a:lnTo>
                    <a:lnTo>
                      <a:pt x="10199" y="6547"/>
                    </a:lnTo>
                    <a:lnTo>
                      <a:pt x="10309" y="6466"/>
                    </a:lnTo>
                    <a:lnTo>
                      <a:pt x="10427" y="6394"/>
                    </a:lnTo>
                    <a:lnTo>
                      <a:pt x="10489" y="6361"/>
                    </a:lnTo>
                    <a:lnTo>
                      <a:pt x="10535" y="6337"/>
                    </a:lnTo>
                    <a:lnTo>
                      <a:pt x="10607" y="6303"/>
                    </a:lnTo>
                    <a:lnTo>
                      <a:pt x="10713" y="6266"/>
                    </a:lnTo>
                    <a:lnTo>
                      <a:pt x="10820" y="6237"/>
                    </a:lnTo>
                    <a:lnTo>
                      <a:pt x="10879" y="6223"/>
                    </a:lnTo>
                    <a:lnTo>
                      <a:pt x="10999" y="6201"/>
                    </a:lnTo>
                    <a:lnTo>
                      <a:pt x="11123" y="6188"/>
                    </a:lnTo>
                    <a:lnTo>
                      <a:pt x="11250" y="6185"/>
                    </a:lnTo>
                    <a:lnTo>
                      <a:pt x="11378" y="6192"/>
                    </a:lnTo>
                    <a:lnTo>
                      <a:pt x="11507" y="6207"/>
                    </a:lnTo>
                    <a:lnTo>
                      <a:pt x="11634" y="6232"/>
                    </a:lnTo>
                    <a:lnTo>
                      <a:pt x="11759" y="6265"/>
                    </a:lnTo>
                    <a:lnTo>
                      <a:pt x="11820" y="6286"/>
                    </a:lnTo>
                    <a:lnTo>
                      <a:pt x="11864" y="6302"/>
                    </a:lnTo>
                    <a:lnTo>
                      <a:pt x="11967" y="6348"/>
                    </a:lnTo>
                    <a:lnTo>
                      <a:pt x="12076" y="6402"/>
                    </a:lnTo>
                    <a:lnTo>
                      <a:pt x="12174" y="6458"/>
                    </a:lnTo>
                    <a:lnTo>
                      <a:pt x="12212" y="6482"/>
                    </a:lnTo>
                    <a:lnTo>
                      <a:pt x="12251" y="6510"/>
                    </a:lnTo>
                    <a:lnTo>
                      <a:pt x="12330" y="6575"/>
                    </a:lnTo>
                    <a:lnTo>
                      <a:pt x="12409" y="6649"/>
                    </a:lnTo>
                    <a:lnTo>
                      <a:pt x="12486" y="6730"/>
                    </a:lnTo>
                    <a:lnTo>
                      <a:pt x="12559" y="6816"/>
                    </a:lnTo>
                    <a:lnTo>
                      <a:pt x="12625" y="6903"/>
                    </a:lnTo>
                    <a:lnTo>
                      <a:pt x="12684" y="6992"/>
                    </a:lnTo>
                    <a:lnTo>
                      <a:pt x="12732" y="7078"/>
                    </a:lnTo>
                    <a:lnTo>
                      <a:pt x="12752" y="7119"/>
                    </a:lnTo>
                    <a:lnTo>
                      <a:pt x="12792" y="7211"/>
                    </a:lnTo>
                    <a:lnTo>
                      <a:pt x="12838" y="7339"/>
                    </a:lnTo>
                    <a:lnTo>
                      <a:pt x="12861" y="7422"/>
                    </a:lnTo>
                    <a:lnTo>
                      <a:pt x="12879" y="7507"/>
                    </a:lnTo>
                    <a:lnTo>
                      <a:pt x="12892" y="7595"/>
                    </a:lnTo>
                    <a:lnTo>
                      <a:pt x="12902" y="7737"/>
                    </a:lnTo>
                    <a:lnTo>
                      <a:pt x="12904" y="7844"/>
                    </a:lnTo>
                    <a:lnTo>
                      <a:pt x="12903" y="7914"/>
                    </a:lnTo>
                    <a:lnTo>
                      <a:pt x="12896" y="8046"/>
                    </a:lnTo>
                    <a:lnTo>
                      <a:pt x="12880" y="8169"/>
                    </a:lnTo>
                    <a:lnTo>
                      <a:pt x="12857" y="8286"/>
                    </a:lnTo>
                    <a:lnTo>
                      <a:pt x="12824" y="8398"/>
                    </a:lnTo>
                    <a:lnTo>
                      <a:pt x="12782" y="8507"/>
                    </a:lnTo>
                    <a:lnTo>
                      <a:pt x="12730" y="8615"/>
                    </a:lnTo>
                    <a:lnTo>
                      <a:pt x="12668" y="8723"/>
                    </a:lnTo>
                    <a:lnTo>
                      <a:pt x="12632" y="8777"/>
                    </a:lnTo>
                    <a:lnTo>
                      <a:pt x="12588" y="8841"/>
                    </a:lnTo>
                    <a:lnTo>
                      <a:pt x="12491" y="8960"/>
                    </a:lnTo>
                    <a:lnTo>
                      <a:pt x="12384" y="9067"/>
                    </a:lnTo>
                    <a:lnTo>
                      <a:pt x="12267" y="9164"/>
                    </a:lnTo>
                    <a:lnTo>
                      <a:pt x="12140" y="9250"/>
                    </a:lnTo>
                    <a:lnTo>
                      <a:pt x="12004" y="9324"/>
                    </a:lnTo>
                    <a:lnTo>
                      <a:pt x="11858" y="9387"/>
                    </a:lnTo>
                    <a:lnTo>
                      <a:pt x="11702" y="9439"/>
                    </a:lnTo>
                    <a:lnTo>
                      <a:pt x="11620" y="9461"/>
                    </a:lnTo>
                    <a:lnTo>
                      <a:pt x="11584" y="9469"/>
                    </a:lnTo>
                    <a:lnTo>
                      <a:pt x="11502" y="9482"/>
                    </a:lnTo>
                    <a:lnTo>
                      <a:pt x="11361" y="9495"/>
                    </a:lnTo>
                    <a:lnTo>
                      <a:pt x="11161" y="9498"/>
                    </a:lnTo>
                    <a:lnTo>
                      <a:pt x="11020" y="9489"/>
                    </a:lnTo>
                    <a:lnTo>
                      <a:pt x="10937" y="9478"/>
                    </a:lnTo>
                    <a:lnTo>
                      <a:pt x="10900" y="9471"/>
                    </a:lnTo>
                    <a:lnTo>
                      <a:pt x="10851" y="9460"/>
                    </a:lnTo>
                    <a:lnTo>
                      <a:pt x="10756" y="9433"/>
                    </a:lnTo>
                    <a:lnTo>
                      <a:pt x="10662" y="9402"/>
                    </a:lnTo>
                    <a:lnTo>
                      <a:pt x="10572" y="9365"/>
                    </a:lnTo>
                    <a:lnTo>
                      <a:pt x="10484" y="9324"/>
                    </a:lnTo>
                    <a:lnTo>
                      <a:pt x="10399" y="9277"/>
                    </a:lnTo>
                    <a:lnTo>
                      <a:pt x="10317" y="9226"/>
                    </a:lnTo>
                    <a:lnTo>
                      <a:pt x="10239" y="9170"/>
                    </a:lnTo>
                    <a:lnTo>
                      <a:pt x="10164" y="9110"/>
                    </a:lnTo>
                    <a:lnTo>
                      <a:pt x="10093" y="9046"/>
                    </a:lnTo>
                    <a:lnTo>
                      <a:pt x="10026" y="8978"/>
                    </a:lnTo>
                    <a:lnTo>
                      <a:pt x="9963" y="8906"/>
                    </a:lnTo>
                    <a:lnTo>
                      <a:pt x="9905" y="8830"/>
                    </a:lnTo>
                    <a:lnTo>
                      <a:pt x="9851" y="8750"/>
                    </a:lnTo>
                    <a:lnTo>
                      <a:pt x="9802" y="8667"/>
                    </a:lnTo>
                    <a:lnTo>
                      <a:pt x="9757" y="8580"/>
                    </a:lnTo>
                    <a:lnTo>
                      <a:pt x="9737" y="8536"/>
                    </a:lnTo>
                    <a:lnTo>
                      <a:pt x="9695" y="8440"/>
                    </a:lnTo>
                    <a:lnTo>
                      <a:pt x="9674" y="8397"/>
                    </a:lnTo>
                    <a:lnTo>
                      <a:pt x="9653" y="8395"/>
                    </a:lnTo>
                    <a:lnTo>
                      <a:pt x="9438" y="8390"/>
                    </a:lnTo>
                    <a:lnTo>
                      <a:pt x="8799" y="8385"/>
                    </a:lnTo>
                    <a:lnTo>
                      <a:pt x="6648" y="8377"/>
                    </a:lnTo>
                    <a:lnTo>
                      <a:pt x="3028" y="8376"/>
                    </a:lnTo>
                    <a:lnTo>
                      <a:pt x="877" y="8383"/>
                    </a:lnTo>
                    <a:lnTo>
                      <a:pt x="238" y="8388"/>
                    </a:lnTo>
                    <a:lnTo>
                      <a:pt x="24" y="8393"/>
                    </a:lnTo>
                    <a:lnTo>
                      <a:pt x="4" y="8396"/>
                    </a:lnTo>
                    <a:lnTo>
                      <a:pt x="0" y="8409"/>
                    </a:lnTo>
                    <a:lnTo>
                      <a:pt x="3" y="8487"/>
                    </a:lnTo>
                    <a:lnTo>
                      <a:pt x="23" y="8687"/>
                    </a:lnTo>
                    <a:lnTo>
                      <a:pt x="70" y="9043"/>
                    </a:lnTo>
                    <a:lnTo>
                      <a:pt x="126" y="9378"/>
                    </a:lnTo>
                    <a:lnTo>
                      <a:pt x="150" y="9491"/>
                    </a:lnTo>
                    <a:lnTo>
                      <a:pt x="170" y="9569"/>
                    </a:lnTo>
                    <a:lnTo>
                      <a:pt x="2104" y="9577"/>
                    </a:lnTo>
                    <a:lnTo>
                      <a:pt x="4037" y="9586"/>
                    </a:lnTo>
                    <a:lnTo>
                      <a:pt x="4120" y="9626"/>
                    </a:lnTo>
                    <a:lnTo>
                      <a:pt x="4147" y="9640"/>
                    </a:lnTo>
                    <a:lnTo>
                      <a:pt x="4234" y="9710"/>
                    </a:lnTo>
                    <a:lnTo>
                      <a:pt x="4376" y="9842"/>
                    </a:lnTo>
                    <a:lnTo>
                      <a:pt x="4588" y="10049"/>
                    </a:lnTo>
                    <a:lnTo>
                      <a:pt x="4729" y="10189"/>
                    </a:lnTo>
                    <a:lnTo>
                      <a:pt x="5255" y="10711"/>
                    </a:lnTo>
                    <a:lnTo>
                      <a:pt x="5762" y="10707"/>
                    </a:lnTo>
                    <a:lnTo>
                      <a:pt x="6269" y="10702"/>
                    </a:lnTo>
                    <a:lnTo>
                      <a:pt x="6290" y="10661"/>
                    </a:lnTo>
                    <a:lnTo>
                      <a:pt x="6320" y="10600"/>
                    </a:lnTo>
                    <a:lnTo>
                      <a:pt x="6372" y="10494"/>
                    </a:lnTo>
                    <a:lnTo>
                      <a:pt x="6394" y="10450"/>
                    </a:lnTo>
                    <a:lnTo>
                      <a:pt x="6441" y="10365"/>
                    </a:lnTo>
                    <a:lnTo>
                      <a:pt x="6492" y="10285"/>
                    </a:lnTo>
                    <a:lnTo>
                      <a:pt x="6547" y="10208"/>
                    </a:lnTo>
                    <a:lnTo>
                      <a:pt x="6606" y="10135"/>
                    </a:lnTo>
                    <a:lnTo>
                      <a:pt x="6668" y="10067"/>
                    </a:lnTo>
                    <a:lnTo>
                      <a:pt x="6734" y="10003"/>
                    </a:lnTo>
                    <a:lnTo>
                      <a:pt x="6803" y="9943"/>
                    </a:lnTo>
                    <a:lnTo>
                      <a:pt x="6876" y="9887"/>
                    </a:lnTo>
                    <a:lnTo>
                      <a:pt x="6952" y="9836"/>
                    </a:lnTo>
                    <a:lnTo>
                      <a:pt x="7032" y="9789"/>
                    </a:lnTo>
                    <a:lnTo>
                      <a:pt x="7115" y="9746"/>
                    </a:lnTo>
                    <a:lnTo>
                      <a:pt x="7201" y="9708"/>
                    </a:lnTo>
                    <a:lnTo>
                      <a:pt x="7291" y="9674"/>
                    </a:lnTo>
                    <a:lnTo>
                      <a:pt x="7383" y="9644"/>
                    </a:lnTo>
                    <a:lnTo>
                      <a:pt x="7479" y="9620"/>
                    </a:lnTo>
                    <a:lnTo>
                      <a:pt x="7529" y="9609"/>
                    </a:lnTo>
                    <a:lnTo>
                      <a:pt x="7563" y="9602"/>
                    </a:lnTo>
                    <a:lnTo>
                      <a:pt x="7643" y="9593"/>
                    </a:lnTo>
                    <a:lnTo>
                      <a:pt x="7782" y="9586"/>
                    </a:lnTo>
                    <a:lnTo>
                      <a:pt x="7981" y="9591"/>
                    </a:lnTo>
                    <a:lnTo>
                      <a:pt x="8120" y="9606"/>
                    </a:lnTo>
                    <a:lnTo>
                      <a:pt x="8202" y="9619"/>
                    </a:lnTo>
                    <a:lnTo>
                      <a:pt x="8237" y="9627"/>
                    </a:lnTo>
                    <a:lnTo>
                      <a:pt x="8290" y="9641"/>
                    </a:lnTo>
                    <a:lnTo>
                      <a:pt x="8392" y="9673"/>
                    </a:lnTo>
                    <a:lnTo>
                      <a:pt x="8490" y="9709"/>
                    </a:lnTo>
                    <a:lnTo>
                      <a:pt x="8585" y="9750"/>
                    </a:lnTo>
                    <a:lnTo>
                      <a:pt x="8676" y="9796"/>
                    </a:lnTo>
                    <a:lnTo>
                      <a:pt x="8763" y="9847"/>
                    </a:lnTo>
                    <a:lnTo>
                      <a:pt x="8845" y="9902"/>
                    </a:lnTo>
                    <a:lnTo>
                      <a:pt x="8924" y="9962"/>
                    </a:lnTo>
                    <a:lnTo>
                      <a:pt x="8998" y="10027"/>
                    </a:lnTo>
                    <a:lnTo>
                      <a:pt x="9068" y="10096"/>
                    </a:lnTo>
                    <a:lnTo>
                      <a:pt x="9134" y="10169"/>
                    </a:lnTo>
                    <a:lnTo>
                      <a:pt x="9195" y="10247"/>
                    </a:lnTo>
                    <a:lnTo>
                      <a:pt x="9251" y="10328"/>
                    </a:lnTo>
                    <a:lnTo>
                      <a:pt x="9303" y="10414"/>
                    </a:lnTo>
                    <a:lnTo>
                      <a:pt x="9350" y="10504"/>
                    </a:lnTo>
                    <a:lnTo>
                      <a:pt x="9393" y="10599"/>
                    </a:lnTo>
                    <a:lnTo>
                      <a:pt x="9412" y="10647"/>
                    </a:lnTo>
                    <a:lnTo>
                      <a:pt x="9428" y="10693"/>
                    </a:lnTo>
                    <a:lnTo>
                      <a:pt x="9457" y="10791"/>
                    </a:lnTo>
                    <a:lnTo>
                      <a:pt x="9482" y="10899"/>
                    </a:lnTo>
                    <a:lnTo>
                      <a:pt x="9502" y="11021"/>
                    </a:lnTo>
                    <a:lnTo>
                      <a:pt x="9510" y="11089"/>
                    </a:lnTo>
                    <a:lnTo>
                      <a:pt x="9517" y="11155"/>
                    </a:lnTo>
                    <a:lnTo>
                      <a:pt x="9519" y="11290"/>
                    </a:lnTo>
                    <a:lnTo>
                      <a:pt x="9509" y="11429"/>
                    </a:lnTo>
                    <a:lnTo>
                      <a:pt x="9487" y="11569"/>
                    </a:lnTo>
                    <a:lnTo>
                      <a:pt x="9452" y="11707"/>
                    </a:lnTo>
                    <a:lnTo>
                      <a:pt x="9407" y="11843"/>
                    </a:lnTo>
                    <a:lnTo>
                      <a:pt x="9351" y="11974"/>
                    </a:lnTo>
                    <a:lnTo>
                      <a:pt x="9284" y="12099"/>
                    </a:lnTo>
                    <a:lnTo>
                      <a:pt x="9247" y="12157"/>
                    </a:lnTo>
                    <a:lnTo>
                      <a:pt x="9217" y="12201"/>
                    </a:lnTo>
                    <a:lnTo>
                      <a:pt x="9154" y="12284"/>
                    </a:lnTo>
                    <a:lnTo>
                      <a:pt x="9087" y="12362"/>
                    </a:lnTo>
                    <a:lnTo>
                      <a:pt x="9015" y="12435"/>
                    </a:lnTo>
                    <a:lnTo>
                      <a:pt x="8940" y="12504"/>
                    </a:lnTo>
                    <a:lnTo>
                      <a:pt x="8860" y="12567"/>
                    </a:lnTo>
                    <a:lnTo>
                      <a:pt x="8777" y="12625"/>
                    </a:lnTo>
                    <a:lnTo>
                      <a:pt x="8690" y="12677"/>
                    </a:lnTo>
                    <a:lnTo>
                      <a:pt x="8600" y="12724"/>
                    </a:lnTo>
                    <a:lnTo>
                      <a:pt x="8507" y="12766"/>
                    </a:lnTo>
                    <a:lnTo>
                      <a:pt x="8410" y="12802"/>
                    </a:lnTo>
                    <a:lnTo>
                      <a:pt x="8312" y="12832"/>
                    </a:lnTo>
                    <a:lnTo>
                      <a:pt x="8210" y="12856"/>
                    </a:lnTo>
                    <a:lnTo>
                      <a:pt x="8106" y="12875"/>
                    </a:lnTo>
                    <a:lnTo>
                      <a:pt x="8000" y="12887"/>
                    </a:lnTo>
                    <a:lnTo>
                      <a:pt x="7892" y="12893"/>
                    </a:lnTo>
                    <a:lnTo>
                      <a:pt x="7837" y="12894"/>
                    </a:lnTo>
                    <a:lnTo>
                      <a:pt x="7776" y="12893"/>
                    </a:lnTo>
                    <a:lnTo>
                      <a:pt x="7657" y="12886"/>
                    </a:lnTo>
                    <a:lnTo>
                      <a:pt x="7541" y="12870"/>
                    </a:lnTo>
                    <a:lnTo>
                      <a:pt x="7428" y="12847"/>
                    </a:lnTo>
                    <a:lnTo>
                      <a:pt x="7318" y="12816"/>
                    </a:lnTo>
                    <a:lnTo>
                      <a:pt x="7212" y="12779"/>
                    </a:lnTo>
                    <a:lnTo>
                      <a:pt x="7110" y="12734"/>
                    </a:lnTo>
                    <a:lnTo>
                      <a:pt x="7011" y="12682"/>
                    </a:lnTo>
                    <a:lnTo>
                      <a:pt x="6917" y="12623"/>
                    </a:lnTo>
                    <a:lnTo>
                      <a:pt x="6827" y="12557"/>
                    </a:lnTo>
                    <a:lnTo>
                      <a:pt x="6742" y="12485"/>
                    </a:lnTo>
                    <a:lnTo>
                      <a:pt x="6662" y="12406"/>
                    </a:lnTo>
                    <a:lnTo>
                      <a:pt x="6586" y="12321"/>
                    </a:lnTo>
                    <a:lnTo>
                      <a:pt x="6516" y="12229"/>
                    </a:lnTo>
                    <a:lnTo>
                      <a:pt x="6451" y="12132"/>
                    </a:lnTo>
                    <a:lnTo>
                      <a:pt x="6392" y="12028"/>
                    </a:lnTo>
                    <a:lnTo>
                      <a:pt x="6365" y="11974"/>
                    </a:lnTo>
                    <a:lnTo>
                      <a:pt x="6270" y="11779"/>
                    </a:lnTo>
                    <a:lnTo>
                      <a:pt x="5614" y="11777"/>
                    </a:lnTo>
                    <a:lnTo>
                      <a:pt x="5302" y="11777"/>
                    </a:lnTo>
                    <a:lnTo>
                      <a:pt x="5017" y="11770"/>
                    </a:lnTo>
                    <a:lnTo>
                      <a:pt x="4912" y="11762"/>
                    </a:lnTo>
                    <a:lnTo>
                      <a:pt x="4889" y="11757"/>
                    </a:lnTo>
                    <a:lnTo>
                      <a:pt x="4865" y="11750"/>
                    </a:lnTo>
                    <a:lnTo>
                      <a:pt x="4817" y="11729"/>
                    </a:lnTo>
                    <a:lnTo>
                      <a:pt x="4764" y="11697"/>
                    </a:lnTo>
                    <a:lnTo>
                      <a:pt x="4700" y="11650"/>
                    </a:lnTo>
                    <a:lnTo>
                      <a:pt x="4579" y="11544"/>
                    </a:lnTo>
                    <a:lnTo>
                      <a:pt x="4335" y="11309"/>
                    </a:lnTo>
                    <a:lnTo>
                      <a:pt x="4162" y="11136"/>
                    </a:lnTo>
                    <a:lnTo>
                      <a:pt x="3670" y="10644"/>
                    </a:lnTo>
                    <a:lnTo>
                      <a:pt x="2084" y="10644"/>
                    </a:lnTo>
                    <a:lnTo>
                      <a:pt x="1199" y="10644"/>
                    </a:lnTo>
                    <a:lnTo>
                      <a:pt x="627" y="10651"/>
                    </a:lnTo>
                    <a:lnTo>
                      <a:pt x="523" y="10658"/>
                    </a:lnTo>
                    <a:lnTo>
                      <a:pt x="497" y="10664"/>
                    </a:lnTo>
                    <a:lnTo>
                      <a:pt x="495" y="10667"/>
                    </a:lnTo>
                    <a:lnTo>
                      <a:pt x="496" y="10678"/>
                    </a:lnTo>
                    <a:lnTo>
                      <a:pt x="506" y="10697"/>
                    </a:lnTo>
                    <a:lnTo>
                      <a:pt x="512" y="10702"/>
                    </a:lnTo>
                    <a:lnTo>
                      <a:pt x="518" y="10708"/>
                    </a:lnTo>
                    <a:lnTo>
                      <a:pt x="528" y="10726"/>
                    </a:lnTo>
                    <a:lnTo>
                      <a:pt x="529" y="10736"/>
                    </a:lnTo>
                    <a:lnTo>
                      <a:pt x="531" y="10750"/>
                    </a:lnTo>
                    <a:lnTo>
                      <a:pt x="553" y="10811"/>
                    </a:lnTo>
                    <a:lnTo>
                      <a:pt x="569" y="10847"/>
                    </a:lnTo>
                    <a:lnTo>
                      <a:pt x="611" y="10944"/>
                    </a:lnTo>
                    <a:lnTo>
                      <a:pt x="662" y="11061"/>
                    </a:lnTo>
                    <a:lnTo>
                      <a:pt x="691" y="11126"/>
                    </a:lnTo>
                    <a:lnTo>
                      <a:pt x="759" y="11270"/>
                    </a:lnTo>
                    <a:lnTo>
                      <a:pt x="878" y="11503"/>
                    </a:lnTo>
                    <a:lnTo>
                      <a:pt x="1061" y="11830"/>
                    </a:lnTo>
                    <a:lnTo>
                      <a:pt x="1251" y="12141"/>
                    </a:lnTo>
                    <a:lnTo>
                      <a:pt x="1342" y="12277"/>
                    </a:lnTo>
                    <a:lnTo>
                      <a:pt x="1450" y="12433"/>
                    </a:lnTo>
                    <a:lnTo>
                      <a:pt x="1657" y="12710"/>
                    </a:lnTo>
                    <a:lnTo>
                      <a:pt x="1874" y="12970"/>
                    </a:lnTo>
                    <a:lnTo>
                      <a:pt x="2125" y="13243"/>
                    </a:lnTo>
                    <a:lnTo>
                      <a:pt x="2274" y="13396"/>
                    </a:lnTo>
                    <a:lnTo>
                      <a:pt x="2595" y="13721"/>
                    </a:lnTo>
                    <a:lnTo>
                      <a:pt x="2137" y="15551"/>
                    </a:lnTo>
                    <a:lnTo>
                      <a:pt x="1903" y="16490"/>
                    </a:lnTo>
                    <a:lnTo>
                      <a:pt x="1728" y="17221"/>
                    </a:lnTo>
                    <a:lnTo>
                      <a:pt x="1690" y="17401"/>
                    </a:lnTo>
                    <a:lnTo>
                      <a:pt x="1679" y="17468"/>
                    </a:lnTo>
                    <a:lnTo>
                      <a:pt x="1679" y="17486"/>
                    </a:lnTo>
                    <a:lnTo>
                      <a:pt x="1679" y="17515"/>
                    </a:lnTo>
                    <a:lnTo>
                      <a:pt x="1684" y="17565"/>
                    </a:lnTo>
                    <a:lnTo>
                      <a:pt x="1695" y="17611"/>
                    </a:lnTo>
                    <a:lnTo>
                      <a:pt x="1715" y="17661"/>
                    </a:lnTo>
                    <a:lnTo>
                      <a:pt x="1729" y="17691"/>
                    </a:lnTo>
                    <a:lnTo>
                      <a:pt x="1752" y="17735"/>
                    </a:lnTo>
                    <a:lnTo>
                      <a:pt x="1806" y="17809"/>
                    </a:lnTo>
                    <a:lnTo>
                      <a:pt x="1873" y="17871"/>
                    </a:lnTo>
                    <a:lnTo>
                      <a:pt x="1956" y="17923"/>
                    </a:lnTo>
                    <a:lnTo>
                      <a:pt x="2007" y="17947"/>
                    </a:lnTo>
                    <a:lnTo>
                      <a:pt x="2112" y="17994"/>
                    </a:lnTo>
                    <a:lnTo>
                      <a:pt x="5864" y="17994"/>
                    </a:lnTo>
                    <a:lnTo>
                      <a:pt x="9617" y="17994"/>
                    </a:lnTo>
                    <a:lnTo>
                      <a:pt x="9715" y="17959"/>
                    </a:lnTo>
                    <a:lnTo>
                      <a:pt x="9756" y="17942"/>
                    </a:lnTo>
                    <a:lnTo>
                      <a:pt x="9837" y="17895"/>
                    </a:lnTo>
                    <a:lnTo>
                      <a:pt x="9912" y="17834"/>
                    </a:lnTo>
                    <a:lnTo>
                      <a:pt x="9975" y="17766"/>
                    </a:lnTo>
                    <a:lnTo>
                      <a:pt x="9999" y="17731"/>
                    </a:lnTo>
                    <a:lnTo>
                      <a:pt x="10010" y="17706"/>
                    </a:lnTo>
                    <a:lnTo>
                      <a:pt x="10053" y="17567"/>
                    </a:lnTo>
                    <a:lnTo>
                      <a:pt x="10161" y="17167"/>
                    </a:lnTo>
                    <a:lnTo>
                      <a:pt x="10270" y="16736"/>
                    </a:lnTo>
                    <a:lnTo>
                      <a:pt x="10505" y="15802"/>
                    </a:lnTo>
                    <a:lnTo>
                      <a:pt x="10604" y="15806"/>
                    </a:lnTo>
                    <a:lnTo>
                      <a:pt x="10651" y="15808"/>
                    </a:lnTo>
                    <a:lnTo>
                      <a:pt x="10773" y="15820"/>
                    </a:lnTo>
                    <a:lnTo>
                      <a:pt x="10829" y="15827"/>
                    </a:lnTo>
                    <a:lnTo>
                      <a:pt x="11190" y="15881"/>
                    </a:lnTo>
                    <a:lnTo>
                      <a:pt x="11704" y="15954"/>
                    </a:lnTo>
                    <a:lnTo>
                      <a:pt x="12013" y="15997"/>
                    </a:lnTo>
                    <a:lnTo>
                      <a:pt x="12345" y="16044"/>
                    </a:lnTo>
                    <a:lnTo>
                      <a:pt x="12639" y="16087"/>
                    </a:lnTo>
                    <a:lnTo>
                      <a:pt x="12812" y="16111"/>
                    </a:lnTo>
                    <a:lnTo>
                      <a:pt x="12931" y="16128"/>
                    </a:lnTo>
                    <a:lnTo>
                      <a:pt x="13037" y="16144"/>
                    </a:lnTo>
                    <a:lnTo>
                      <a:pt x="13130" y="16157"/>
                    </a:lnTo>
                    <a:lnTo>
                      <a:pt x="13204" y="16169"/>
                    </a:lnTo>
                    <a:lnTo>
                      <a:pt x="13335" y="16187"/>
                    </a:lnTo>
                    <a:lnTo>
                      <a:pt x="13620" y="16229"/>
                    </a:lnTo>
                    <a:lnTo>
                      <a:pt x="13766" y="16250"/>
                    </a:lnTo>
                    <a:lnTo>
                      <a:pt x="14011" y="16278"/>
                    </a:lnTo>
                    <a:lnTo>
                      <a:pt x="14072" y="16281"/>
                    </a:lnTo>
                    <a:lnTo>
                      <a:pt x="14109" y="16280"/>
                    </a:lnTo>
                    <a:lnTo>
                      <a:pt x="14182" y="16271"/>
                    </a:lnTo>
                    <a:lnTo>
                      <a:pt x="14253" y="16251"/>
                    </a:lnTo>
                    <a:lnTo>
                      <a:pt x="14320" y="16223"/>
                    </a:lnTo>
                    <a:lnTo>
                      <a:pt x="14383" y="16186"/>
                    </a:lnTo>
                    <a:lnTo>
                      <a:pt x="14439" y="16141"/>
                    </a:lnTo>
                    <a:lnTo>
                      <a:pt x="14487" y="16090"/>
                    </a:lnTo>
                    <a:lnTo>
                      <a:pt x="14526" y="16032"/>
                    </a:lnTo>
                    <a:lnTo>
                      <a:pt x="14542" y="16001"/>
                    </a:lnTo>
                    <a:lnTo>
                      <a:pt x="14557" y="15954"/>
                    </a:lnTo>
                    <a:lnTo>
                      <a:pt x="14653" y="15595"/>
                    </a:lnTo>
                    <a:lnTo>
                      <a:pt x="14901" y="14626"/>
                    </a:lnTo>
                    <a:lnTo>
                      <a:pt x="15120" y="13756"/>
                    </a:lnTo>
                    <a:lnTo>
                      <a:pt x="15337" y="12888"/>
                    </a:lnTo>
                    <a:lnTo>
                      <a:pt x="15580" y="11939"/>
                    </a:lnTo>
                    <a:lnTo>
                      <a:pt x="15670" y="11600"/>
                    </a:lnTo>
                    <a:lnTo>
                      <a:pt x="15682" y="11564"/>
                    </a:lnTo>
                    <a:lnTo>
                      <a:pt x="15734" y="11525"/>
                    </a:lnTo>
                    <a:lnTo>
                      <a:pt x="16162" y="11234"/>
                    </a:lnTo>
                    <a:lnTo>
                      <a:pt x="16470" y="11027"/>
                    </a:lnTo>
                    <a:lnTo>
                      <a:pt x="16789" y="10814"/>
                    </a:lnTo>
                    <a:lnTo>
                      <a:pt x="17140" y="10570"/>
                    </a:lnTo>
                    <a:lnTo>
                      <a:pt x="17274" y="10470"/>
                    </a:lnTo>
                    <a:lnTo>
                      <a:pt x="17297" y="10449"/>
                    </a:lnTo>
                    <a:lnTo>
                      <a:pt x="17325" y="10416"/>
                    </a:lnTo>
                    <a:lnTo>
                      <a:pt x="17369" y="10344"/>
                    </a:lnTo>
                    <a:lnTo>
                      <a:pt x="17401" y="10265"/>
                    </a:lnTo>
                    <a:lnTo>
                      <a:pt x="17420" y="10182"/>
                    </a:lnTo>
                    <a:lnTo>
                      <a:pt x="17426" y="10097"/>
                    </a:lnTo>
                    <a:lnTo>
                      <a:pt x="17419" y="10013"/>
                    </a:lnTo>
                    <a:lnTo>
                      <a:pt x="17398" y="9932"/>
                    </a:lnTo>
                    <a:lnTo>
                      <a:pt x="17363" y="9856"/>
                    </a:lnTo>
                    <a:lnTo>
                      <a:pt x="17340" y="9821"/>
                    </a:lnTo>
                    <a:lnTo>
                      <a:pt x="17135" y="9544"/>
                    </a:lnTo>
                    <a:lnTo>
                      <a:pt x="16519" y="8719"/>
                    </a:lnTo>
                    <a:lnTo>
                      <a:pt x="15732" y="7669"/>
                    </a:lnTo>
                    <a:lnTo>
                      <a:pt x="15722" y="7511"/>
                    </a:lnTo>
                    <a:lnTo>
                      <a:pt x="15705" y="7285"/>
                    </a:lnTo>
                    <a:lnTo>
                      <a:pt x="15662" y="6864"/>
                    </a:lnTo>
                    <a:lnTo>
                      <a:pt x="15602" y="6463"/>
                    </a:lnTo>
                    <a:lnTo>
                      <a:pt x="15525" y="6065"/>
                    </a:lnTo>
                    <a:lnTo>
                      <a:pt x="15477" y="5861"/>
                    </a:lnTo>
                    <a:lnTo>
                      <a:pt x="15457" y="5781"/>
                    </a:lnTo>
                    <a:lnTo>
                      <a:pt x="15391" y="5552"/>
                    </a:lnTo>
                    <a:lnTo>
                      <a:pt x="15315" y="5303"/>
                    </a:lnTo>
                    <a:lnTo>
                      <a:pt x="15250" y="5105"/>
                    </a:lnTo>
                    <a:lnTo>
                      <a:pt x="15230" y="5052"/>
                    </a:lnTo>
                    <a:lnTo>
                      <a:pt x="15201" y="4982"/>
                    </a:lnTo>
                    <a:lnTo>
                      <a:pt x="15137" y="4819"/>
                    </a:lnTo>
                    <a:lnTo>
                      <a:pt x="15084" y="4688"/>
                    </a:lnTo>
                    <a:lnTo>
                      <a:pt x="14969" y="4429"/>
                    </a:lnTo>
                    <a:lnTo>
                      <a:pt x="14844" y="4174"/>
                    </a:lnTo>
                    <a:lnTo>
                      <a:pt x="14709" y="3924"/>
                    </a:lnTo>
                    <a:lnTo>
                      <a:pt x="14564" y="3679"/>
                    </a:lnTo>
                    <a:lnTo>
                      <a:pt x="14410" y="3440"/>
                    </a:lnTo>
                    <a:lnTo>
                      <a:pt x="14246" y="3206"/>
                    </a:lnTo>
                    <a:lnTo>
                      <a:pt x="14074" y="2979"/>
                    </a:lnTo>
                    <a:lnTo>
                      <a:pt x="13892" y="2757"/>
                    </a:lnTo>
                    <a:lnTo>
                      <a:pt x="13702" y="2543"/>
                    </a:lnTo>
                    <a:lnTo>
                      <a:pt x="13504" y="2335"/>
                    </a:lnTo>
                    <a:lnTo>
                      <a:pt x="13298" y="2135"/>
                    </a:lnTo>
                    <a:lnTo>
                      <a:pt x="13085" y="1943"/>
                    </a:lnTo>
                    <a:lnTo>
                      <a:pt x="12864" y="1759"/>
                    </a:lnTo>
                    <a:lnTo>
                      <a:pt x="12636" y="1583"/>
                    </a:lnTo>
                    <a:lnTo>
                      <a:pt x="12401" y="1415"/>
                    </a:lnTo>
                    <a:lnTo>
                      <a:pt x="12280" y="1336"/>
                    </a:lnTo>
                    <a:lnTo>
                      <a:pt x="12130" y="1240"/>
                    </a:lnTo>
                    <a:lnTo>
                      <a:pt x="11803" y="1046"/>
                    </a:lnTo>
                    <a:lnTo>
                      <a:pt x="11474" y="868"/>
                    </a:lnTo>
                    <a:lnTo>
                      <a:pt x="11249" y="758"/>
                    </a:lnTo>
                    <a:lnTo>
                      <a:pt x="11116" y="699"/>
                    </a:lnTo>
                    <a:lnTo>
                      <a:pt x="11057" y="676"/>
                    </a:lnTo>
                    <a:lnTo>
                      <a:pt x="10980" y="645"/>
                    </a:lnTo>
                    <a:lnTo>
                      <a:pt x="10920" y="619"/>
                    </a:lnTo>
                    <a:lnTo>
                      <a:pt x="10844" y="587"/>
                    </a:lnTo>
                    <a:lnTo>
                      <a:pt x="10628" y="506"/>
                    </a:lnTo>
                    <a:lnTo>
                      <a:pt x="10384" y="421"/>
                    </a:lnTo>
                    <a:lnTo>
                      <a:pt x="10162" y="349"/>
                    </a:lnTo>
                    <a:lnTo>
                      <a:pt x="10079" y="326"/>
                    </a:lnTo>
                    <a:lnTo>
                      <a:pt x="9932" y="286"/>
                    </a:lnTo>
                    <a:lnTo>
                      <a:pt x="9703" y="227"/>
                    </a:lnTo>
                    <a:lnTo>
                      <a:pt x="9637" y="212"/>
                    </a:lnTo>
                    <a:lnTo>
                      <a:pt x="9478" y="179"/>
                    </a:lnTo>
                    <a:lnTo>
                      <a:pt x="9197" y="126"/>
                    </a:lnTo>
                    <a:lnTo>
                      <a:pt x="9020" y="96"/>
                    </a:lnTo>
                    <a:lnTo>
                      <a:pt x="8922" y="81"/>
                    </a:lnTo>
                    <a:lnTo>
                      <a:pt x="8554" y="38"/>
                    </a:lnTo>
                    <a:lnTo>
                      <a:pt x="8362" y="17"/>
                    </a:lnTo>
                    <a:lnTo>
                      <a:pt x="8279" y="11"/>
                    </a:lnTo>
                    <a:lnTo>
                      <a:pt x="7976" y="3"/>
                    </a:lnTo>
                    <a:lnTo>
                      <a:pt x="7630" y="0"/>
                    </a:lnTo>
                    <a:lnTo>
                      <a:pt x="7376" y="4"/>
                    </a:lnTo>
                    <a:lnTo>
                      <a:pt x="7337" y="9"/>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92" name="Freeform 6"/>
              <p:cNvSpPr>
                <a:spLocks/>
              </p:cNvSpPr>
              <p:nvPr/>
            </p:nvSpPr>
            <p:spPr bwMode="auto">
              <a:xfrm>
                <a:off x="3493" y="928"/>
                <a:ext cx="281" cy="283"/>
              </a:xfrm>
              <a:custGeom>
                <a:avLst/>
                <a:gdLst>
                  <a:gd name="T0" fmla="*/ 355 w 1170"/>
                  <a:gd name="T1" fmla="*/ 42 h 1180"/>
                  <a:gd name="T2" fmla="*/ 326 w 1170"/>
                  <a:gd name="T3" fmla="*/ 55 h 1180"/>
                  <a:gd name="T4" fmla="*/ 272 w 1170"/>
                  <a:gd name="T5" fmla="*/ 84 h 1180"/>
                  <a:gd name="T6" fmla="*/ 223 w 1170"/>
                  <a:gd name="T7" fmla="*/ 118 h 1180"/>
                  <a:gd name="T8" fmla="*/ 178 w 1170"/>
                  <a:gd name="T9" fmla="*/ 158 h 1180"/>
                  <a:gd name="T10" fmla="*/ 138 w 1170"/>
                  <a:gd name="T11" fmla="*/ 201 h 1180"/>
                  <a:gd name="T12" fmla="*/ 102 w 1170"/>
                  <a:gd name="T13" fmla="*/ 248 h 1180"/>
                  <a:gd name="T14" fmla="*/ 72 w 1170"/>
                  <a:gd name="T15" fmla="*/ 298 h 1180"/>
                  <a:gd name="T16" fmla="*/ 46 w 1170"/>
                  <a:gd name="T17" fmla="*/ 352 h 1180"/>
                  <a:gd name="T18" fmla="*/ 27 w 1170"/>
                  <a:gd name="T19" fmla="*/ 408 h 1180"/>
                  <a:gd name="T20" fmla="*/ 12 w 1170"/>
                  <a:gd name="T21" fmla="*/ 466 h 1180"/>
                  <a:gd name="T22" fmla="*/ 3 w 1170"/>
                  <a:gd name="T23" fmla="*/ 525 h 1180"/>
                  <a:gd name="T24" fmla="*/ 0 w 1170"/>
                  <a:gd name="T25" fmla="*/ 586 h 1180"/>
                  <a:gd name="T26" fmla="*/ 3 w 1170"/>
                  <a:gd name="T27" fmla="*/ 647 h 1180"/>
                  <a:gd name="T28" fmla="*/ 12 w 1170"/>
                  <a:gd name="T29" fmla="*/ 709 h 1180"/>
                  <a:gd name="T30" fmla="*/ 28 w 1170"/>
                  <a:gd name="T31" fmla="*/ 770 h 1180"/>
                  <a:gd name="T32" fmla="*/ 50 w 1170"/>
                  <a:gd name="T33" fmla="*/ 831 h 1180"/>
                  <a:gd name="T34" fmla="*/ 63 w 1170"/>
                  <a:gd name="T35" fmla="*/ 861 h 1180"/>
                  <a:gd name="T36" fmla="*/ 83 w 1170"/>
                  <a:gd name="T37" fmla="*/ 900 h 1180"/>
                  <a:gd name="T38" fmla="*/ 130 w 1170"/>
                  <a:gd name="T39" fmla="*/ 969 h 1180"/>
                  <a:gd name="T40" fmla="*/ 185 w 1170"/>
                  <a:gd name="T41" fmla="*/ 1029 h 1180"/>
                  <a:gd name="T42" fmla="*/ 247 w 1170"/>
                  <a:gd name="T43" fmla="*/ 1079 h 1180"/>
                  <a:gd name="T44" fmla="*/ 314 w 1170"/>
                  <a:gd name="T45" fmla="*/ 1119 h 1180"/>
                  <a:gd name="T46" fmla="*/ 386 w 1170"/>
                  <a:gd name="T47" fmla="*/ 1149 h 1180"/>
                  <a:gd name="T48" fmla="*/ 461 w 1170"/>
                  <a:gd name="T49" fmla="*/ 1169 h 1180"/>
                  <a:gd name="T50" fmla="*/ 539 w 1170"/>
                  <a:gd name="T51" fmla="*/ 1180 h 1180"/>
                  <a:gd name="T52" fmla="*/ 617 w 1170"/>
                  <a:gd name="T53" fmla="*/ 1180 h 1180"/>
                  <a:gd name="T54" fmla="*/ 695 w 1170"/>
                  <a:gd name="T55" fmla="*/ 1170 h 1180"/>
                  <a:gd name="T56" fmla="*/ 771 w 1170"/>
                  <a:gd name="T57" fmla="*/ 1150 h 1180"/>
                  <a:gd name="T58" fmla="*/ 845 w 1170"/>
                  <a:gd name="T59" fmla="*/ 1121 h 1180"/>
                  <a:gd name="T60" fmla="*/ 915 w 1170"/>
                  <a:gd name="T61" fmla="*/ 1081 h 1180"/>
                  <a:gd name="T62" fmla="*/ 980 w 1170"/>
                  <a:gd name="T63" fmla="*/ 1032 h 1180"/>
                  <a:gd name="T64" fmla="*/ 1039 w 1170"/>
                  <a:gd name="T65" fmla="*/ 972 h 1180"/>
                  <a:gd name="T66" fmla="*/ 1091 w 1170"/>
                  <a:gd name="T67" fmla="*/ 903 h 1180"/>
                  <a:gd name="T68" fmla="*/ 1113 w 1170"/>
                  <a:gd name="T69" fmla="*/ 864 h 1180"/>
                  <a:gd name="T70" fmla="*/ 1132 w 1170"/>
                  <a:gd name="T71" fmla="*/ 829 h 1180"/>
                  <a:gd name="T72" fmla="*/ 1155 w 1170"/>
                  <a:gd name="T73" fmla="*/ 776 h 1180"/>
                  <a:gd name="T74" fmla="*/ 1166 w 1170"/>
                  <a:gd name="T75" fmla="*/ 722 h 1180"/>
                  <a:gd name="T76" fmla="*/ 1170 w 1170"/>
                  <a:gd name="T77" fmla="*/ 647 h 1180"/>
                  <a:gd name="T78" fmla="*/ 1170 w 1170"/>
                  <a:gd name="T79" fmla="*/ 592 h 1180"/>
                  <a:gd name="T80" fmla="*/ 1170 w 1170"/>
                  <a:gd name="T81" fmla="*/ 540 h 1180"/>
                  <a:gd name="T82" fmla="*/ 1166 w 1170"/>
                  <a:gd name="T83" fmla="*/ 465 h 1180"/>
                  <a:gd name="T84" fmla="*/ 1156 w 1170"/>
                  <a:gd name="T85" fmla="*/ 411 h 1180"/>
                  <a:gd name="T86" fmla="*/ 1136 w 1170"/>
                  <a:gd name="T87" fmla="*/ 360 h 1180"/>
                  <a:gd name="T88" fmla="*/ 1120 w 1170"/>
                  <a:gd name="T89" fmla="*/ 329 h 1180"/>
                  <a:gd name="T90" fmla="*/ 1108 w 1170"/>
                  <a:gd name="T91" fmla="*/ 306 h 1180"/>
                  <a:gd name="T92" fmla="*/ 1078 w 1170"/>
                  <a:gd name="T93" fmla="*/ 259 h 1180"/>
                  <a:gd name="T94" fmla="*/ 1044 w 1170"/>
                  <a:gd name="T95" fmla="*/ 215 h 1180"/>
                  <a:gd name="T96" fmla="*/ 1004 w 1170"/>
                  <a:gd name="T97" fmla="*/ 172 h 1180"/>
                  <a:gd name="T98" fmla="*/ 962 w 1170"/>
                  <a:gd name="T99" fmla="*/ 133 h 1180"/>
                  <a:gd name="T100" fmla="*/ 918 w 1170"/>
                  <a:gd name="T101" fmla="*/ 98 h 1180"/>
                  <a:gd name="T102" fmla="*/ 872 w 1170"/>
                  <a:gd name="T103" fmla="*/ 68 h 1180"/>
                  <a:gd name="T104" fmla="*/ 826 w 1170"/>
                  <a:gd name="T105" fmla="*/ 45 h 1180"/>
                  <a:gd name="T106" fmla="*/ 803 w 1170"/>
                  <a:gd name="T107" fmla="*/ 36 h 1180"/>
                  <a:gd name="T108" fmla="*/ 778 w 1170"/>
                  <a:gd name="T109" fmla="*/ 27 h 1180"/>
                  <a:gd name="T110" fmla="*/ 724 w 1170"/>
                  <a:gd name="T111" fmla="*/ 13 h 1180"/>
                  <a:gd name="T112" fmla="*/ 667 w 1170"/>
                  <a:gd name="T113" fmla="*/ 4 h 1180"/>
                  <a:gd name="T114" fmla="*/ 608 w 1170"/>
                  <a:gd name="T115" fmla="*/ 0 h 1180"/>
                  <a:gd name="T116" fmla="*/ 548 w 1170"/>
                  <a:gd name="T117" fmla="*/ 1 h 1180"/>
                  <a:gd name="T118" fmla="*/ 490 w 1170"/>
                  <a:gd name="T119" fmla="*/ 7 h 1180"/>
                  <a:gd name="T120" fmla="*/ 433 w 1170"/>
                  <a:gd name="T121" fmla="*/ 17 h 1180"/>
                  <a:gd name="T122" fmla="*/ 380 w 1170"/>
                  <a:gd name="T123" fmla="*/ 33 h 1180"/>
                  <a:gd name="T124" fmla="*/ 355 w 1170"/>
                  <a:gd name="T125" fmla="*/ 42 h 1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170" h="1180">
                    <a:moveTo>
                      <a:pt x="355" y="42"/>
                    </a:moveTo>
                    <a:lnTo>
                      <a:pt x="326" y="55"/>
                    </a:lnTo>
                    <a:lnTo>
                      <a:pt x="272" y="84"/>
                    </a:lnTo>
                    <a:lnTo>
                      <a:pt x="223" y="118"/>
                    </a:lnTo>
                    <a:lnTo>
                      <a:pt x="178" y="158"/>
                    </a:lnTo>
                    <a:lnTo>
                      <a:pt x="138" y="201"/>
                    </a:lnTo>
                    <a:lnTo>
                      <a:pt x="102" y="248"/>
                    </a:lnTo>
                    <a:lnTo>
                      <a:pt x="72" y="298"/>
                    </a:lnTo>
                    <a:lnTo>
                      <a:pt x="46" y="352"/>
                    </a:lnTo>
                    <a:lnTo>
                      <a:pt x="27" y="408"/>
                    </a:lnTo>
                    <a:lnTo>
                      <a:pt x="12" y="466"/>
                    </a:lnTo>
                    <a:lnTo>
                      <a:pt x="3" y="525"/>
                    </a:lnTo>
                    <a:lnTo>
                      <a:pt x="0" y="586"/>
                    </a:lnTo>
                    <a:lnTo>
                      <a:pt x="3" y="647"/>
                    </a:lnTo>
                    <a:lnTo>
                      <a:pt x="12" y="709"/>
                    </a:lnTo>
                    <a:lnTo>
                      <a:pt x="28" y="770"/>
                    </a:lnTo>
                    <a:lnTo>
                      <a:pt x="50" y="831"/>
                    </a:lnTo>
                    <a:lnTo>
                      <a:pt x="63" y="861"/>
                    </a:lnTo>
                    <a:lnTo>
                      <a:pt x="83" y="900"/>
                    </a:lnTo>
                    <a:lnTo>
                      <a:pt x="130" y="969"/>
                    </a:lnTo>
                    <a:lnTo>
                      <a:pt x="185" y="1029"/>
                    </a:lnTo>
                    <a:lnTo>
                      <a:pt x="247" y="1079"/>
                    </a:lnTo>
                    <a:lnTo>
                      <a:pt x="314" y="1119"/>
                    </a:lnTo>
                    <a:lnTo>
                      <a:pt x="386" y="1149"/>
                    </a:lnTo>
                    <a:lnTo>
                      <a:pt x="461" y="1169"/>
                    </a:lnTo>
                    <a:lnTo>
                      <a:pt x="539" y="1180"/>
                    </a:lnTo>
                    <a:lnTo>
                      <a:pt x="617" y="1180"/>
                    </a:lnTo>
                    <a:lnTo>
                      <a:pt x="695" y="1170"/>
                    </a:lnTo>
                    <a:lnTo>
                      <a:pt x="771" y="1150"/>
                    </a:lnTo>
                    <a:lnTo>
                      <a:pt x="845" y="1121"/>
                    </a:lnTo>
                    <a:lnTo>
                      <a:pt x="915" y="1081"/>
                    </a:lnTo>
                    <a:lnTo>
                      <a:pt x="980" y="1032"/>
                    </a:lnTo>
                    <a:lnTo>
                      <a:pt x="1039" y="972"/>
                    </a:lnTo>
                    <a:lnTo>
                      <a:pt x="1091" y="903"/>
                    </a:lnTo>
                    <a:lnTo>
                      <a:pt x="1113" y="864"/>
                    </a:lnTo>
                    <a:lnTo>
                      <a:pt x="1132" y="829"/>
                    </a:lnTo>
                    <a:lnTo>
                      <a:pt x="1155" y="776"/>
                    </a:lnTo>
                    <a:lnTo>
                      <a:pt x="1166" y="722"/>
                    </a:lnTo>
                    <a:lnTo>
                      <a:pt x="1170" y="647"/>
                    </a:lnTo>
                    <a:lnTo>
                      <a:pt x="1170" y="592"/>
                    </a:lnTo>
                    <a:lnTo>
                      <a:pt x="1170" y="540"/>
                    </a:lnTo>
                    <a:lnTo>
                      <a:pt x="1166" y="465"/>
                    </a:lnTo>
                    <a:lnTo>
                      <a:pt x="1156" y="411"/>
                    </a:lnTo>
                    <a:lnTo>
                      <a:pt x="1136" y="360"/>
                    </a:lnTo>
                    <a:lnTo>
                      <a:pt x="1120" y="329"/>
                    </a:lnTo>
                    <a:lnTo>
                      <a:pt x="1108" y="306"/>
                    </a:lnTo>
                    <a:lnTo>
                      <a:pt x="1078" y="259"/>
                    </a:lnTo>
                    <a:lnTo>
                      <a:pt x="1044" y="215"/>
                    </a:lnTo>
                    <a:lnTo>
                      <a:pt x="1004" y="172"/>
                    </a:lnTo>
                    <a:lnTo>
                      <a:pt x="962" y="133"/>
                    </a:lnTo>
                    <a:lnTo>
                      <a:pt x="918" y="98"/>
                    </a:lnTo>
                    <a:lnTo>
                      <a:pt x="872" y="68"/>
                    </a:lnTo>
                    <a:lnTo>
                      <a:pt x="826" y="45"/>
                    </a:lnTo>
                    <a:lnTo>
                      <a:pt x="803" y="36"/>
                    </a:lnTo>
                    <a:lnTo>
                      <a:pt x="778" y="27"/>
                    </a:lnTo>
                    <a:lnTo>
                      <a:pt x="724" y="13"/>
                    </a:lnTo>
                    <a:lnTo>
                      <a:pt x="667" y="4"/>
                    </a:lnTo>
                    <a:lnTo>
                      <a:pt x="608" y="0"/>
                    </a:lnTo>
                    <a:lnTo>
                      <a:pt x="548" y="1"/>
                    </a:lnTo>
                    <a:lnTo>
                      <a:pt x="490" y="7"/>
                    </a:lnTo>
                    <a:lnTo>
                      <a:pt x="433" y="17"/>
                    </a:lnTo>
                    <a:lnTo>
                      <a:pt x="380" y="33"/>
                    </a:lnTo>
                    <a:lnTo>
                      <a:pt x="355" y="42"/>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93" name="Freeform 7"/>
              <p:cNvSpPr>
                <a:spLocks/>
              </p:cNvSpPr>
              <p:nvPr/>
            </p:nvSpPr>
            <p:spPr bwMode="auto">
              <a:xfrm>
                <a:off x="4310" y="1741"/>
                <a:ext cx="281" cy="284"/>
              </a:xfrm>
              <a:custGeom>
                <a:avLst/>
                <a:gdLst>
                  <a:gd name="T0" fmla="*/ 450 w 1173"/>
                  <a:gd name="T1" fmla="*/ 19 h 1183"/>
                  <a:gd name="T2" fmla="*/ 415 w 1173"/>
                  <a:gd name="T3" fmla="*/ 28 h 1183"/>
                  <a:gd name="T4" fmla="*/ 349 w 1173"/>
                  <a:gd name="T5" fmla="*/ 51 h 1183"/>
                  <a:gd name="T6" fmla="*/ 290 w 1173"/>
                  <a:gd name="T7" fmla="*/ 78 h 1183"/>
                  <a:gd name="T8" fmla="*/ 236 w 1173"/>
                  <a:gd name="T9" fmla="*/ 110 h 1183"/>
                  <a:gd name="T10" fmla="*/ 187 w 1173"/>
                  <a:gd name="T11" fmla="*/ 148 h 1183"/>
                  <a:gd name="T12" fmla="*/ 144 w 1173"/>
                  <a:gd name="T13" fmla="*/ 191 h 1183"/>
                  <a:gd name="T14" fmla="*/ 105 w 1173"/>
                  <a:gd name="T15" fmla="*/ 240 h 1183"/>
                  <a:gd name="T16" fmla="*/ 71 w 1173"/>
                  <a:gd name="T17" fmla="*/ 296 h 1183"/>
                  <a:gd name="T18" fmla="*/ 55 w 1173"/>
                  <a:gd name="T19" fmla="*/ 326 h 1183"/>
                  <a:gd name="T20" fmla="*/ 37 w 1173"/>
                  <a:gd name="T21" fmla="*/ 362 h 1183"/>
                  <a:gd name="T22" fmla="*/ 15 w 1173"/>
                  <a:gd name="T23" fmla="*/ 418 h 1183"/>
                  <a:gd name="T24" fmla="*/ 4 w 1173"/>
                  <a:gd name="T25" fmla="*/ 474 h 1183"/>
                  <a:gd name="T26" fmla="*/ 0 w 1173"/>
                  <a:gd name="T27" fmla="*/ 550 h 1183"/>
                  <a:gd name="T28" fmla="*/ 0 w 1173"/>
                  <a:gd name="T29" fmla="*/ 604 h 1183"/>
                  <a:gd name="T30" fmla="*/ 1 w 1173"/>
                  <a:gd name="T31" fmla="*/ 658 h 1183"/>
                  <a:gd name="T32" fmla="*/ 5 w 1173"/>
                  <a:gd name="T33" fmla="*/ 733 h 1183"/>
                  <a:gd name="T34" fmla="*/ 16 w 1173"/>
                  <a:gd name="T35" fmla="*/ 787 h 1183"/>
                  <a:gd name="T36" fmla="*/ 37 w 1173"/>
                  <a:gd name="T37" fmla="*/ 840 h 1183"/>
                  <a:gd name="T38" fmla="*/ 54 w 1173"/>
                  <a:gd name="T39" fmla="*/ 873 h 1183"/>
                  <a:gd name="T40" fmla="*/ 74 w 1173"/>
                  <a:gd name="T41" fmla="*/ 910 h 1183"/>
                  <a:gd name="T42" fmla="*/ 121 w 1173"/>
                  <a:gd name="T43" fmla="*/ 977 h 1183"/>
                  <a:gd name="T44" fmla="*/ 174 w 1173"/>
                  <a:gd name="T45" fmla="*/ 1035 h 1183"/>
                  <a:gd name="T46" fmla="*/ 235 w 1173"/>
                  <a:gd name="T47" fmla="*/ 1084 h 1183"/>
                  <a:gd name="T48" fmla="*/ 301 w 1173"/>
                  <a:gd name="T49" fmla="*/ 1123 h 1183"/>
                  <a:gd name="T50" fmla="*/ 375 w 1173"/>
                  <a:gd name="T51" fmla="*/ 1152 h 1183"/>
                  <a:gd name="T52" fmla="*/ 454 w 1173"/>
                  <a:gd name="T53" fmla="*/ 1172 h 1183"/>
                  <a:gd name="T54" fmla="*/ 539 w 1173"/>
                  <a:gd name="T55" fmla="*/ 1182 h 1183"/>
                  <a:gd name="T56" fmla="*/ 584 w 1173"/>
                  <a:gd name="T57" fmla="*/ 1183 h 1183"/>
                  <a:gd name="T58" fmla="*/ 614 w 1173"/>
                  <a:gd name="T59" fmla="*/ 1183 h 1183"/>
                  <a:gd name="T60" fmla="*/ 671 w 1173"/>
                  <a:gd name="T61" fmla="*/ 1178 h 1183"/>
                  <a:gd name="T62" fmla="*/ 726 w 1173"/>
                  <a:gd name="T63" fmla="*/ 1169 h 1183"/>
                  <a:gd name="T64" fmla="*/ 777 w 1173"/>
                  <a:gd name="T65" fmla="*/ 1155 h 1183"/>
                  <a:gd name="T66" fmla="*/ 826 w 1173"/>
                  <a:gd name="T67" fmla="*/ 1136 h 1183"/>
                  <a:gd name="T68" fmla="*/ 874 w 1173"/>
                  <a:gd name="T69" fmla="*/ 1111 h 1183"/>
                  <a:gd name="T70" fmla="*/ 920 w 1173"/>
                  <a:gd name="T71" fmla="*/ 1080 h 1183"/>
                  <a:gd name="T72" fmla="*/ 966 w 1173"/>
                  <a:gd name="T73" fmla="*/ 1043 h 1183"/>
                  <a:gd name="T74" fmla="*/ 989 w 1173"/>
                  <a:gd name="T75" fmla="*/ 1023 h 1183"/>
                  <a:gd name="T76" fmla="*/ 1022 w 1173"/>
                  <a:gd name="T77" fmla="*/ 990 h 1183"/>
                  <a:gd name="T78" fmla="*/ 1078 w 1173"/>
                  <a:gd name="T79" fmla="*/ 916 h 1183"/>
                  <a:gd name="T80" fmla="*/ 1122 w 1173"/>
                  <a:gd name="T81" fmla="*/ 834 h 1183"/>
                  <a:gd name="T82" fmla="*/ 1153 w 1173"/>
                  <a:gd name="T83" fmla="*/ 747 h 1183"/>
                  <a:gd name="T84" fmla="*/ 1170 w 1173"/>
                  <a:gd name="T85" fmla="*/ 656 h 1183"/>
                  <a:gd name="T86" fmla="*/ 1173 w 1173"/>
                  <a:gd name="T87" fmla="*/ 564 h 1183"/>
                  <a:gd name="T88" fmla="*/ 1162 w 1173"/>
                  <a:gd name="T89" fmla="*/ 471 h 1183"/>
                  <a:gd name="T90" fmla="*/ 1136 w 1173"/>
                  <a:gd name="T91" fmla="*/ 381 h 1183"/>
                  <a:gd name="T92" fmla="*/ 1117 w 1173"/>
                  <a:gd name="T93" fmla="*/ 338 h 1183"/>
                  <a:gd name="T94" fmla="*/ 1103 w 1173"/>
                  <a:gd name="T95" fmla="*/ 311 h 1183"/>
                  <a:gd name="T96" fmla="*/ 1069 w 1173"/>
                  <a:gd name="T97" fmla="*/ 258 h 1183"/>
                  <a:gd name="T98" fmla="*/ 1028 w 1173"/>
                  <a:gd name="T99" fmla="*/ 209 h 1183"/>
                  <a:gd name="T100" fmla="*/ 981 w 1173"/>
                  <a:gd name="T101" fmla="*/ 162 h 1183"/>
                  <a:gd name="T102" fmla="*/ 929 w 1173"/>
                  <a:gd name="T103" fmla="*/ 120 h 1183"/>
                  <a:gd name="T104" fmla="*/ 873 w 1173"/>
                  <a:gd name="T105" fmla="*/ 84 h 1183"/>
                  <a:gd name="T106" fmla="*/ 814 w 1173"/>
                  <a:gd name="T107" fmla="*/ 53 h 1183"/>
                  <a:gd name="T108" fmla="*/ 753 w 1173"/>
                  <a:gd name="T109" fmla="*/ 28 h 1183"/>
                  <a:gd name="T110" fmla="*/ 722 w 1173"/>
                  <a:gd name="T111" fmla="*/ 19 h 1183"/>
                  <a:gd name="T112" fmla="*/ 684 w 1173"/>
                  <a:gd name="T113" fmla="*/ 10 h 1183"/>
                  <a:gd name="T114" fmla="*/ 619 w 1173"/>
                  <a:gd name="T115" fmla="*/ 0 h 1183"/>
                  <a:gd name="T116" fmla="*/ 558 w 1173"/>
                  <a:gd name="T117" fmla="*/ 0 h 1183"/>
                  <a:gd name="T118" fmla="*/ 490 w 1173"/>
                  <a:gd name="T119" fmla="*/ 10 h 1183"/>
                  <a:gd name="T120" fmla="*/ 450 w 1173"/>
                  <a:gd name="T121" fmla="*/ 19 h 11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173" h="1183">
                    <a:moveTo>
                      <a:pt x="450" y="19"/>
                    </a:moveTo>
                    <a:lnTo>
                      <a:pt x="415" y="28"/>
                    </a:lnTo>
                    <a:lnTo>
                      <a:pt x="349" y="51"/>
                    </a:lnTo>
                    <a:lnTo>
                      <a:pt x="290" y="78"/>
                    </a:lnTo>
                    <a:lnTo>
                      <a:pt x="236" y="110"/>
                    </a:lnTo>
                    <a:lnTo>
                      <a:pt x="187" y="148"/>
                    </a:lnTo>
                    <a:lnTo>
                      <a:pt x="144" y="191"/>
                    </a:lnTo>
                    <a:lnTo>
                      <a:pt x="105" y="240"/>
                    </a:lnTo>
                    <a:lnTo>
                      <a:pt x="71" y="296"/>
                    </a:lnTo>
                    <a:lnTo>
                      <a:pt x="55" y="326"/>
                    </a:lnTo>
                    <a:lnTo>
                      <a:pt x="37" y="362"/>
                    </a:lnTo>
                    <a:lnTo>
                      <a:pt x="15" y="418"/>
                    </a:lnTo>
                    <a:lnTo>
                      <a:pt x="4" y="474"/>
                    </a:lnTo>
                    <a:lnTo>
                      <a:pt x="0" y="550"/>
                    </a:lnTo>
                    <a:lnTo>
                      <a:pt x="0" y="604"/>
                    </a:lnTo>
                    <a:lnTo>
                      <a:pt x="1" y="658"/>
                    </a:lnTo>
                    <a:lnTo>
                      <a:pt x="5" y="733"/>
                    </a:lnTo>
                    <a:lnTo>
                      <a:pt x="16" y="787"/>
                    </a:lnTo>
                    <a:lnTo>
                      <a:pt x="37" y="840"/>
                    </a:lnTo>
                    <a:lnTo>
                      <a:pt x="54" y="873"/>
                    </a:lnTo>
                    <a:lnTo>
                      <a:pt x="74" y="910"/>
                    </a:lnTo>
                    <a:lnTo>
                      <a:pt x="121" y="977"/>
                    </a:lnTo>
                    <a:lnTo>
                      <a:pt x="174" y="1035"/>
                    </a:lnTo>
                    <a:lnTo>
                      <a:pt x="235" y="1084"/>
                    </a:lnTo>
                    <a:lnTo>
                      <a:pt x="301" y="1123"/>
                    </a:lnTo>
                    <a:lnTo>
                      <a:pt x="375" y="1152"/>
                    </a:lnTo>
                    <a:lnTo>
                      <a:pt x="454" y="1172"/>
                    </a:lnTo>
                    <a:lnTo>
                      <a:pt x="539" y="1182"/>
                    </a:lnTo>
                    <a:lnTo>
                      <a:pt x="584" y="1183"/>
                    </a:lnTo>
                    <a:lnTo>
                      <a:pt x="614" y="1183"/>
                    </a:lnTo>
                    <a:lnTo>
                      <a:pt x="671" y="1178"/>
                    </a:lnTo>
                    <a:lnTo>
                      <a:pt x="726" y="1169"/>
                    </a:lnTo>
                    <a:lnTo>
                      <a:pt x="777" y="1155"/>
                    </a:lnTo>
                    <a:lnTo>
                      <a:pt x="826" y="1136"/>
                    </a:lnTo>
                    <a:lnTo>
                      <a:pt x="874" y="1111"/>
                    </a:lnTo>
                    <a:lnTo>
                      <a:pt x="920" y="1080"/>
                    </a:lnTo>
                    <a:lnTo>
                      <a:pt x="966" y="1043"/>
                    </a:lnTo>
                    <a:lnTo>
                      <a:pt x="989" y="1023"/>
                    </a:lnTo>
                    <a:lnTo>
                      <a:pt x="1022" y="990"/>
                    </a:lnTo>
                    <a:lnTo>
                      <a:pt x="1078" y="916"/>
                    </a:lnTo>
                    <a:lnTo>
                      <a:pt x="1122" y="834"/>
                    </a:lnTo>
                    <a:lnTo>
                      <a:pt x="1153" y="747"/>
                    </a:lnTo>
                    <a:lnTo>
                      <a:pt x="1170" y="656"/>
                    </a:lnTo>
                    <a:lnTo>
                      <a:pt x="1173" y="564"/>
                    </a:lnTo>
                    <a:lnTo>
                      <a:pt x="1162" y="471"/>
                    </a:lnTo>
                    <a:lnTo>
                      <a:pt x="1136" y="381"/>
                    </a:lnTo>
                    <a:lnTo>
                      <a:pt x="1117" y="338"/>
                    </a:lnTo>
                    <a:lnTo>
                      <a:pt x="1103" y="311"/>
                    </a:lnTo>
                    <a:lnTo>
                      <a:pt x="1069" y="258"/>
                    </a:lnTo>
                    <a:lnTo>
                      <a:pt x="1028" y="209"/>
                    </a:lnTo>
                    <a:lnTo>
                      <a:pt x="981" y="162"/>
                    </a:lnTo>
                    <a:lnTo>
                      <a:pt x="929" y="120"/>
                    </a:lnTo>
                    <a:lnTo>
                      <a:pt x="873" y="84"/>
                    </a:lnTo>
                    <a:lnTo>
                      <a:pt x="814" y="53"/>
                    </a:lnTo>
                    <a:lnTo>
                      <a:pt x="753" y="28"/>
                    </a:lnTo>
                    <a:lnTo>
                      <a:pt x="722" y="19"/>
                    </a:lnTo>
                    <a:lnTo>
                      <a:pt x="684" y="10"/>
                    </a:lnTo>
                    <a:lnTo>
                      <a:pt x="619" y="0"/>
                    </a:lnTo>
                    <a:lnTo>
                      <a:pt x="558" y="0"/>
                    </a:lnTo>
                    <a:lnTo>
                      <a:pt x="490" y="10"/>
                    </a:lnTo>
                    <a:lnTo>
                      <a:pt x="450" y="19"/>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94" name="Freeform 8"/>
              <p:cNvSpPr>
                <a:spLocks/>
              </p:cNvSpPr>
              <p:nvPr/>
            </p:nvSpPr>
            <p:spPr bwMode="auto">
              <a:xfrm>
                <a:off x="3494" y="2557"/>
                <a:ext cx="280" cy="284"/>
              </a:xfrm>
              <a:custGeom>
                <a:avLst/>
                <a:gdLst>
                  <a:gd name="T0" fmla="*/ 403 w 1165"/>
                  <a:gd name="T1" fmla="*/ 27 h 1182"/>
                  <a:gd name="T2" fmla="*/ 370 w 1165"/>
                  <a:gd name="T3" fmla="*/ 38 h 1182"/>
                  <a:gd name="T4" fmla="*/ 310 w 1165"/>
                  <a:gd name="T5" fmla="*/ 63 h 1182"/>
                  <a:gd name="T6" fmla="*/ 256 w 1165"/>
                  <a:gd name="T7" fmla="*/ 92 h 1182"/>
                  <a:gd name="T8" fmla="*/ 207 w 1165"/>
                  <a:gd name="T9" fmla="*/ 126 h 1182"/>
                  <a:gd name="T10" fmla="*/ 163 w 1165"/>
                  <a:gd name="T11" fmla="*/ 164 h 1182"/>
                  <a:gd name="T12" fmla="*/ 124 w 1165"/>
                  <a:gd name="T13" fmla="*/ 208 h 1182"/>
                  <a:gd name="T14" fmla="*/ 89 w 1165"/>
                  <a:gd name="T15" fmla="*/ 257 h 1182"/>
                  <a:gd name="T16" fmla="*/ 58 w 1165"/>
                  <a:gd name="T17" fmla="*/ 313 h 1182"/>
                  <a:gd name="T18" fmla="*/ 43 w 1165"/>
                  <a:gd name="T19" fmla="*/ 343 h 1182"/>
                  <a:gd name="T20" fmla="*/ 32 w 1165"/>
                  <a:gd name="T21" fmla="*/ 371 h 1182"/>
                  <a:gd name="T22" fmla="*/ 15 w 1165"/>
                  <a:gd name="T23" fmla="*/ 420 h 1182"/>
                  <a:gd name="T24" fmla="*/ 5 w 1165"/>
                  <a:gd name="T25" fmla="*/ 473 h 1182"/>
                  <a:gd name="T26" fmla="*/ 1 w 1165"/>
                  <a:gd name="T27" fmla="*/ 537 h 1182"/>
                  <a:gd name="T28" fmla="*/ 0 w 1165"/>
                  <a:gd name="T29" fmla="*/ 578 h 1182"/>
                  <a:gd name="T30" fmla="*/ 1 w 1165"/>
                  <a:gd name="T31" fmla="*/ 636 h 1182"/>
                  <a:gd name="T32" fmla="*/ 10 w 1165"/>
                  <a:gd name="T33" fmla="*/ 732 h 1182"/>
                  <a:gd name="T34" fmla="*/ 33 w 1165"/>
                  <a:gd name="T35" fmla="*/ 814 h 1182"/>
                  <a:gd name="T36" fmla="*/ 73 w 1165"/>
                  <a:gd name="T37" fmla="*/ 895 h 1182"/>
                  <a:gd name="T38" fmla="*/ 102 w 1165"/>
                  <a:gd name="T39" fmla="*/ 940 h 1182"/>
                  <a:gd name="T40" fmla="*/ 129 w 1165"/>
                  <a:gd name="T41" fmla="*/ 978 h 1182"/>
                  <a:gd name="T42" fmla="*/ 195 w 1165"/>
                  <a:gd name="T43" fmla="*/ 1044 h 1182"/>
                  <a:gd name="T44" fmla="*/ 273 w 1165"/>
                  <a:gd name="T45" fmla="*/ 1099 h 1182"/>
                  <a:gd name="T46" fmla="*/ 361 w 1165"/>
                  <a:gd name="T47" fmla="*/ 1141 h 1182"/>
                  <a:gd name="T48" fmla="*/ 455 w 1165"/>
                  <a:gd name="T49" fmla="*/ 1169 h 1182"/>
                  <a:gd name="T50" fmla="*/ 553 w 1165"/>
                  <a:gd name="T51" fmla="*/ 1182 h 1182"/>
                  <a:gd name="T52" fmla="*/ 651 w 1165"/>
                  <a:gd name="T53" fmla="*/ 1181 h 1182"/>
                  <a:gd name="T54" fmla="*/ 747 w 1165"/>
                  <a:gd name="T55" fmla="*/ 1163 h 1182"/>
                  <a:gd name="T56" fmla="*/ 793 w 1165"/>
                  <a:gd name="T57" fmla="*/ 1147 h 1182"/>
                  <a:gd name="T58" fmla="*/ 817 w 1165"/>
                  <a:gd name="T59" fmla="*/ 1137 h 1182"/>
                  <a:gd name="T60" fmla="*/ 865 w 1165"/>
                  <a:gd name="T61" fmla="*/ 1112 h 1182"/>
                  <a:gd name="T62" fmla="*/ 912 w 1165"/>
                  <a:gd name="T63" fmla="*/ 1082 h 1182"/>
                  <a:gd name="T64" fmla="*/ 957 w 1165"/>
                  <a:gd name="T65" fmla="*/ 1046 h 1182"/>
                  <a:gd name="T66" fmla="*/ 1000 w 1165"/>
                  <a:gd name="T67" fmla="*/ 1007 h 1182"/>
                  <a:gd name="T68" fmla="*/ 1039 w 1165"/>
                  <a:gd name="T69" fmla="*/ 965 h 1182"/>
                  <a:gd name="T70" fmla="*/ 1073 w 1165"/>
                  <a:gd name="T71" fmla="*/ 920 h 1182"/>
                  <a:gd name="T72" fmla="*/ 1103 w 1165"/>
                  <a:gd name="T73" fmla="*/ 873 h 1182"/>
                  <a:gd name="T74" fmla="*/ 1115 w 1165"/>
                  <a:gd name="T75" fmla="*/ 850 h 1182"/>
                  <a:gd name="T76" fmla="*/ 1131 w 1165"/>
                  <a:gd name="T77" fmla="*/ 819 h 1182"/>
                  <a:gd name="T78" fmla="*/ 1151 w 1165"/>
                  <a:gd name="T79" fmla="*/ 768 h 1182"/>
                  <a:gd name="T80" fmla="*/ 1161 w 1165"/>
                  <a:gd name="T81" fmla="*/ 714 h 1182"/>
                  <a:gd name="T82" fmla="*/ 1165 w 1165"/>
                  <a:gd name="T83" fmla="*/ 640 h 1182"/>
                  <a:gd name="T84" fmla="*/ 1165 w 1165"/>
                  <a:gd name="T85" fmla="*/ 587 h 1182"/>
                  <a:gd name="T86" fmla="*/ 1164 w 1165"/>
                  <a:gd name="T87" fmla="*/ 523 h 1182"/>
                  <a:gd name="T88" fmla="*/ 1157 w 1165"/>
                  <a:gd name="T89" fmla="*/ 446 h 1182"/>
                  <a:gd name="T90" fmla="*/ 1148 w 1165"/>
                  <a:gd name="T91" fmla="*/ 402 h 1182"/>
                  <a:gd name="T92" fmla="*/ 1134 w 1165"/>
                  <a:gd name="T93" fmla="*/ 360 h 1182"/>
                  <a:gd name="T94" fmla="*/ 1114 w 1165"/>
                  <a:gd name="T95" fmla="*/ 320 h 1182"/>
                  <a:gd name="T96" fmla="*/ 1075 w 1165"/>
                  <a:gd name="T97" fmla="*/ 258 h 1182"/>
                  <a:gd name="T98" fmla="*/ 1038 w 1165"/>
                  <a:gd name="T99" fmla="*/ 210 h 1182"/>
                  <a:gd name="T100" fmla="*/ 1011 w 1165"/>
                  <a:gd name="T101" fmla="*/ 177 h 1182"/>
                  <a:gd name="T102" fmla="*/ 947 w 1165"/>
                  <a:gd name="T103" fmla="*/ 120 h 1182"/>
                  <a:gd name="T104" fmla="*/ 875 w 1165"/>
                  <a:gd name="T105" fmla="*/ 72 h 1182"/>
                  <a:gd name="T106" fmla="*/ 796 w 1165"/>
                  <a:gd name="T107" fmla="*/ 37 h 1182"/>
                  <a:gd name="T108" fmla="*/ 712 w 1165"/>
                  <a:gd name="T109" fmla="*/ 12 h 1182"/>
                  <a:gd name="T110" fmla="*/ 624 w 1165"/>
                  <a:gd name="T111" fmla="*/ 0 h 1182"/>
                  <a:gd name="T112" fmla="*/ 535 w 1165"/>
                  <a:gd name="T113" fmla="*/ 0 h 1182"/>
                  <a:gd name="T114" fmla="*/ 447 w 1165"/>
                  <a:gd name="T115" fmla="*/ 14 h 1182"/>
                  <a:gd name="T116" fmla="*/ 403 w 1165"/>
                  <a:gd name="T117" fmla="*/ 27 h 1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165" h="1182">
                    <a:moveTo>
                      <a:pt x="403" y="27"/>
                    </a:moveTo>
                    <a:lnTo>
                      <a:pt x="370" y="38"/>
                    </a:lnTo>
                    <a:lnTo>
                      <a:pt x="310" y="63"/>
                    </a:lnTo>
                    <a:lnTo>
                      <a:pt x="256" y="92"/>
                    </a:lnTo>
                    <a:lnTo>
                      <a:pt x="207" y="126"/>
                    </a:lnTo>
                    <a:lnTo>
                      <a:pt x="163" y="164"/>
                    </a:lnTo>
                    <a:lnTo>
                      <a:pt x="124" y="208"/>
                    </a:lnTo>
                    <a:lnTo>
                      <a:pt x="89" y="257"/>
                    </a:lnTo>
                    <a:lnTo>
                      <a:pt x="58" y="313"/>
                    </a:lnTo>
                    <a:lnTo>
                      <a:pt x="43" y="343"/>
                    </a:lnTo>
                    <a:lnTo>
                      <a:pt x="32" y="371"/>
                    </a:lnTo>
                    <a:lnTo>
                      <a:pt x="15" y="420"/>
                    </a:lnTo>
                    <a:lnTo>
                      <a:pt x="5" y="473"/>
                    </a:lnTo>
                    <a:lnTo>
                      <a:pt x="1" y="537"/>
                    </a:lnTo>
                    <a:lnTo>
                      <a:pt x="0" y="578"/>
                    </a:lnTo>
                    <a:lnTo>
                      <a:pt x="1" y="636"/>
                    </a:lnTo>
                    <a:lnTo>
                      <a:pt x="10" y="732"/>
                    </a:lnTo>
                    <a:lnTo>
                      <a:pt x="33" y="814"/>
                    </a:lnTo>
                    <a:lnTo>
                      <a:pt x="73" y="895"/>
                    </a:lnTo>
                    <a:lnTo>
                      <a:pt x="102" y="940"/>
                    </a:lnTo>
                    <a:lnTo>
                      <a:pt x="129" y="978"/>
                    </a:lnTo>
                    <a:lnTo>
                      <a:pt x="195" y="1044"/>
                    </a:lnTo>
                    <a:lnTo>
                      <a:pt x="273" y="1099"/>
                    </a:lnTo>
                    <a:lnTo>
                      <a:pt x="361" y="1141"/>
                    </a:lnTo>
                    <a:lnTo>
                      <a:pt x="455" y="1169"/>
                    </a:lnTo>
                    <a:lnTo>
                      <a:pt x="553" y="1182"/>
                    </a:lnTo>
                    <a:lnTo>
                      <a:pt x="651" y="1181"/>
                    </a:lnTo>
                    <a:lnTo>
                      <a:pt x="747" y="1163"/>
                    </a:lnTo>
                    <a:lnTo>
                      <a:pt x="793" y="1147"/>
                    </a:lnTo>
                    <a:lnTo>
                      <a:pt x="817" y="1137"/>
                    </a:lnTo>
                    <a:lnTo>
                      <a:pt x="865" y="1112"/>
                    </a:lnTo>
                    <a:lnTo>
                      <a:pt x="912" y="1082"/>
                    </a:lnTo>
                    <a:lnTo>
                      <a:pt x="957" y="1046"/>
                    </a:lnTo>
                    <a:lnTo>
                      <a:pt x="1000" y="1007"/>
                    </a:lnTo>
                    <a:lnTo>
                      <a:pt x="1039" y="965"/>
                    </a:lnTo>
                    <a:lnTo>
                      <a:pt x="1073" y="920"/>
                    </a:lnTo>
                    <a:lnTo>
                      <a:pt x="1103" y="873"/>
                    </a:lnTo>
                    <a:lnTo>
                      <a:pt x="1115" y="850"/>
                    </a:lnTo>
                    <a:lnTo>
                      <a:pt x="1131" y="819"/>
                    </a:lnTo>
                    <a:lnTo>
                      <a:pt x="1151" y="768"/>
                    </a:lnTo>
                    <a:lnTo>
                      <a:pt x="1161" y="714"/>
                    </a:lnTo>
                    <a:lnTo>
                      <a:pt x="1165" y="640"/>
                    </a:lnTo>
                    <a:lnTo>
                      <a:pt x="1165" y="587"/>
                    </a:lnTo>
                    <a:lnTo>
                      <a:pt x="1164" y="523"/>
                    </a:lnTo>
                    <a:lnTo>
                      <a:pt x="1157" y="446"/>
                    </a:lnTo>
                    <a:lnTo>
                      <a:pt x="1148" y="402"/>
                    </a:lnTo>
                    <a:lnTo>
                      <a:pt x="1134" y="360"/>
                    </a:lnTo>
                    <a:lnTo>
                      <a:pt x="1114" y="320"/>
                    </a:lnTo>
                    <a:lnTo>
                      <a:pt x="1075" y="258"/>
                    </a:lnTo>
                    <a:lnTo>
                      <a:pt x="1038" y="210"/>
                    </a:lnTo>
                    <a:lnTo>
                      <a:pt x="1011" y="177"/>
                    </a:lnTo>
                    <a:lnTo>
                      <a:pt x="947" y="120"/>
                    </a:lnTo>
                    <a:lnTo>
                      <a:pt x="875" y="72"/>
                    </a:lnTo>
                    <a:lnTo>
                      <a:pt x="796" y="37"/>
                    </a:lnTo>
                    <a:lnTo>
                      <a:pt x="712" y="12"/>
                    </a:lnTo>
                    <a:lnTo>
                      <a:pt x="624" y="0"/>
                    </a:lnTo>
                    <a:lnTo>
                      <a:pt x="535" y="0"/>
                    </a:lnTo>
                    <a:lnTo>
                      <a:pt x="447" y="14"/>
                    </a:lnTo>
                    <a:lnTo>
                      <a:pt x="403" y="27"/>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grpSp>
      </p:grpSp>
      <p:grpSp>
        <p:nvGrpSpPr>
          <p:cNvPr id="95" name="Group 4"/>
          <p:cNvGrpSpPr>
            <a:grpSpLocks noChangeAspect="1"/>
          </p:cNvGrpSpPr>
          <p:nvPr/>
        </p:nvGrpSpPr>
        <p:grpSpPr bwMode="auto">
          <a:xfrm>
            <a:off x="7237375" y="10244523"/>
            <a:ext cx="591400" cy="591400"/>
            <a:chOff x="1680" y="0"/>
            <a:chExt cx="4320" cy="4320"/>
          </a:xfrm>
        </p:grpSpPr>
        <p:sp>
          <p:nvSpPr>
            <p:cNvPr id="96" name="AutoShape 3"/>
            <p:cNvSpPr>
              <a:spLocks noChangeAspect="1" noChangeArrowheads="1" noTextEdit="1"/>
            </p:cNvSpPr>
            <p:nvPr/>
          </p:nvSpPr>
          <p:spPr bwMode="auto">
            <a:xfrm>
              <a:off x="1680" y="0"/>
              <a:ext cx="4320" cy="43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97" name="Freeform 5"/>
            <p:cNvSpPr>
              <a:spLocks/>
            </p:cNvSpPr>
            <p:nvPr/>
          </p:nvSpPr>
          <p:spPr bwMode="auto">
            <a:xfrm>
              <a:off x="1749" y="1"/>
              <a:ext cx="4182" cy="4319"/>
            </a:xfrm>
            <a:custGeom>
              <a:avLst/>
              <a:gdLst>
                <a:gd name="T0" fmla="*/ 6745 w 17426"/>
                <a:gd name="T1" fmla="*/ 69 h 17994"/>
                <a:gd name="T2" fmla="*/ 4827 w 17426"/>
                <a:gd name="T3" fmla="*/ 564 h 17994"/>
                <a:gd name="T4" fmla="*/ 2990 w 17426"/>
                <a:gd name="T5" fmla="*/ 1624 h 17994"/>
                <a:gd name="T6" fmla="*/ 1316 w 17426"/>
                <a:gd name="T7" fmla="*/ 3448 h 17994"/>
                <a:gd name="T8" fmla="*/ 585 w 17426"/>
                <a:gd name="T9" fmla="*/ 4819 h 17994"/>
                <a:gd name="T10" fmla="*/ 4557 w 17426"/>
                <a:gd name="T11" fmla="*/ 4164 h 17994"/>
                <a:gd name="T12" fmla="*/ 6409 w 17426"/>
                <a:gd name="T13" fmla="*/ 3625 h 17994"/>
                <a:gd name="T14" fmla="*/ 7054 w 17426"/>
                <a:gd name="T15" fmla="*/ 2988 h 17994"/>
                <a:gd name="T16" fmla="*/ 7951 w 17426"/>
                <a:gd name="T17" fmla="*/ 2803 h 17994"/>
                <a:gd name="T18" fmla="*/ 8821 w 17426"/>
                <a:gd name="T19" fmla="*/ 3096 h 17994"/>
                <a:gd name="T20" fmla="*/ 9397 w 17426"/>
                <a:gd name="T21" fmla="*/ 3816 h 17994"/>
                <a:gd name="T22" fmla="*/ 9445 w 17426"/>
                <a:gd name="T23" fmla="*/ 4944 h 17994"/>
                <a:gd name="T24" fmla="*/ 8772 w 17426"/>
                <a:gd name="T25" fmla="*/ 5838 h 17994"/>
                <a:gd name="T26" fmla="*/ 7725 w 17426"/>
                <a:gd name="T27" fmla="*/ 6106 h 17994"/>
                <a:gd name="T28" fmla="*/ 6897 w 17426"/>
                <a:gd name="T29" fmla="*/ 5815 h 17994"/>
                <a:gd name="T30" fmla="*/ 6334 w 17426"/>
                <a:gd name="T31" fmla="*/ 5122 h 17994"/>
                <a:gd name="T32" fmla="*/ 4724 w 17426"/>
                <a:gd name="T33" fmla="*/ 5506 h 17994"/>
                <a:gd name="T34" fmla="*/ 150 w 17426"/>
                <a:gd name="T35" fmla="*/ 6197 h 17994"/>
                <a:gd name="T36" fmla="*/ 758 w 17426"/>
                <a:gd name="T37" fmla="*/ 7304 h 17994"/>
                <a:gd name="T38" fmla="*/ 9747 w 17426"/>
                <a:gd name="T39" fmla="*/ 7136 h 17994"/>
                <a:gd name="T40" fmla="*/ 10489 w 17426"/>
                <a:gd name="T41" fmla="*/ 6361 h 17994"/>
                <a:gd name="T42" fmla="*/ 11378 w 17426"/>
                <a:gd name="T43" fmla="*/ 6192 h 17994"/>
                <a:gd name="T44" fmla="*/ 12212 w 17426"/>
                <a:gd name="T45" fmla="*/ 6482 h 17994"/>
                <a:gd name="T46" fmla="*/ 12752 w 17426"/>
                <a:gd name="T47" fmla="*/ 7119 h 17994"/>
                <a:gd name="T48" fmla="*/ 12896 w 17426"/>
                <a:gd name="T49" fmla="*/ 8046 h 17994"/>
                <a:gd name="T50" fmla="*/ 12491 w 17426"/>
                <a:gd name="T51" fmla="*/ 8960 h 17994"/>
                <a:gd name="T52" fmla="*/ 11502 w 17426"/>
                <a:gd name="T53" fmla="*/ 9482 h 17994"/>
                <a:gd name="T54" fmla="*/ 10572 w 17426"/>
                <a:gd name="T55" fmla="*/ 9365 h 17994"/>
                <a:gd name="T56" fmla="*/ 9905 w 17426"/>
                <a:gd name="T57" fmla="*/ 8830 h 17994"/>
                <a:gd name="T58" fmla="*/ 8799 w 17426"/>
                <a:gd name="T59" fmla="*/ 8385 h 17994"/>
                <a:gd name="T60" fmla="*/ 23 w 17426"/>
                <a:gd name="T61" fmla="*/ 8687 h 17994"/>
                <a:gd name="T62" fmla="*/ 4234 w 17426"/>
                <a:gd name="T63" fmla="*/ 9710 h 17994"/>
                <a:gd name="T64" fmla="*/ 6372 w 17426"/>
                <a:gd name="T65" fmla="*/ 10494 h 17994"/>
                <a:gd name="T66" fmla="*/ 6876 w 17426"/>
                <a:gd name="T67" fmla="*/ 9887 h 17994"/>
                <a:gd name="T68" fmla="*/ 7563 w 17426"/>
                <a:gd name="T69" fmla="*/ 9602 h 17994"/>
                <a:gd name="T70" fmla="*/ 8490 w 17426"/>
                <a:gd name="T71" fmla="*/ 9709 h 17994"/>
                <a:gd name="T72" fmla="*/ 9195 w 17426"/>
                <a:gd name="T73" fmla="*/ 10247 h 17994"/>
                <a:gd name="T74" fmla="*/ 9502 w 17426"/>
                <a:gd name="T75" fmla="*/ 11021 h 17994"/>
                <a:gd name="T76" fmla="*/ 9284 w 17426"/>
                <a:gd name="T77" fmla="*/ 12099 h 17994"/>
                <a:gd name="T78" fmla="*/ 8690 w 17426"/>
                <a:gd name="T79" fmla="*/ 12677 h 17994"/>
                <a:gd name="T80" fmla="*/ 7837 w 17426"/>
                <a:gd name="T81" fmla="*/ 12894 h 17994"/>
                <a:gd name="T82" fmla="*/ 6917 w 17426"/>
                <a:gd name="T83" fmla="*/ 12623 h 17994"/>
                <a:gd name="T84" fmla="*/ 6270 w 17426"/>
                <a:gd name="T85" fmla="*/ 11779 h 17994"/>
                <a:gd name="T86" fmla="*/ 4700 w 17426"/>
                <a:gd name="T87" fmla="*/ 11650 h 17994"/>
                <a:gd name="T88" fmla="*/ 497 w 17426"/>
                <a:gd name="T89" fmla="*/ 10664 h 17994"/>
                <a:gd name="T90" fmla="*/ 553 w 17426"/>
                <a:gd name="T91" fmla="*/ 10811 h 17994"/>
                <a:gd name="T92" fmla="*/ 1342 w 17426"/>
                <a:gd name="T93" fmla="*/ 12277 h 17994"/>
                <a:gd name="T94" fmla="*/ 1728 w 17426"/>
                <a:gd name="T95" fmla="*/ 17221 h 17994"/>
                <a:gd name="T96" fmla="*/ 1752 w 17426"/>
                <a:gd name="T97" fmla="*/ 17735 h 17994"/>
                <a:gd name="T98" fmla="*/ 9756 w 17426"/>
                <a:gd name="T99" fmla="*/ 17942 h 17994"/>
                <a:gd name="T100" fmla="*/ 10505 w 17426"/>
                <a:gd name="T101" fmla="*/ 15802 h 17994"/>
                <a:gd name="T102" fmla="*/ 12639 w 17426"/>
                <a:gd name="T103" fmla="*/ 16087 h 17994"/>
                <a:gd name="T104" fmla="*/ 14011 w 17426"/>
                <a:gd name="T105" fmla="*/ 16278 h 17994"/>
                <a:gd name="T106" fmla="*/ 14526 w 17426"/>
                <a:gd name="T107" fmla="*/ 16032 h 17994"/>
                <a:gd name="T108" fmla="*/ 15682 w 17426"/>
                <a:gd name="T109" fmla="*/ 11564 h 17994"/>
                <a:gd name="T110" fmla="*/ 17369 w 17426"/>
                <a:gd name="T111" fmla="*/ 10344 h 17994"/>
                <a:gd name="T112" fmla="*/ 16519 w 17426"/>
                <a:gd name="T113" fmla="*/ 8719 h 17994"/>
                <a:gd name="T114" fmla="*/ 15391 w 17426"/>
                <a:gd name="T115" fmla="*/ 5552 h 17994"/>
                <a:gd name="T116" fmla="*/ 14709 w 17426"/>
                <a:gd name="T117" fmla="*/ 3924 h 17994"/>
                <a:gd name="T118" fmla="*/ 13085 w 17426"/>
                <a:gd name="T119" fmla="*/ 1943 h 17994"/>
                <a:gd name="T120" fmla="*/ 11116 w 17426"/>
                <a:gd name="T121" fmla="*/ 699 h 17994"/>
                <a:gd name="T122" fmla="*/ 9932 w 17426"/>
                <a:gd name="T123" fmla="*/ 286 h 17994"/>
                <a:gd name="T124" fmla="*/ 8279 w 17426"/>
                <a:gd name="T125" fmla="*/ 11 h 179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7426" h="17994">
                  <a:moveTo>
                    <a:pt x="7337" y="9"/>
                  </a:moveTo>
                  <a:lnTo>
                    <a:pt x="7317" y="14"/>
                  </a:lnTo>
                  <a:lnTo>
                    <a:pt x="7230" y="24"/>
                  </a:lnTo>
                  <a:lnTo>
                    <a:pt x="7179" y="26"/>
                  </a:lnTo>
                  <a:lnTo>
                    <a:pt x="7123" y="28"/>
                  </a:lnTo>
                  <a:lnTo>
                    <a:pt x="6996" y="38"/>
                  </a:lnTo>
                  <a:lnTo>
                    <a:pt x="6945" y="44"/>
                  </a:lnTo>
                  <a:lnTo>
                    <a:pt x="6840" y="57"/>
                  </a:lnTo>
                  <a:lnTo>
                    <a:pt x="6745" y="69"/>
                  </a:lnTo>
                  <a:lnTo>
                    <a:pt x="6628" y="84"/>
                  </a:lnTo>
                  <a:lnTo>
                    <a:pt x="6284" y="140"/>
                  </a:lnTo>
                  <a:lnTo>
                    <a:pt x="6179" y="161"/>
                  </a:lnTo>
                  <a:lnTo>
                    <a:pt x="6036" y="193"/>
                  </a:lnTo>
                  <a:lnTo>
                    <a:pt x="5767" y="259"/>
                  </a:lnTo>
                  <a:lnTo>
                    <a:pt x="5515" y="328"/>
                  </a:lnTo>
                  <a:lnTo>
                    <a:pt x="5277" y="401"/>
                  </a:lnTo>
                  <a:lnTo>
                    <a:pt x="5049" y="479"/>
                  </a:lnTo>
                  <a:lnTo>
                    <a:pt x="4827" y="564"/>
                  </a:lnTo>
                  <a:lnTo>
                    <a:pt x="4609" y="656"/>
                  </a:lnTo>
                  <a:lnTo>
                    <a:pt x="4390" y="758"/>
                  </a:lnTo>
                  <a:lnTo>
                    <a:pt x="4279" y="812"/>
                  </a:lnTo>
                  <a:lnTo>
                    <a:pt x="4153" y="876"/>
                  </a:lnTo>
                  <a:lnTo>
                    <a:pt x="3908" y="1010"/>
                  </a:lnTo>
                  <a:lnTo>
                    <a:pt x="3669" y="1152"/>
                  </a:lnTo>
                  <a:lnTo>
                    <a:pt x="3436" y="1302"/>
                  </a:lnTo>
                  <a:lnTo>
                    <a:pt x="3210" y="1459"/>
                  </a:lnTo>
                  <a:lnTo>
                    <a:pt x="2990" y="1624"/>
                  </a:lnTo>
                  <a:lnTo>
                    <a:pt x="2777" y="1797"/>
                  </a:lnTo>
                  <a:lnTo>
                    <a:pt x="2571" y="1977"/>
                  </a:lnTo>
                  <a:lnTo>
                    <a:pt x="2371" y="2165"/>
                  </a:lnTo>
                  <a:lnTo>
                    <a:pt x="2178" y="2360"/>
                  </a:lnTo>
                  <a:lnTo>
                    <a:pt x="1992" y="2563"/>
                  </a:lnTo>
                  <a:lnTo>
                    <a:pt x="1813" y="2773"/>
                  </a:lnTo>
                  <a:lnTo>
                    <a:pt x="1640" y="2991"/>
                  </a:lnTo>
                  <a:lnTo>
                    <a:pt x="1475" y="3216"/>
                  </a:lnTo>
                  <a:lnTo>
                    <a:pt x="1316" y="3448"/>
                  </a:lnTo>
                  <a:lnTo>
                    <a:pt x="1165" y="3688"/>
                  </a:lnTo>
                  <a:lnTo>
                    <a:pt x="1092" y="3811"/>
                  </a:lnTo>
                  <a:lnTo>
                    <a:pt x="1038" y="3905"/>
                  </a:lnTo>
                  <a:lnTo>
                    <a:pt x="905" y="4151"/>
                  </a:lnTo>
                  <a:lnTo>
                    <a:pt x="772" y="4410"/>
                  </a:lnTo>
                  <a:lnTo>
                    <a:pt x="671" y="4618"/>
                  </a:lnTo>
                  <a:lnTo>
                    <a:pt x="645" y="4677"/>
                  </a:lnTo>
                  <a:lnTo>
                    <a:pt x="619" y="4741"/>
                  </a:lnTo>
                  <a:lnTo>
                    <a:pt x="585" y="4819"/>
                  </a:lnTo>
                  <a:lnTo>
                    <a:pt x="517" y="4977"/>
                  </a:lnTo>
                  <a:lnTo>
                    <a:pt x="495" y="5037"/>
                  </a:lnTo>
                  <a:lnTo>
                    <a:pt x="585" y="5040"/>
                  </a:lnTo>
                  <a:lnTo>
                    <a:pt x="1447" y="5044"/>
                  </a:lnTo>
                  <a:lnTo>
                    <a:pt x="2082" y="5044"/>
                  </a:lnTo>
                  <a:lnTo>
                    <a:pt x="3669" y="5044"/>
                  </a:lnTo>
                  <a:lnTo>
                    <a:pt x="4187" y="4529"/>
                  </a:lnTo>
                  <a:lnTo>
                    <a:pt x="4342" y="4375"/>
                  </a:lnTo>
                  <a:lnTo>
                    <a:pt x="4557" y="4164"/>
                  </a:lnTo>
                  <a:lnTo>
                    <a:pt x="4690" y="4043"/>
                  </a:lnTo>
                  <a:lnTo>
                    <a:pt x="4772" y="3982"/>
                  </a:lnTo>
                  <a:lnTo>
                    <a:pt x="4804" y="3966"/>
                  </a:lnTo>
                  <a:lnTo>
                    <a:pt x="4904" y="3919"/>
                  </a:lnTo>
                  <a:lnTo>
                    <a:pt x="5589" y="3914"/>
                  </a:lnTo>
                  <a:lnTo>
                    <a:pt x="6272" y="3909"/>
                  </a:lnTo>
                  <a:lnTo>
                    <a:pt x="6335" y="3771"/>
                  </a:lnTo>
                  <a:lnTo>
                    <a:pt x="6358" y="3722"/>
                  </a:lnTo>
                  <a:lnTo>
                    <a:pt x="6409" y="3625"/>
                  </a:lnTo>
                  <a:lnTo>
                    <a:pt x="6467" y="3531"/>
                  </a:lnTo>
                  <a:lnTo>
                    <a:pt x="6531" y="3440"/>
                  </a:lnTo>
                  <a:lnTo>
                    <a:pt x="6599" y="3354"/>
                  </a:lnTo>
                  <a:lnTo>
                    <a:pt x="6672" y="3273"/>
                  </a:lnTo>
                  <a:lnTo>
                    <a:pt x="6749" y="3199"/>
                  </a:lnTo>
                  <a:lnTo>
                    <a:pt x="6828" y="3131"/>
                  </a:lnTo>
                  <a:lnTo>
                    <a:pt x="6869" y="3101"/>
                  </a:lnTo>
                  <a:lnTo>
                    <a:pt x="6922" y="3063"/>
                  </a:lnTo>
                  <a:lnTo>
                    <a:pt x="7054" y="2988"/>
                  </a:lnTo>
                  <a:lnTo>
                    <a:pt x="7200" y="2918"/>
                  </a:lnTo>
                  <a:lnTo>
                    <a:pt x="7346" y="2862"/>
                  </a:lnTo>
                  <a:lnTo>
                    <a:pt x="7412" y="2842"/>
                  </a:lnTo>
                  <a:lnTo>
                    <a:pt x="7456" y="2831"/>
                  </a:lnTo>
                  <a:lnTo>
                    <a:pt x="7534" y="2815"/>
                  </a:lnTo>
                  <a:lnTo>
                    <a:pt x="7624" y="2806"/>
                  </a:lnTo>
                  <a:lnTo>
                    <a:pt x="7745" y="2803"/>
                  </a:lnTo>
                  <a:lnTo>
                    <a:pt x="7829" y="2802"/>
                  </a:lnTo>
                  <a:lnTo>
                    <a:pt x="7951" y="2803"/>
                  </a:lnTo>
                  <a:lnTo>
                    <a:pt x="8100" y="2812"/>
                  </a:lnTo>
                  <a:lnTo>
                    <a:pt x="8189" y="2824"/>
                  </a:lnTo>
                  <a:lnTo>
                    <a:pt x="8273" y="2842"/>
                  </a:lnTo>
                  <a:lnTo>
                    <a:pt x="8356" y="2866"/>
                  </a:lnTo>
                  <a:lnTo>
                    <a:pt x="8489" y="2916"/>
                  </a:lnTo>
                  <a:lnTo>
                    <a:pt x="8592" y="2962"/>
                  </a:lnTo>
                  <a:lnTo>
                    <a:pt x="8638" y="2984"/>
                  </a:lnTo>
                  <a:lnTo>
                    <a:pt x="8731" y="3036"/>
                  </a:lnTo>
                  <a:lnTo>
                    <a:pt x="8821" y="3096"/>
                  </a:lnTo>
                  <a:lnTo>
                    <a:pt x="8910" y="3164"/>
                  </a:lnTo>
                  <a:lnTo>
                    <a:pt x="8995" y="3238"/>
                  </a:lnTo>
                  <a:lnTo>
                    <a:pt x="9075" y="3317"/>
                  </a:lnTo>
                  <a:lnTo>
                    <a:pt x="9149" y="3400"/>
                  </a:lnTo>
                  <a:lnTo>
                    <a:pt x="9217" y="3486"/>
                  </a:lnTo>
                  <a:lnTo>
                    <a:pt x="9247" y="3531"/>
                  </a:lnTo>
                  <a:lnTo>
                    <a:pt x="9282" y="3585"/>
                  </a:lnTo>
                  <a:lnTo>
                    <a:pt x="9344" y="3699"/>
                  </a:lnTo>
                  <a:lnTo>
                    <a:pt x="9397" y="3816"/>
                  </a:lnTo>
                  <a:lnTo>
                    <a:pt x="9440" y="3937"/>
                  </a:lnTo>
                  <a:lnTo>
                    <a:pt x="9474" y="4061"/>
                  </a:lnTo>
                  <a:lnTo>
                    <a:pt x="9498" y="4186"/>
                  </a:lnTo>
                  <a:lnTo>
                    <a:pt x="9513" y="4313"/>
                  </a:lnTo>
                  <a:lnTo>
                    <a:pt x="9518" y="4441"/>
                  </a:lnTo>
                  <a:lnTo>
                    <a:pt x="9514" y="4568"/>
                  </a:lnTo>
                  <a:lnTo>
                    <a:pt x="9500" y="4695"/>
                  </a:lnTo>
                  <a:lnTo>
                    <a:pt x="9477" y="4820"/>
                  </a:lnTo>
                  <a:lnTo>
                    <a:pt x="9445" y="4944"/>
                  </a:lnTo>
                  <a:lnTo>
                    <a:pt x="9403" y="5065"/>
                  </a:lnTo>
                  <a:lnTo>
                    <a:pt x="9352" y="5182"/>
                  </a:lnTo>
                  <a:lnTo>
                    <a:pt x="9292" y="5295"/>
                  </a:lnTo>
                  <a:lnTo>
                    <a:pt x="9222" y="5404"/>
                  </a:lnTo>
                  <a:lnTo>
                    <a:pt x="9184" y="5456"/>
                  </a:lnTo>
                  <a:lnTo>
                    <a:pt x="9133" y="5521"/>
                  </a:lnTo>
                  <a:lnTo>
                    <a:pt x="9023" y="5639"/>
                  </a:lnTo>
                  <a:lnTo>
                    <a:pt x="8902" y="5745"/>
                  </a:lnTo>
                  <a:lnTo>
                    <a:pt x="8772" y="5838"/>
                  </a:lnTo>
                  <a:lnTo>
                    <a:pt x="8631" y="5918"/>
                  </a:lnTo>
                  <a:lnTo>
                    <a:pt x="8481" y="5985"/>
                  </a:lnTo>
                  <a:lnTo>
                    <a:pt x="8321" y="6039"/>
                  </a:lnTo>
                  <a:lnTo>
                    <a:pt x="8151" y="6079"/>
                  </a:lnTo>
                  <a:lnTo>
                    <a:pt x="8062" y="6094"/>
                  </a:lnTo>
                  <a:lnTo>
                    <a:pt x="8015" y="6101"/>
                  </a:lnTo>
                  <a:lnTo>
                    <a:pt x="7919" y="6109"/>
                  </a:lnTo>
                  <a:lnTo>
                    <a:pt x="7822" y="6110"/>
                  </a:lnTo>
                  <a:lnTo>
                    <a:pt x="7725" y="6106"/>
                  </a:lnTo>
                  <a:lnTo>
                    <a:pt x="7627" y="6095"/>
                  </a:lnTo>
                  <a:lnTo>
                    <a:pt x="7530" y="6079"/>
                  </a:lnTo>
                  <a:lnTo>
                    <a:pt x="7434" y="6057"/>
                  </a:lnTo>
                  <a:lnTo>
                    <a:pt x="7339" y="6030"/>
                  </a:lnTo>
                  <a:lnTo>
                    <a:pt x="7245" y="5997"/>
                  </a:lnTo>
                  <a:lnTo>
                    <a:pt x="7154" y="5959"/>
                  </a:lnTo>
                  <a:lnTo>
                    <a:pt x="7065" y="5916"/>
                  </a:lnTo>
                  <a:lnTo>
                    <a:pt x="6979" y="5868"/>
                  </a:lnTo>
                  <a:lnTo>
                    <a:pt x="6897" y="5815"/>
                  </a:lnTo>
                  <a:lnTo>
                    <a:pt x="6818" y="5758"/>
                  </a:lnTo>
                  <a:lnTo>
                    <a:pt x="6744" y="5696"/>
                  </a:lnTo>
                  <a:lnTo>
                    <a:pt x="6675" y="5630"/>
                  </a:lnTo>
                  <a:lnTo>
                    <a:pt x="6642" y="5596"/>
                  </a:lnTo>
                  <a:lnTo>
                    <a:pt x="6599" y="5547"/>
                  </a:lnTo>
                  <a:lnTo>
                    <a:pt x="6509" y="5427"/>
                  </a:lnTo>
                  <a:lnTo>
                    <a:pt x="6425" y="5297"/>
                  </a:lnTo>
                  <a:lnTo>
                    <a:pt x="6356" y="5174"/>
                  </a:lnTo>
                  <a:lnTo>
                    <a:pt x="6334" y="5122"/>
                  </a:lnTo>
                  <a:lnTo>
                    <a:pt x="6317" y="5080"/>
                  </a:lnTo>
                  <a:lnTo>
                    <a:pt x="6282" y="5014"/>
                  </a:lnTo>
                  <a:lnTo>
                    <a:pt x="6270" y="5002"/>
                  </a:lnTo>
                  <a:lnTo>
                    <a:pt x="6260" y="4998"/>
                  </a:lnTo>
                  <a:lnTo>
                    <a:pt x="6185" y="4992"/>
                  </a:lnTo>
                  <a:lnTo>
                    <a:pt x="5970" y="4986"/>
                  </a:lnTo>
                  <a:lnTo>
                    <a:pt x="5747" y="4986"/>
                  </a:lnTo>
                  <a:lnTo>
                    <a:pt x="5245" y="4987"/>
                  </a:lnTo>
                  <a:lnTo>
                    <a:pt x="4724" y="5506"/>
                  </a:lnTo>
                  <a:lnTo>
                    <a:pt x="4581" y="5648"/>
                  </a:lnTo>
                  <a:lnTo>
                    <a:pt x="4369" y="5855"/>
                  </a:lnTo>
                  <a:lnTo>
                    <a:pt x="4230" y="5983"/>
                  </a:lnTo>
                  <a:lnTo>
                    <a:pt x="4146" y="6050"/>
                  </a:lnTo>
                  <a:lnTo>
                    <a:pt x="4120" y="6064"/>
                  </a:lnTo>
                  <a:lnTo>
                    <a:pt x="4037" y="6102"/>
                  </a:lnTo>
                  <a:lnTo>
                    <a:pt x="2104" y="6111"/>
                  </a:lnTo>
                  <a:lnTo>
                    <a:pt x="170" y="6119"/>
                  </a:lnTo>
                  <a:lnTo>
                    <a:pt x="150" y="6197"/>
                  </a:lnTo>
                  <a:lnTo>
                    <a:pt x="137" y="6253"/>
                  </a:lnTo>
                  <a:lnTo>
                    <a:pt x="109" y="6398"/>
                  </a:lnTo>
                  <a:lnTo>
                    <a:pt x="67" y="6658"/>
                  </a:lnTo>
                  <a:lnTo>
                    <a:pt x="21" y="7013"/>
                  </a:lnTo>
                  <a:lnTo>
                    <a:pt x="3" y="7210"/>
                  </a:lnTo>
                  <a:lnTo>
                    <a:pt x="3" y="7284"/>
                  </a:lnTo>
                  <a:lnTo>
                    <a:pt x="7" y="7296"/>
                  </a:lnTo>
                  <a:lnTo>
                    <a:pt x="71" y="7299"/>
                  </a:lnTo>
                  <a:lnTo>
                    <a:pt x="758" y="7304"/>
                  </a:lnTo>
                  <a:lnTo>
                    <a:pt x="2802" y="7308"/>
                  </a:lnTo>
                  <a:lnTo>
                    <a:pt x="4844" y="7307"/>
                  </a:lnTo>
                  <a:lnTo>
                    <a:pt x="7580" y="7304"/>
                  </a:lnTo>
                  <a:lnTo>
                    <a:pt x="9297" y="7295"/>
                  </a:lnTo>
                  <a:lnTo>
                    <a:pt x="9600" y="7288"/>
                  </a:lnTo>
                  <a:lnTo>
                    <a:pt x="9674" y="7281"/>
                  </a:lnTo>
                  <a:lnTo>
                    <a:pt x="9680" y="7277"/>
                  </a:lnTo>
                  <a:lnTo>
                    <a:pt x="9702" y="7232"/>
                  </a:lnTo>
                  <a:lnTo>
                    <a:pt x="9747" y="7136"/>
                  </a:lnTo>
                  <a:lnTo>
                    <a:pt x="9777" y="7072"/>
                  </a:lnTo>
                  <a:lnTo>
                    <a:pt x="9845" y="6952"/>
                  </a:lnTo>
                  <a:lnTo>
                    <a:pt x="9921" y="6839"/>
                  </a:lnTo>
                  <a:lnTo>
                    <a:pt x="10005" y="6734"/>
                  </a:lnTo>
                  <a:lnTo>
                    <a:pt x="10098" y="6636"/>
                  </a:lnTo>
                  <a:lnTo>
                    <a:pt x="10199" y="6547"/>
                  </a:lnTo>
                  <a:lnTo>
                    <a:pt x="10309" y="6466"/>
                  </a:lnTo>
                  <a:lnTo>
                    <a:pt x="10427" y="6394"/>
                  </a:lnTo>
                  <a:lnTo>
                    <a:pt x="10489" y="6361"/>
                  </a:lnTo>
                  <a:lnTo>
                    <a:pt x="10535" y="6337"/>
                  </a:lnTo>
                  <a:lnTo>
                    <a:pt x="10607" y="6303"/>
                  </a:lnTo>
                  <a:lnTo>
                    <a:pt x="10713" y="6266"/>
                  </a:lnTo>
                  <a:lnTo>
                    <a:pt x="10820" y="6237"/>
                  </a:lnTo>
                  <a:lnTo>
                    <a:pt x="10879" y="6223"/>
                  </a:lnTo>
                  <a:lnTo>
                    <a:pt x="10999" y="6201"/>
                  </a:lnTo>
                  <a:lnTo>
                    <a:pt x="11123" y="6188"/>
                  </a:lnTo>
                  <a:lnTo>
                    <a:pt x="11250" y="6185"/>
                  </a:lnTo>
                  <a:lnTo>
                    <a:pt x="11378" y="6192"/>
                  </a:lnTo>
                  <a:lnTo>
                    <a:pt x="11507" y="6207"/>
                  </a:lnTo>
                  <a:lnTo>
                    <a:pt x="11634" y="6232"/>
                  </a:lnTo>
                  <a:lnTo>
                    <a:pt x="11759" y="6265"/>
                  </a:lnTo>
                  <a:lnTo>
                    <a:pt x="11820" y="6286"/>
                  </a:lnTo>
                  <a:lnTo>
                    <a:pt x="11864" y="6302"/>
                  </a:lnTo>
                  <a:lnTo>
                    <a:pt x="11967" y="6348"/>
                  </a:lnTo>
                  <a:lnTo>
                    <a:pt x="12076" y="6402"/>
                  </a:lnTo>
                  <a:lnTo>
                    <a:pt x="12174" y="6458"/>
                  </a:lnTo>
                  <a:lnTo>
                    <a:pt x="12212" y="6482"/>
                  </a:lnTo>
                  <a:lnTo>
                    <a:pt x="12251" y="6510"/>
                  </a:lnTo>
                  <a:lnTo>
                    <a:pt x="12330" y="6575"/>
                  </a:lnTo>
                  <a:lnTo>
                    <a:pt x="12409" y="6649"/>
                  </a:lnTo>
                  <a:lnTo>
                    <a:pt x="12486" y="6730"/>
                  </a:lnTo>
                  <a:lnTo>
                    <a:pt x="12559" y="6816"/>
                  </a:lnTo>
                  <a:lnTo>
                    <a:pt x="12625" y="6903"/>
                  </a:lnTo>
                  <a:lnTo>
                    <a:pt x="12684" y="6992"/>
                  </a:lnTo>
                  <a:lnTo>
                    <a:pt x="12732" y="7078"/>
                  </a:lnTo>
                  <a:lnTo>
                    <a:pt x="12752" y="7119"/>
                  </a:lnTo>
                  <a:lnTo>
                    <a:pt x="12792" y="7211"/>
                  </a:lnTo>
                  <a:lnTo>
                    <a:pt x="12838" y="7339"/>
                  </a:lnTo>
                  <a:lnTo>
                    <a:pt x="12861" y="7422"/>
                  </a:lnTo>
                  <a:lnTo>
                    <a:pt x="12879" y="7507"/>
                  </a:lnTo>
                  <a:lnTo>
                    <a:pt x="12892" y="7595"/>
                  </a:lnTo>
                  <a:lnTo>
                    <a:pt x="12902" y="7737"/>
                  </a:lnTo>
                  <a:lnTo>
                    <a:pt x="12904" y="7844"/>
                  </a:lnTo>
                  <a:lnTo>
                    <a:pt x="12903" y="7914"/>
                  </a:lnTo>
                  <a:lnTo>
                    <a:pt x="12896" y="8046"/>
                  </a:lnTo>
                  <a:lnTo>
                    <a:pt x="12880" y="8169"/>
                  </a:lnTo>
                  <a:lnTo>
                    <a:pt x="12857" y="8286"/>
                  </a:lnTo>
                  <a:lnTo>
                    <a:pt x="12824" y="8398"/>
                  </a:lnTo>
                  <a:lnTo>
                    <a:pt x="12782" y="8507"/>
                  </a:lnTo>
                  <a:lnTo>
                    <a:pt x="12730" y="8615"/>
                  </a:lnTo>
                  <a:lnTo>
                    <a:pt x="12668" y="8723"/>
                  </a:lnTo>
                  <a:lnTo>
                    <a:pt x="12632" y="8777"/>
                  </a:lnTo>
                  <a:lnTo>
                    <a:pt x="12588" y="8841"/>
                  </a:lnTo>
                  <a:lnTo>
                    <a:pt x="12491" y="8960"/>
                  </a:lnTo>
                  <a:lnTo>
                    <a:pt x="12384" y="9067"/>
                  </a:lnTo>
                  <a:lnTo>
                    <a:pt x="12267" y="9164"/>
                  </a:lnTo>
                  <a:lnTo>
                    <a:pt x="12140" y="9250"/>
                  </a:lnTo>
                  <a:lnTo>
                    <a:pt x="12004" y="9324"/>
                  </a:lnTo>
                  <a:lnTo>
                    <a:pt x="11858" y="9387"/>
                  </a:lnTo>
                  <a:lnTo>
                    <a:pt x="11702" y="9439"/>
                  </a:lnTo>
                  <a:lnTo>
                    <a:pt x="11620" y="9461"/>
                  </a:lnTo>
                  <a:lnTo>
                    <a:pt x="11584" y="9469"/>
                  </a:lnTo>
                  <a:lnTo>
                    <a:pt x="11502" y="9482"/>
                  </a:lnTo>
                  <a:lnTo>
                    <a:pt x="11361" y="9495"/>
                  </a:lnTo>
                  <a:lnTo>
                    <a:pt x="11161" y="9498"/>
                  </a:lnTo>
                  <a:lnTo>
                    <a:pt x="11020" y="9489"/>
                  </a:lnTo>
                  <a:lnTo>
                    <a:pt x="10937" y="9478"/>
                  </a:lnTo>
                  <a:lnTo>
                    <a:pt x="10900" y="9471"/>
                  </a:lnTo>
                  <a:lnTo>
                    <a:pt x="10851" y="9460"/>
                  </a:lnTo>
                  <a:lnTo>
                    <a:pt x="10756" y="9433"/>
                  </a:lnTo>
                  <a:lnTo>
                    <a:pt x="10662" y="9402"/>
                  </a:lnTo>
                  <a:lnTo>
                    <a:pt x="10572" y="9365"/>
                  </a:lnTo>
                  <a:lnTo>
                    <a:pt x="10484" y="9324"/>
                  </a:lnTo>
                  <a:lnTo>
                    <a:pt x="10399" y="9277"/>
                  </a:lnTo>
                  <a:lnTo>
                    <a:pt x="10317" y="9226"/>
                  </a:lnTo>
                  <a:lnTo>
                    <a:pt x="10239" y="9170"/>
                  </a:lnTo>
                  <a:lnTo>
                    <a:pt x="10164" y="9110"/>
                  </a:lnTo>
                  <a:lnTo>
                    <a:pt x="10093" y="9046"/>
                  </a:lnTo>
                  <a:lnTo>
                    <a:pt x="10026" y="8978"/>
                  </a:lnTo>
                  <a:lnTo>
                    <a:pt x="9963" y="8906"/>
                  </a:lnTo>
                  <a:lnTo>
                    <a:pt x="9905" y="8830"/>
                  </a:lnTo>
                  <a:lnTo>
                    <a:pt x="9851" y="8750"/>
                  </a:lnTo>
                  <a:lnTo>
                    <a:pt x="9802" y="8667"/>
                  </a:lnTo>
                  <a:lnTo>
                    <a:pt x="9757" y="8580"/>
                  </a:lnTo>
                  <a:lnTo>
                    <a:pt x="9737" y="8536"/>
                  </a:lnTo>
                  <a:lnTo>
                    <a:pt x="9695" y="8440"/>
                  </a:lnTo>
                  <a:lnTo>
                    <a:pt x="9674" y="8397"/>
                  </a:lnTo>
                  <a:lnTo>
                    <a:pt x="9653" y="8395"/>
                  </a:lnTo>
                  <a:lnTo>
                    <a:pt x="9438" y="8390"/>
                  </a:lnTo>
                  <a:lnTo>
                    <a:pt x="8799" y="8385"/>
                  </a:lnTo>
                  <a:lnTo>
                    <a:pt x="6648" y="8377"/>
                  </a:lnTo>
                  <a:lnTo>
                    <a:pt x="3028" y="8376"/>
                  </a:lnTo>
                  <a:lnTo>
                    <a:pt x="877" y="8383"/>
                  </a:lnTo>
                  <a:lnTo>
                    <a:pt x="238" y="8388"/>
                  </a:lnTo>
                  <a:lnTo>
                    <a:pt x="24" y="8393"/>
                  </a:lnTo>
                  <a:lnTo>
                    <a:pt x="4" y="8396"/>
                  </a:lnTo>
                  <a:lnTo>
                    <a:pt x="0" y="8409"/>
                  </a:lnTo>
                  <a:lnTo>
                    <a:pt x="3" y="8487"/>
                  </a:lnTo>
                  <a:lnTo>
                    <a:pt x="23" y="8687"/>
                  </a:lnTo>
                  <a:lnTo>
                    <a:pt x="70" y="9043"/>
                  </a:lnTo>
                  <a:lnTo>
                    <a:pt x="126" y="9378"/>
                  </a:lnTo>
                  <a:lnTo>
                    <a:pt x="150" y="9491"/>
                  </a:lnTo>
                  <a:lnTo>
                    <a:pt x="170" y="9569"/>
                  </a:lnTo>
                  <a:lnTo>
                    <a:pt x="2104" y="9577"/>
                  </a:lnTo>
                  <a:lnTo>
                    <a:pt x="4037" y="9586"/>
                  </a:lnTo>
                  <a:lnTo>
                    <a:pt x="4120" y="9626"/>
                  </a:lnTo>
                  <a:lnTo>
                    <a:pt x="4147" y="9640"/>
                  </a:lnTo>
                  <a:lnTo>
                    <a:pt x="4234" y="9710"/>
                  </a:lnTo>
                  <a:lnTo>
                    <a:pt x="4376" y="9842"/>
                  </a:lnTo>
                  <a:lnTo>
                    <a:pt x="4588" y="10049"/>
                  </a:lnTo>
                  <a:lnTo>
                    <a:pt x="4729" y="10189"/>
                  </a:lnTo>
                  <a:lnTo>
                    <a:pt x="5255" y="10711"/>
                  </a:lnTo>
                  <a:lnTo>
                    <a:pt x="5762" y="10707"/>
                  </a:lnTo>
                  <a:lnTo>
                    <a:pt x="6269" y="10702"/>
                  </a:lnTo>
                  <a:lnTo>
                    <a:pt x="6290" y="10661"/>
                  </a:lnTo>
                  <a:lnTo>
                    <a:pt x="6320" y="10600"/>
                  </a:lnTo>
                  <a:lnTo>
                    <a:pt x="6372" y="10494"/>
                  </a:lnTo>
                  <a:lnTo>
                    <a:pt x="6394" y="10450"/>
                  </a:lnTo>
                  <a:lnTo>
                    <a:pt x="6441" y="10365"/>
                  </a:lnTo>
                  <a:lnTo>
                    <a:pt x="6492" y="10285"/>
                  </a:lnTo>
                  <a:lnTo>
                    <a:pt x="6547" y="10208"/>
                  </a:lnTo>
                  <a:lnTo>
                    <a:pt x="6606" y="10135"/>
                  </a:lnTo>
                  <a:lnTo>
                    <a:pt x="6668" y="10067"/>
                  </a:lnTo>
                  <a:lnTo>
                    <a:pt x="6734" y="10003"/>
                  </a:lnTo>
                  <a:lnTo>
                    <a:pt x="6803" y="9943"/>
                  </a:lnTo>
                  <a:lnTo>
                    <a:pt x="6876" y="9887"/>
                  </a:lnTo>
                  <a:lnTo>
                    <a:pt x="6952" y="9836"/>
                  </a:lnTo>
                  <a:lnTo>
                    <a:pt x="7032" y="9789"/>
                  </a:lnTo>
                  <a:lnTo>
                    <a:pt x="7115" y="9746"/>
                  </a:lnTo>
                  <a:lnTo>
                    <a:pt x="7201" y="9708"/>
                  </a:lnTo>
                  <a:lnTo>
                    <a:pt x="7291" y="9674"/>
                  </a:lnTo>
                  <a:lnTo>
                    <a:pt x="7383" y="9644"/>
                  </a:lnTo>
                  <a:lnTo>
                    <a:pt x="7479" y="9620"/>
                  </a:lnTo>
                  <a:lnTo>
                    <a:pt x="7529" y="9609"/>
                  </a:lnTo>
                  <a:lnTo>
                    <a:pt x="7563" y="9602"/>
                  </a:lnTo>
                  <a:lnTo>
                    <a:pt x="7643" y="9593"/>
                  </a:lnTo>
                  <a:lnTo>
                    <a:pt x="7782" y="9586"/>
                  </a:lnTo>
                  <a:lnTo>
                    <a:pt x="7981" y="9591"/>
                  </a:lnTo>
                  <a:lnTo>
                    <a:pt x="8120" y="9606"/>
                  </a:lnTo>
                  <a:lnTo>
                    <a:pt x="8202" y="9619"/>
                  </a:lnTo>
                  <a:lnTo>
                    <a:pt x="8237" y="9627"/>
                  </a:lnTo>
                  <a:lnTo>
                    <a:pt x="8290" y="9641"/>
                  </a:lnTo>
                  <a:lnTo>
                    <a:pt x="8392" y="9673"/>
                  </a:lnTo>
                  <a:lnTo>
                    <a:pt x="8490" y="9709"/>
                  </a:lnTo>
                  <a:lnTo>
                    <a:pt x="8585" y="9750"/>
                  </a:lnTo>
                  <a:lnTo>
                    <a:pt x="8676" y="9796"/>
                  </a:lnTo>
                  <a:lnTo>
                    <a:pt x="8763" y="9847"/>
                  </a:lnTo>
                  <a:lnTo>
                    <a:pt x="8845" y="9902"/>
                  </a:lnTo>
                  <a:lnTo>
                    <a:pt x="8924" y="9962"/>
                  </a:lnTo>
                  <a:lnTo>
                    <a:pt x="8998" y="10027"/>
                  </a:lnTo>
                  <a:lnTo>
                    <a:pt x="9068" y="10096"/>
                  </a:lnTo>
                  <a:lnTo>
                    <a:pt x="9134" y="10169"/>
                  </a:lnTo>
                  <a:lnTo>
                    <a:pt x="9195" y="10247"/>
                  </a:lnTo>
                  <a:lnTo>
                    <a:pt x="9251" y="10328"/>
                  </a:lnTo>
                  <a:lnTo>
                    <a:pt x="9303" y="10414"/>
                  </a:lnTo>
                  <a:lnTo>
                    <a:pt x="9350" y="10504"/>
                  </a:lnTo>
                  <a:lnTo>
                    <a:pt x="9393" y="10599"/>
                  </a:lnTo>
                  <a:lnTo>
                    <a:pt x="9412" y="10647"/>
                  </a:lnTo>
                  <a:lnTo>
                    <a:pt x="9428" y="10693"/>
                  </a:lnTo>
                  <a:lnTo>
                    <a:pt x="9457" y="10791"/>
                  </a:lnTo>
                  <a:lnTo>
                    <a:pt x="9482" y="10899"/>
                  </a:lnTo>
                  <a:lnTo>
                    <a:pt x="9502" y="11021"/>
                  </a:lnTo>
                  <a:lnTo>
                    <a:pt x="9510" y="11089"/>
                  </a:lnTo>
                  <a:lnTo>
                    <a:pt x="9517" y="11155"/>
                  </a:lnTo>
                  <a:lnTo>
                    <a:pt x="9519" y="11290"/>
                  </a:lnTo>
                  <a:lnTo>
                    <a:pt x="9509" y="11429"/>
                  </a:lnTo>
                  <a:lnTo>
                    <a:pt x="9487" y="11569"/>
                  </a:lnTo>
                  <a:lnTo>
                    <a:pt x="9452" y="11707"/>
                  </a:lnTo>
                  <a:lnTo>
                    <a:pt x="9407" y="11843"/>
                  </a:lnTo>
                  <a:lnTo>
                    <a:pt x="9351" y="11974"/>
                  </a:lnTo>
                  <a:lnTo>
                    <a:pt x="9284" y="12099"/>
                  </a:lnTo>
                  <a:lnTo>
                    <a:pt x="9247" y="12157"/>
                  </a:lnTo>
                  <a:lnTo>
                    <a:pt x="9217" y="12201"/>
                  </a:lnTo>
                  <a:lnTo>
                    <a:pt x="9154" y="12284"/>
                  </a:lnTo>
                  <a:lnTo>
                    <a:pt x="9087" y="12362"/>
                  </a:lnTo>
                  <a:lnTo>
                    <a:pt x="9015" y="12435"/>
                  </a:lnTo>
                  <a:lnTo>
                    <a:pt x="8940" y="12504"/>
                  </a:lnTo>
                  <a:lnTo>
                    <a:pt x="8860" y="12567"/>
                  </a:lnTo>
                  <a:lnTo>
                    <a:pt x="8777" y="12625"/>
                  </a:lnTo>
                  <a:lnTo>
                    <a:pt x="8690" y="12677"/>
                  </a:lnTo>
                  <a:lnTo>
                    <a:pt x="8600" y="12724"/>
                  </a:lnTo>
                  <a:lnTo>
                    <a:pt x="8507" y="12766"/>
                  </a:lnTo>
                  <a:lnTo>
                    <a:pt x="8410" y="12802"/>
                  </a:lnTo>
                  <a:lnTo>
                    <a:pt x="8312" y="12832"/>
                  </a:lnTo>
                  <a:lnTo>
                    <a:pt x="8210" y="12856"/>
                  </a:lnTo>
                  <a:lnTo>
                    <a:pt x="8106" y="12875"/>
                  </a:lnTo>
                  <a:lnTo>
                    <a:pt x="8000" y="12887"/>
                  </a:lnTo>
                  <a:lnTo>
                    <a:pt x="7892" y="12893"/>
                  </a:lnTo>
                  <a:lnTo>
                    <a:pt x="7837" y="12894"/>
                  </a:lnTo>
                  <a:lnTo>
                    <a:pt x="7776" y="12893"/>
                  </a:lnTo>
                  <a:lnTo>
                    <a:pt x="7657" y="12886"/>
                  </a:lnTo>
                  <a:lnTo>
                    <a:pt x="7541" y="12870"/>
                  </a:lnTo>
                  <a:lnTo>
                    <a:pt x="7428" y="12847"/>
                  </a:lnTo>
                  <a:lnTo>
                    <a:pt x="7318" y="12816"/>
                  </a:lnTo>
                  <a:lnTo>
                    <a:pt x="7212" y="12779"/>
                  </a:lnTo>
                  <a:lnTo>
                    <a:pt x="7110" y="12734"/>
                  </a:lnTo>
                  <a:lnTo>
                    <a:pt x="7011" y="12682"/>
                  </a:lnTo>
                  <a:lnTo>
                    <a:pt x="6917" y="12623"/>
                  </a:lnTo>
                  <a:lnTo>
                    <a:pt x="6827" y="12557"/>
                  </a:lnTo>
                  <a:lnTo>
                    <a:pt x="6742" y="12485"/>
                  </a:lnTo>
                  <a:lnTo>
                    <a:pt x="6662" y="12406"/>
                  </a:lnTo>
                  <a:lnTo>
                    <a:pt x="6586" y="12321"/>
                  </a:lnTo>
                  <a:lnTo>
                    <a:pt x="6516" y="12229"/>
                  </a:lnTo>
                  <a:lnTo>
                    <a:pt x="6451" y="12132"/>
                  </a:lnTo>
                  <a:lnTo>
                    <a:pt x="6392" y="12028"/>
                  </a:lnTo>
                  <a:lnTo>
                    <a:pt x="6365" y="11974"/>
                  </a:lnTo>
                  <a:lnTo>
                    <a:pt x="6270" y="11779"/>
                  </a:lnTo>
                  <a:lnTo>
                    <a:pt x="5614" y="11777"/>
                  </a:lnTo>
                  <a:lnTo>
                    <a:pt x="5302" y="11777"/>
                  </a:lnTo>
                  <a:lnTo>
                    <a:pt x="5017" y="11770"/>
                  </a:lnTo>
                  <a:lnTo>
                    <a:pt x="4912" y="11762"/>
                  </a:lnTo>
                  <a:lnTo>
                    <a:pt x="4889" y="11757"/>
                  </a:lnTo>
                  <a:lnTo>
                    <a:pt x="4865" y="11750"/>
                  </a:lnTo>
                  <a:lnTo>
                    <a:pt x="4817" y="11729"/>
                  </a:lnTo>
                  <a:lnTo>
                    <a:pt x="4764" y="11697"/>
                  </a:lnTo>
                  <a:lnTo>
                    <a:pt x="4700" y="11650"/>
                  </a:lnTo>
                  <a:lnTo>
                    <a:pt x="4579" y="11544"/>
                  </a:lnTo>
                  <a:lnTo>
                    <a:pt x="4335" y="11309"/>
                  </a:lnTo>
                  <a:lnTo>
                    <a:pt x="4162" y="11136"/>
                  </a:lnTo>
                  <a:lnTo>
                    <a:pt x="3670" y="10644"/>
                  </a:lnTo>
                  <a:lnTo>
                    <a:pt x="2084" y="10644"/>
                  </a:lnTo>
                  <a:lnTo>
                    <a:pt x="1199" y="10644"/>
                  </a:lnTo>
                  <a:lnTo>
                    <a:pt x="627" y="10651"/>
                  </a:lnTo>
                  <a:lnTo>
                    <a:pt x="523" y="10658"/>
                  </a:lnTo>
                  <a:lnTo>
                    <a:pt x="497" y="10664"/>
                  </a:lnTo>
                  <a:lnTo>
                    <a:pt x="495" y="10667"/>
                  </a:lnTo>
                  <a:lnTo>
                    <a:pt x="496" y="10678"/>
                  </a:lnTo>
                  <a:lnTo>
                    <a:pt x="506" y="10697"/>
                  </a:lnTo>
                  <a:lnTo>
                    <a:pt x="512" y="10702"/>
                  </a:lnTo>
                  <a:lnTo>
                    <a:pt x="518" y="10708"/>
                  </a:lnTo>
                  <a:lnTo>
                    <a:pt x="528" y="10726"/>
                  </a:lnTo>
                  <a:lnTo>
                    <a:pt x="529" y="10736"/>
                  </a:lnTo>
                  <a:lnTo>
                    <a:pt x="531" y="10750"/>
                  </a:lnTo>
                  <a:lnTo>
                    <a:pt x="553" y="10811"/>
                  </a:lnTo>
                  <a:lnTo>
                    <a:pt x="569" y="10847"/>
                  </a:lnTo>
                  <a:lnTo>
                    <a:pt x="611" y="10944"/>
                  </a:lnTo>
                  <a:lnTo>
                    <a:pt x="662" y="11061"/>
                  </a:lnTo>
                  <a:lnTo>
                    <a:pt x="691" y="11126"/>
                  </a:lnTo>
                  <a:lnTo>
                    <a:pt x="759" y="11270"/>
                  </a:lnTo>
                  <a:lnTo>
                    <a:pt x="878" y="11503"/>
                  </a:lnTo>
                  <a:lnTo>
                    <a:pt x="1061" y="11830"/>
                  </a:lnTo>
                  <a:lnTo>
                    <a:pt x="1251" y="12141"/>
                  </a:lnTo>
                  <a:lnTo>
                    <a:pt x="1342" y="12277"/>
                  </a:lnTo>
                  <a:lnTo>
                    <a:pt x="1450" y="12433"/>
                  </a:lnTo>
                  <a:lnTo>
                    <a:pt x="1657" y="12710"/>
                  </a:lnTo>
                  <a:lnTo>
                    <a:pt x="1874" y="12970"/>
                  </a:lnTo>
                  <a:lnTo>
                    <a:pt x="2125" y="13243"/>
                  </a:lnTo>
                  <a:lnTo>
                    <a:pt x="2274" y="13396"/>
                  </a:lnTo>
                  <a:lnTo>
                    <a:pt x="2595" y="13721"/>
                  </a:lnTo>
                  <a:lnTo>
                    <a:pt x="2137" y="15551"/>
                  </a:lnTo>
                  <a:lnTo>
                    <a:pt x="1903" y="16490"/>
                  </a:lnTo>
                  <a:lnTo>
                    <a:pt x="1728" y="17221"/>
                  </a:lnTo>
                  <a:lnTo>
                    <a:pt x="1690" y="17401"/>
                  </a:lnTo>
                  <a:lnTo>
                    <a:pt x="1679" y="17468"/>
                  </a:lnTo>
                  <a:lnTo>
                    <a:pt x="1679" y="17486"/>
                  </a:lnTo>
                  <a:lnTo>
                    <a:pt x="1679" y="17515"/>
                  </a:lnTo>
                  <a:lnTo>
                    <a:pt x="1684" y="17565"/>
                  </a:lnTo>
                  <a:lnTo>
                    <a:pt x="1695" y="17611"/>
                  </a:lnTo>
                  <a:lnTo>
                    <a:pt x="1715" y="17661"/>
                  </a:lnTo>
                  <a:lnTo>
                    <a:pt x="1729" y="17691"/>
                  </a:lnTo>
                  <a:lnTo>
                    <a:pt x="1752" y="17735"/>
                  </a:lnTo>
                  <a:lnTo>
                    <a:pt x="1806" y="17809"/>
                  </a:lnTo>
                  <a:lnTo>
                    <a:pt x="1873" y="17871"/>
                  </a:lnTo>
                  <a:lnTo>
                    <a:pt x="1956" y="17923"/>
                  </a:lnTo>
                  <a:lnTo>
                    <a:pt x="2007" y="17947"/>
                  </a:lnTo>
                  <a:lnTo>
                    <a:pt x="2112" y="17994"/>
                  </a:lnTo>
                  <a:lnTo>
                    <a:pt x="5864" y="17994"/>
                  </a:lnTo>
                  <a:lnTo>
                    <a:pt x="9617" y="17994"/>
                  </a:lnTo>
                  <a:lnTo>
                    <a:pt x="9715" y="17959"/>
                  </a:lnTo>
                  <a:lnTo>
                    <a:pt x="9756" y="17942"/>
                  </a:lnTo>
                  <a:lnTo>
                    <a:pt x="9837" y="17895"/>
                  </a:lnTo>
                  <a:lnTo>
                    <a:pt x="9912" y="17834"/>
                  </a:lnTo>
                  <a:lnTo>
                    <a:pt x="9975" y="17766"/>
                  </a:lnTo>
                  <a:lnTo>
                    <a:pt x="9999" y="17731"/>
                  </a:lnTo>
                  <a:lnTo>
                    <a:pt x="10010" y="17706"/>
                  </a:lnTo>
                  <a:lnTo>
                    <a:pt x="10053" y="17567"/>
                  </a:lnTo>
                  <a:lnTo>
                    <a:pt x="10161" y="17167"/>
                  </a:lnTo>
                  <a:lnTo>
                    <a:pt x="10270" y="16736"/>
                  </a:lnTo>
                  <a:lnTo>
                    <a:pt x="10505" y="15802"/>
                  </a:lnTo>
                  <a:lnTo>
                    <a:pt x="10604" y="15806"/>
                  </a:lnTo>
                  <a:lnTo>
                    <a:pt x="10651" y="15808"/>
                  </a:lnTo>
                  <a:lnTo>
                    <a:pt x="10773" y="15820"/>
                  </a:lnTo>
                  <a:lnTo>
                    <a:pt x="10829" y="15827"/>
                  </a:lnTo>
                  <a:lnTo>
                    <a:pt x="11190" y="15881"/>
                  </a:lnTo>
                  <a:lnTo>
                    <a:pt x="11704" y="15954"/>
                  </a:lnTo>
                  <a:lnTo>
                    <a:pt x="12013" y="15997"/>
                  </a:lnTo>
                  <a:lnTo>
                    <a:pt x="12345" y="16044"/>
                  </a:lnTo>
                  <a:lnTo>
                    <a:pt x="12639" y="16087"/>
                  </a:lnTo>
                  <a:lnTo>
                    <a:pt x="12812" y="16111"/>
                  </a:lnTo>
                  <a:lnTo>
                    <a:pt x="12931" y="16128"/>
                  </a:lnTo>
                  <a:lnTo>
                    <a:pt x="13037" y="16144"/>
                  </a:lnTo>
                  <a:lnTo>
                    <a:pt x="13130" y="16157"/>
                  </a:lnTo>
                  <a:lnTo>
                    <a:pt x="13204" y="16169"/>
                  </a:lnTo>
                  <a:lnTo>
                    <a:pt x="13335" y="16187"/>
                  </a:lnTo>
                  <a:lnTo>
                    <a:pt x="13620" y="16229"/>
                  </a:lnTo>
                  <a:lnTo>
                    <a:pt x="13766" y="16250"/>
                  </a:lnTo>
                  <a:lnTo>
                    <a:pt x="14011" y="16278"/>
                  </a:lnTo>
                  <a:lnTo>
                    <a:pt x="14072" y="16281"/>
                  </a:lnTo>
                  <a:lnTo>
                    <a:pt x="14109" y="16280"/>
                  </a:lnTo>
                  <a:lnTo>
                    <a:pt x="14182" y="16271"/>
                  </a:lnTo>
                  <a:lnTo>
                    <a:pt x="14253" y="16251"/>
                  </a:lnTo>
                  <a:lnTo>
                    <a:pt x="14320" y="16223"/>
                  </a:lnTo>
                  <a:lnTo>
                    <a:pt x="14383" y="16186"/>
                  </a:lnTo>
                  <a:lnTo>
                    <a:pt x="14439" y="16141"/>
                  </a:lnTo>
                  <a:lnTo>
                    <a:pt x="14487" y="16090"/>
                  </a:lnTo>
                  <a:lnTo>
                    <a:pt x="14526" y="16032"/>
                  </a:lnTo>
                  <a:lnTo>
                    <a:pt x="14542" y="16001"/>
                  </a:lnTo>
                  <a:lnTo>
                    <a:pt x="14557" y="15954"/>
                  </a:lnTo>
                  <a:lnTo>
                    <a:pt x="14653" y="15595"/>
                  </a:lnTo>
                  <a:lnTo>
                    <a:pt x="14901" y="14626"/>
                  </a:lnTo>
                  <a:lnTo>
                    <a:pt x="15120" y="13756"/>
                  </a:lnTo>
                  <a:lnTo>
                    <a:pt x="15337" y="12888"/>
                  </a:lnTo>
                  <a:lnTo>
                    <a:pt x="15580" y="11939"/>
                  </a:lnTo>
                  <a:lnTo>
                    <a:pt x="15670" y="11600"/>
                  </a:lnTo>
                  <a:lnTo>
                    <a:pt x="15682" y="11564"/>
                  </a:lnTo>
                  <a:lnTo>
                    <a:pt x="15734" y="11525"/>
                  </a:lnTo>
                  <a:lnTo>
                    <a:pt x="16162" y="11234"/>
                  </a:lnTo>
                  <a:lnTo>
                    <a:pt x="16470" y="11027"/>
                  </a:lnTo>
                  <a:lnTo>
                    <a:pt x="16789" y="10814"/>
                  </a:lnTo>
                  <a:lnTo>
                    <a:pt x="17140" y="10570"/>
                  </a:lnTo>
                  <a:lnTo>
                    <a:pt x="17274" y="10470"/>
                  </a:lnTo>
                  <a:lnTo>
                    <a:pt x="17297" y="10449"/>
                  </a:lnTo>
                  <a:lnTo>
                    <a:pt x="17325" y="10416"/>
                  </a:lnTo>
                  <a:lnTo>
                    <a:pt x="17369" y="10344"/>
                  </a:lnTo>
                  <a:lnTo>
                    <a:pt x="17401" y="10265"/>
                  </a:lnTo>
                  <a:lnTo>
                    <a:pt x="17420" y="10182"/>
                  </a:lnTo>
                  <a:lnTo>
                    <a:pt x="17426" y="10097"/>
                  </a:lnTo>
                  <a:lnTo>
                    <a:pt x="17419" y="10013"/>
                  </a:lnTo>
                  <a:lnTo>
                    <a:pt x="17398" y="9932"/>
                  </a:lnTo>
                  <a:lnTo>
                    <a:pt x="17363" y="9856"/>
                  </a:lnTo>
                  <a:lnTo>
                    <a:pt x="17340" y="9821"/>
                  </a:lnTo>
                  <a:lnTo>
                    <a:pt x="17135" y="9544"/>
                  </a:lnTo>
                  <a:lnTo>
                    <a:pt x="16519" y="8719"/>
                  </a:lnTo>
                  <a:lnTo>
                    <a:pt x="15732" y="7669"/>
                  </a:lnTo>
                  <a:lnTo>
                    <a:pt x="15722" y="7511"/>
                  </a:lnTo>
                  <a:lnTo>
                    <a:pt x="15705" y="7285"/>
                  </a:lnTo>
                  <a:lnTo>
                    <a:pt x="15662" y="6864"/>
                  </a:lnTo>
                  <a:lnTo>
                    <a:pt x="15602" y="6463"/>
                  </a:lnTo>
                  <a:lnTo>
                    <a:pt x="15525" y="6065"/>
                  </a:lnTo>
                  <a:lnTo>
                    <a:pt x="15477" y="5861"/>
                  </a:lnTo>
                  <a:lnTo>
                    <a:pt x="15457" y="5781"/>
                  </a:lnTo>
                  <a:lnTo>
                    <a:pt x="15391" y="5552"/>
                  </a:lnTo>
                  <a:lnTo>
                    <a:pt x="15315" y="5303"/>
                  </a:lnTo>
                  <a:lnTo>
                    <a:pt x="15250" y="5105"/>
                  </a:lnTo>
                  <a:lnTo>
                    <a:pt x="15230" y="5052"/>
                  </a:lnTo>
                  <a:lnTo>
                    <a:pt x="15201" y="4982"/>
                  </a:lnTo>
                  <a:lnTo>
                    <a:pt x="15137" y="4819"/>
                  </a:lnTo>
                  <a:lnTo>
                    <a:pt x="15084" y="4688"/>
                  </a:lnTo>
                  <a:lnTo>
                    <a:pt x="14969" y="4429"/>
                  </a:lnTo>
                  <a:lnTo>
                    <a:pt x="14844" y="4174"/>
                  </a:lnTo>
                  <a:lnTo>
                    <a:pt x="14709" y="3924"/>
                  </a:lnTo>
                  <a:lnTo>
                    <a:pt x="14564" y="3679"/>
                  </a:lnTo>
                  <a:lnTo>
                    <a:pt x="14410" y="3440"/>
                  </a:lnTo>
                  <a:lnTo>
                    <a:pt x="14246" y="3206"/>
                  </a:lnTo>
                  <a:lnTo>
                    <a:pt x="14074" y="2979"/>
                  </a:lnTo>
                  <a:lnTo>
                    <a:pt x="13892" y="2757"/>
                  </a:lnTo>
                  <a:lnTo>
                    <a:pt x="13702" y="2543"/>
                  </a:lnTo>
                  <a:lnTo>
                    <a:pt x="13504" y="2335"/>
                  </a:lnTo>
                  <a:lnTo>
                    <a:pt x="13298" y="2135"/>
                  </a:lnTo>
                  <a:lnTo>
                    <a:pt x="13085" y="1943"/>
                  </a:lnTo>
                  <a:lnTo>
                    <a:pt x="12864" y="1759"/>
                  </a:lnTo>
                  <a:lnTo>
                    <a:pt x="12636" y="1583"/>
                  </a:lnTo>
                  <a:lnTo>
                    <a:pt x="12401" y="1415"/>
                  </a:lnTo>
                  <a:lnTo>
                    <a:pt x="12280" y="1336"/>
                  </a:lnTo>
                  <a:lnTo>
                    <a:pt x="12130" y="1240"/>
                  </a:lnTo>
                  <a:lnTo>
                    <a:pt x="11803" y="1046"/>
                  </a:lnTo>
                  <a:lnTo>
                    <a:pt x="11474" y="868"/>
                  </a:lnTo>
                  <a:lnTo>
                    <a:pt x="11249" y="758"/>
                  </a:lnTo>
                  <a:lnTo>
                    <a:pt x="11116" y="699"/>
                  </a:lnTo>
                  <a:lnTo>
                    <a:pt x="11057" y="676"/>
                  </a:lnTo>
                  <a:lnTo>
                    <a:pt x="10980" y="645"/>
                  </a:lnTo>
                  <a:lnTo>
                    <a:pt x="10920" y="619"/>
                  </a:lnTo>
                  <a:lnTo>
                    <a:pt x="10844" y="587"/>
                  </a:lnTo>
                  <a:lnTo>
                    <a:pt x="10628" y="506"/>
                  </a:lnTo>
                  <a:lnTo>
                    <a:pt x="10384" y="421"/>
                  </a:lnTo>
                  <a:lnTo>
                    <a:pt x="10162" y="349"/>
                  </a:lnTo>
                  <a:lnTo>
                    <a:pt x="10079" y="326"/>
                  </a:lnTo>
                  <a:lnTo>
                    <a:pt x="9932" y="286"/>
                  </a:lnTo>
                  <a:lnTo>
                    <a:pt x="9703" y="227"/>
                  </a:lnTo>
                  <a:lnTo>
                    <a:pt x="9637" y="212"/>
                  </a:lnTo>
                  <a:lnTo>
                    <a:pt x="9478" y="179"/>
                  </a:lnTo>
                  <a:lnTo>
                    <a:pt x="9197" y="126"/>
                  </a:lnTo>
                  <a:lnTo>
                    <a:pt x="9020" y="96"/>
                  </a:lnTo>
                  <a:lnTo>
                    <a:pt x="8922" y="81"/>
                  </a:lnTo>
                  <a:lnTo>
                    <a:pt x="8554" y="38"/>
                  </a:lnTo>
                  <a:lnTo>
                    <a:pt x="8362" y="17"/>
                  </a:lnTo>
                  <a:lnTo>
                    <a:pt x="8279" y="11"/>
                  </a:lnTo>
                  <a:lnTo>
                    <a:pt x="7976" y="3"/>
                  </a:lnTo>
                  <a:lnTo>
                    <a:pt x="7630" y="0"/>
                  </a:lnTo>
                  <a:lnTo>
                    <a:pt x="7376" y="4"/>
                  </a:lnTo>
                  <a:lnTo>
                    <a:pt x="7337" y="9"/>
                  </a:lnTo>
                  <a:close/>
                </a:path>
              </a:pathLst>
            </a:custGeom>
            <a:solidFill>
              <a:srgbClr val="767171"/>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98" name="Freeform 6"/>
            <p:cNvSpPr>
              <a:spLocks/>
            </p:cNvSpPr>
            <p:nvPr/>
          </p:nvSpPr>
          <p:spPr bwMode="auto">
            <a:xfrm>
              <a:off x="3493" y="928"/>
              <a:ext cx="281" cy="283"/>
            </a:xfrm>
            <a:custGeom>
              <a:avLst/>
              <a:gdLst>
                <a:gd name="T0" fmla="*/ 355 w 1170"/>
                <a:gd name="T1" fmla="*/ 42 h 1180"/>
                <a:gd name="T2" fmla="*/ 326 w 1170"/>
                <a:gd name="T3" fmla="*/ 55 h 1180"/>
                <a:gd name="T4" fmla="*/ 272 w 1170"/>
                <a:gd name="T5" fmla="*/ 84 h 1180"/>
                <a:gd name="T6" fmla="*/ 223 w 1170"/>
                <a:gd name="T7" fmla="*/ 118 h 1180"/>
                <a:gd name="T8" fmla="*/ 178 w 1170"/>
                <a:gd name="T9" fmla="*/ 158 h 1180"/>
                <a:gd name="T10" fmla="*/ 138 w 1170"/>
                <a:gd name="T11" fmla="*/ 201 h 1180"/>
                <a:gd name="T12" fmla="*/ 102 w 1170"/>
                <a:gd name="T13" fmla="*/ 248 h 1180"/>
                <a:gd name="T14" fmla="*/ 72 w 1170"/>
                <a:gd name="T15" fmla="*/ 298 h 1180"/>
                <a:gd name="T16" fmla="*/ 46 w 1170"/>
                <a:gd name="T17" fmla="*/ 352 h 1180"/>
                <a:gd name="T18" fmla="*/ 27 w 1170"/>
                <a:gd name="T19" fmla="*/ 408 h 1180"/>
                <a:gd name="T20" fmla="*/ 12 w 1170"/>
                <a:gd name="T21" fmla="*/ 466 h 1180"/>
                <a:gd name="T22" fmla="*/ 3 w 1170"/>
                <a:gd name="T23" fmla="*/ 525 h 1180"/>
                <a:gd name="T24" fmla="*/ 0 w 1170"/>
                <a:gd name="T25" fmla="*/ 586 h 1180"/>
                <a:gd name="T26" fmla="*/ 3 w 1170"/>
                <a:gd name="T27" fmla="*/ 647 h 1180"/>
                <a:gd name="T28" fmla="*/ 12 w 1170"/>
                <a:gd name="T29" fmla="*/ 709 h 1180"/>
                <a:gd name="T30" fmla="*/ 28 w 1170"/>
                <a:gd name="T31" fmla="*/ 770 h 1180"/>
                <a:gd name="T32" fmla="*/ 50 w 1170"/>
                <a:gd name="T33" fmla="*/ 831 h 1180"/>
                <a:gd name="T34" fmla="*/ 63 w 1170"/>
                <a:gd name="T35" fmla="*/ 861 h 1180"/>
                <a:gd name="T36" fmla="*/ 83 w 1170"/>
                <a:gd name="T37" fmla="*/ 900 h 1180"/>
                <a:gd name="T38" fmla="*/ 130 w 1170"/>
                <a:gd name="T39" fmla="*/ 969 h 1180"/>
                <a:gd name="T40" fmla="*/ 185 w 1170"/>
                <a:gd name="T41" fmla="*/ 1029 h 1180"/>
                <a:gd name="T42" fmla="*/ 247 w 1170"/>
                <a:gd name="T43" fmla="*/ 1079 h 1180"/>
                <a:gd name="T44" fmla="*/ 314 w 1170"/>
                <a:gd name="T45" fmla="*/ 1119 h 1180"/>
                <a:gd name="T46" fmla="*/ 386 w 1170"/>
                <a:gd name="T47" fmla="*/ 1149 h 1180"/>
                <a:gd name="T48" fmla="*/ 461 w 1170"/>
                <a:gd name="T49" fmla="*/ 1169 h 1180"/>
                <a:gd name="T50" fmla="*/ 539 w 1170"/>
                <a:gd name="T51" fmla="*/ 1180 h 1180"/>
                <a:gd name="T52" fmla="*/ 617 w 1170"/>
                <a:gd name="T53" fmla="*/ 1180 h 1180"/>
                <a:gd name="T54" fmla="*/ 695 w 1170"/>
                <a:gd name="T55" fmla="*/ 1170 h 1180"/>
                <a:gd name="T56" fmla="*/ 771 w 1170"/>
                <a:gd name="T57" fmla="*/ 1150 h 1180"/>
                <a:gd name="T58" fmla="*/ 845 w 1170"/>
                <a:gd name="T59" fmla="*/ 1121 h 1180"/>
                <a:gd name="T60" fmla="*/ 915 w 1170"/>
                <a:gd name="T61" fmla="*/ 1081 h 1180"/>
                <a:gd name="T62" fmla="*/ 980 w 1170"/>
                <a:gd name="T63" fmla="*/ 1032 h 1180"/>
                <a:gd name="T64" fmla="*/ 1039 w 1170"/>
                <a:gd name="T65" fmla="*/ 972 h 1180"/>
                <a:gd name="T66" fmla="*/ 1091 w 1170"/>
                <a:gd name="T67" fmla="*/ 903 h 1180"/>
                <a:gd name="T68" fmla="*/ 1113 w 1170"/>
                <a:gd name="T69" fmla="*/ 864 h 1180"/>
                <a:gd name="T70" fmla="*/ 1132 w 1170"/>
                <a:gd name="T71" fmla="*/ 829 h 1180"/>
                <a:gd name="T72" fmla="*/ 1155 w 1170"/>
                <a:gd name="T73" fmla="*/ 776 h 1180"/>
                <a:gd name="T74" fmla="*/ 1166 w 1170"/>
                <a:gd name="T75" fmla="*/ 722 h 1180"/>
                <a:gd name="T76" fmla="*/ 1170 w 1170"/>
                <a:gd name="T77" fmla="*/ 647 h 1180"/>
                <a:gd name="T78" fmla="*/ 1170 w 1170"/>
                <a:gd name="T79" fmla="*/ 592 h 1180"/>
                <a:gd name="T80" fmla="*/ 1170 w 1170"/>
                <a:gd name="T81" fmla="*/ 540 h 1180"/>
                <a:gd name="T82" fmla="*/ 1166 w 1170"/>
                <a:gd name="T83" fmla="*/ 465 h 1180"/>
                <a:gd name="T84" fmla="*/ 1156 w 1170"/>
                <a:gd name="T85" fmla="*/ 411 h 1180"/>
                <a:gd name="T86" fmla="*/ 1136 w 1170"/>
                <a:gd name="T87" fmla="*/ 360 h 1180"/>
                <a:gd name="T88" fmla="*/ 1120 w 1170"/>
                <a:gd name="T89" fmla="*/ 329 h 1180"/>
                <a:gd name="T90" fmla="*/ 1108 w 1170"/>
                <a:gd name="T91" fmla="*/ 306 h 1180"/>
                <a:gd name="T92" fmla="*/ 1078 w 1170"/>
                <a:gd name="T93" fmla="*/ 259 h 1180"/>
                <a:gd name="T94" fmla="*/ 1044 w 1170"/>
                <a:gd name="T95" fmla="*/ 215 h 1180"/>
                <a:gd name="T96" fmla="*/ 1004 w 1170"/>
                <a:gd name="T97" fmla="*/ 172 h 1180"/>
                <a:gd name="T98" fmla="*/ 962 w 1170"/>
                <a:gd name="T99" fmla="*/ 133 h 1180"/>
                <a:gd name="T100" fmla="*/ 918 w 1170"/>
                <a:gd name="T101" fmla="*/ 98 h 1180"/>
                <a:gd name="T102" fmla="*/ 872 w 1170"/>
                <a:gd name="T103" fmla="*/ 68 h 1180"/>
                <a:gd name="T104" fmla="*/ 826 w 1170"/>
                <a:gd name="T105" fmla="*/ 45 h 1180"/>
                <a:gd name="T106" fmla="*/ 803 w 1170"/>
                <a:gd name="T107" fmla="*/ 36 h 1180"/>
                <a:gd name="T108" fmla="*/ 778 w 1170"/>
                <a:gd name="T109" fmla="*/ 27 h 1180"/>
                <a:gd name="T110" fmla="*/ 724 w 1170"/>
                <a:gd name="T111" fmla="*/ 13 h 1180"/>
                <a:gd name="T112" fmla="*/ 667 w 1170"/>
                <a:gd name="T113" fmla="*/ 4 h 1180"/>
                <a:gd name="T114" fmla="*/ 608 w 1170"/>
                <a:gd name="T115" fmla="*/ 0 h 1180"/>
                <a:gd name="T116" fmla="*/ 548 w 1170"/>
                <a:gd name="T117" fmla="*/ 1 h 1180"/>
                <a:gd name="T118" fmla="*/ 490 w 1170"/>
                <a:gd name="T119" fmla="*/ 7 h 1180"/>
                <a:gd name="T120" fmla="*/ 433 w 1170"/>
                <a:gd name="T121" fmla="*/ 17 h 1180"/>
                <a:gd name="T122" fmla="*/ 380 w 1170"/>
                <a:gd name="T123" fmla="*/ 33 h 1180"/>
                <a:gd name="T124" fmla="*/ 355 w 1170"/>
                <a:gd name="T125" fmla="*/ 42 h 1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170" h="1180">
                  <a:moveTo>
                    <a:pt x="355" y="42"/>
                  </a:moveTo>
                  <a:lnTo>
                    <a:pt x="326" y="55"/>
                  </a:lnTo>
                  <a:lnTo>
                    <a:pt x="272" y="84"/>
                  </a:lnTo>
                  <a:lnTo>
                    <a:pt x="223" y="118"/>
                  </a:lnTo>
                  <a:lnTo>
                    <a:pt x="178" y="158"/>
                  </a:lnTo>
                  <a:lnTo>
                    <a:pt x="138" y="201"/>
                  </a:lnTo>
                  <a:lnTo>
                    <a:pt x="102" y="248"/>
                  </a:lnTo>
                  <a:lnTo>
                    <a:pt x="72" y="298"/>
                  </a:lnTo>
                  <a:lnTo>
                    <a:pt x="46" y="352"/>
                  </a:lnTo>
                  <a:lnTo>
                    <a:pt x="27" y="408"/>
                  </a:lnTo>
                  <a:lnTo>
                    <a:pt x="12" y="466"/>
                  </a:lnTo>
                  <a:lnTo>
                    <a:pt x="3" y="525"/>
                  </a:lnTo>
                  <a:lnTo>
                    <a:pt x="0" y="586"/>
                  </a:lnTo>
                  <a:lnTo>
                    <a:pt x="3" y="647"/>
                  </a:lnTo>
                  <a:lnTo>
                    <a:pt x="12" y="709"/>
                  </a:lnTo>
                  <a:lnTo>
                    <a:pt x="28" y="770"/>
                  </a:lnTo>
                  <a:lnTo>
                    <a:pt x="50" y="831"/>
                  </a:lnTo>
                  <a:lnTo>
                    <a:pt x="63" y="861"/>
                  </a:lnTo>
                  <a:lnTo>
                    <a:pt x="83" y="900"/>
                  </a:lnTo>
                  <a:lnTo>
                    <a:pt x="130" y="969"/>
                  </a:lnTo>
                  <a:lnTo>
                    <a:pt x="185" y="1029"/>
                  </a:lnTo>
                  <a:lnTo>
                    <a:pt x="247" y="1079"/>
                  </a:lnTo>
                  <a:lnTo>
                    <a:pt x="314" y="1119"/>
                  </a:lnTo>
                  <a:lnTo>
                    <a:pt x="386" y="1149"/>
                  </a:lnTo>
                  <a:lnTo>
                    <a:pt x="461" y="1169"/>
                  </a:lnTo>
                  <a:lnTo>
                    <a:pt x="539" y="1180"/>
                  </a:lnTo>
                  <a:lnTo>
                    <a:pt x="617" y="1180"/>
                  </a:lnTo>
                  <a:lnTo>
                    <a:pt x="695" y="1170"/>
                  </a:lnTo>
                  <a:lnTo>
                    <a:pt x="771" y="1150"/>
                  </a:lnTo>
                  <a:lnTo>
                    <a:pt x="845" y="1121"/>
                  </a:lnTo>
                  <a:lnTo>
                    <a:pt x="915" y="1081"/>
                  </a:lnTo>
                  <a:lnTo>
                    <a:pt x="980" y="1032"/>
                  </a:lnTo>
                  <a:lnTo>
                    <a:pt x="1039" y="972"/>
                  </a:lnTo>
                  <a:lnTo>
                    <a:pt x="1091" y="903"/>
                  </a:lnTo>
                  <a:lnTo>
                    <a:pt x="1113" y="864"/>
                  </a:lnTo>
                  <a:lnTo>
                    <a:pt x="1132" y="829"/>
                  </a:lnTo>
                  <a:lnTo>
                    <a:pt x="1155" y="776"/>
                  </a:lnTo>
                  <a:lnTo>
                    <a:pt x="1166" y="722"/>
                  </a:lnTo>
                  <a:lnTo>
                    <a:pt x="1170" y="647"/>
                  </a:lnTo>
                  <a:lnTo>
                    <a:pt x="1170" y="592"/>
                  </a:lnTo>
                  <a:lnTo>
                    <a:pt x="1170" y="540"/>
                  </a:lnTo>
                  <a:lnTo>
                    <a:pt x="1166" y="465"/>
                  </a:lnTo>
                  <a:lnTo>
                    <a:pt x="1156" y="411"/>
                  </a:lnTo>
                  <a:lnTo>
                    <a:pt x="1136" y="360"/>
                  </a:lnTo>
                  <a:lnTo>
                    <a:pt x="1120" y="329"/>
                  </a:lnTo>
                  <a:lnTo>
                    <a:pt x="1108" y="306"/>
                  </a:lnTo>
                  <a:lnTo>
                    <a:pt x="1078" y="259"/>
                  </a:lnTo>
                  <a:lnTo>
                    <a:pt x="1044" y="215"/>
                  </a:lnTo>
                  <a:lnTo>
                    <a:pt x="1004" y="172"/>
                  </a:lnTo>
                  <a:lnTo>
                    <a:pt x="962" y="133"/>
                  </a:lnTo>
                  <a:lnTo>
                    <a:pt x="918" y="98"/>
                  </a:lnTo>
                  <a:lnTo>
                    <a:pt x="872" y="68"/>
                  </a:lnTo>
                  <a:lnTo>
                    <a:pt x="826" y="45"/>
                  </a:lnTo>
                  <a:lnTo>
                    <a:pt x="803" y="36"/>
                  </a:lnTo>
                  <a:lnTo>
                    <a:pt x="778" y="27"/>
                  </a:lnTo>
                  <a:lnTo>
                    <a:pt x="724" y="13"/>
                  </a:lnTo>
                  <a:lnTo>
                    <a:pt x="667" y="4"/>
                  </a:lnTo>
                  <a:lnTo>
                    <a:pt x="608" y="0"/>
                  </a:lnTo>
                  <a:lnTo>
                    <a:pt x="548" y="1"/>
                  </a:lnTo>
                  <a:lnTo>
                    <a:pt x="490" y="7"/>
                  </a:lnTo>
                  <a:lnTo>
                    <a:pt x="433" y="17"/>
                  </a:lnTo>
                  <a:lnTo>
                    <a:pt x="380" y="33"/>
                  </a:lnTo>
                  <a:lnTo>
                    <a:pt x="355" y="42"/>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99" name="Freeform 7"/>
            <p:cNvSpPr>
              <a:spLocks/>
            </p:cNvSpPr>
            <p:nvPr/>
          </p:nvSpPr>
          <p:spPr bwMode="auto">
            <a:xfrm>
              <a:off x="4310" y="1741"/>
              <a:ext cx="281" cy="284"/>
            </a:xfrm>
            <a:custGeom>
              <a:avLst/>
              <a:gdLst>
                <a:gd name="T0" fmla="*/ 450 w 1173"/>
                <a:gd name="T1" fmla="*/ 19 h 1183"/>
                <a:gd name="T2" fmla="*/ 415 w 1173"/>
                <a:gd name="T3" fmla="*/ 28 h 1183"/>
                <a:gd name="T4" fmla="*/ 349 w 1173"/>
                <a:gd name="T5" fmla="*/ 51 h 1183"/>
                <a:gd name="T6" fmla="*/ 290 w 1173"/>
                <a:gd name="T7" fmla="*/ 78 h 1183"/>
                <a:gd name="T8" fmla="*/ 236 w 1173"/>
                <a:gd name="T9" fmla="*/ 110 h 1183"/>
                <a:gd name="T10" fmla="*/ 187 w 1173"/>
                <a:gd name="T11" fmla="*/ 148 h 1183"/>
                <a:gd name="T12" fmla="*/ 144 w 1173"/>
                <a:gd name="T13" fmla="*/ 191 h 1183"/>
                <a:gd name="T14" fmla="*/ 105 w 1173"/>
                <a:gd name="T15" fmla="*/ 240 h 1183"/>
                <a:gd name="T16" fmla="*/ 71 w 1173"/>
                <a:gd name="T17" fmla="*/ 296 h 1183"/>
                <a:gd name="T18" fmla="*/ 55 w 1173"/>
                <a:gd name="T19" fmla="*/ 326 h 1183"/>
                <a:gd name="T20" fmla="*/ 37 w 1173"/>
                <a:gd name="T21" fmla="*/ 362 h 1183"/>
                <a:gd name="T22" fmla="*/ 15 w 1173"/>
                <a:gd name="T23" fmla="*/ 418 h 1183"/>
                <a:gd name="T24" fmla="*/ 4 w 1173"/>
                <a:gd name="T25" fmla="*/ 474 h 1183"/>
                <a:gd name="T26" fmla="*/ 0 w 1173"/>
                <a:gd name="T27" fmla="*/ 550 h 1183"/>
                <a:gd name="T28" fmla="*/ 0 w 1173"/>
                <a:gd name="T29" fmla="*/ 604 h 1183"/>
                <a:gd name="T30" fmla="*/ 1 w 1173"/>
                <a:gd name="T31" fmla="*/ 658 h 1183"/>
                <a:gd name="T32" fmla="*/ 5 w 1173"/>
                <a:gd name="T33" fmla="*/ 733 h 1183"/>
                <a:gd name="T34" fmla="*/ 16 w 1173"/>
                <a:gd name="T35" fmla="*/ 787 h 1183"/>
                <a:gd name="T36" fmla="*/ 37 w 1173"/>
                <a:gd name="T37" fmla="*/ 840 h 1183"/>
                <a:gd name="T38" fmla="*/ 54 w 1173"/>
                <a:gd name="T39" fmla="*/ 873 h 1183"/>
                <a:gd name="T40" fmla="*/ 74 w 1173"/>
                <a:gd name="T41" fmla="*/ 910 h 1183"/>
                <a:gd name="T42" fmla="*/ 121 w 1173"/>
                <a:gd name="T43" fmla="*/ 977 h 1183"/>
                <a:gd name="T44" fmla="*/ 174 w 1173"/>
                <a:gd name="T45" fmla="*/ 1035 h 1183"/>
                <a:gd name="T46" fmla="*/ 235 w 1173"/>
                <a:gd name="T47" fmla="*/ 1084 h 1183"/>
                <a:gd name="T48" fmla="*/ 301 w 1173"/>
                <a:gd name="T49" fmla="*/ 1123 h 1183"/>
                <a:gd name="T50" fmla="*/ 375 w 1173"/>
                <a:gd name="T51" fmla="*/ 1152 h 1183"/>
                <a:gd name="T52" fmla="*/ 454 w 1173"/>
                <a:gd name="T53" fmla="*/ 1172 h 1183"/>
                <a:gd name="T54" fmla="*/ 539 w 1173"/>
                <a:gd name="T55" fmla="*/ 1182 h 1183"/>
                <a:gd name="T56" fmla="*/ 584 w 1173"/>
                <a:gd name="T57" fmla="*/ 1183 h 1183"/>
                <a:gd name="T58" fmla="*/ 614 w 1173"/>
                <a:gd name="T59" fmla="*/ 1183 h 1183"/>
                <a:gd name="T60" fmla="*/ 671 w 1173"/>
                <a:gd name="T61" fmla="*/ 1178 h 1183"/>
                <a:gd name="T62" fmla="*/ 726 w 1173"/>
                <a:gd name="T63" fmla="*/ 1169 h 1183"/>
                <a:gd name="T64" fmla="*/ 777 w 1173"/>
                <a:gd name="T65" fmla="*/ 1155 h 1183"/>
                <a:gd name="T66" fmla="*/ 826 w 1173"/>
                <a:gd name="T67" fmla="*/ 1136 h 1183"/>
                <a:gd name="T68" fmla="*/ 874 w 1173"/>
                <a:gd name="T69" fmla="*/ 1111 h 1183"/>
                <a:gd name="T70" fmla="*/ 920 w 1173"/>
                <a:gd name="T71" fmla="*/ 1080 h 1183"/>
                <a:gd name="T72" fmla="*/ 966 w 1173"/>
                <a:gd name="T73" fmla="*/ 1043 h 1183"/>
                <a:gd name="T74" fmla="*/ 989 w 1173"/>
                <a:gd name="T75" fmla="*/ 1023 h 1183"/>
                <a:gd name="T76" fmla="*/ 1022 w 1173"/>
                <a:gd name="T77" fmla="*/ 990 h 1183"/>
                <a:gd name="T78" fmla="*/ 1078 w 1173"/>
                <a:gd name="T79" fmla="*/ 916 h 1183"/>
                <a:gd name="T80" fmla="*/ 1122 w 1173"/>
                <a:gd name="T81" fmla="*/ 834 h 1183"/>
                <a:gd name="T82" fmla="*/ 1153 w 1173"/>
                <a:gd name="T83" fmla="*/ 747 h 1183"/>
                <a:gd name="T84" fmla="*/ 1170 w 1173"/>
                <a:gd name="T85" fmla="*/ 656 h 1183"/>
                <a:gd name="T86" fmla="*/ 1173 w 1173"/>
                <a:gd name="T87" fmla="*/ 564 h 1183"/>
                <a:gd name="T88" fmla="*/ 1162 w 1173"/>
                <a:gd name="T89" fmla="*/ 471 h 1183"/>
                <a:gd name="T90" fmla="*/ 1136 w 1173"/>
                <a:gd name="T91" fmla="*/ 381 h 1183"/>
                <a:gd name="T92" fmla="*/ 1117 w 1173"/>
                <a:gd name="T93" fmla="*/ 338 h 1183"/>
                <a:gd name="T94" fmla="*/ 1103 w 1173"/>
                <a:gd name="T95" fmla="*/ 311 h 1183"/>
                <a:gd name="T96" fmla="*/ 1069 w 1173"/>
                <a:gd name="T97" fmla="*/ 258 h 1183"/>
                <a:gd name="T98" fmla="*/ 1028 w 1173"/>
                <a:gd name="T99" fmla="*/ 209 h 1183"/>
                <a:gd name="T100" fmla="*/ 981 w 1173"/>
                <a:gd name="T101" fmla="*/ 162 h 1183"/>
                <a:gd name="T102" fmla="*/ 929 w 1173"/>
                <a:gd name="T103" fmla="*/ 120 h 1183"/>
                <a:gd name="T104" fmla="*/ 873 w 1173"/>
                <a:gd name="T105" fmla="*/ 84 h 1183"/>
                <a:gd name="T106" fmla="*/ 814 w 1173"/>
                <a:gd name="T107" fmla="*/ 53 h 1183"/>
                <a:gd name="T108" fmla="*/ 753 w 1173"/>
                <a:gd name="T109" fmla="*/ 28 h 1183"/>
                <a:gd name="T110" fmla="*/ 722 w 1173"/>
                <a:gd name="T111" fmla="*/ 19 h 1183"/>
                <a:gd name="T112" fmla="*/ 684 w 1173"/>
                <a:gd name="T113" fmla="*/ 10 h 1183"/>
                <a:gd name="T114" fmla="*/ 619 w 1173"/>
                <a:gd name="T115" fmla="*/ 0 h 1183"/>
                <a:gd name="T116" fmla="*/ 558 w 1173"/>
                <a:gd name="T117" fmla="*/ 0 h 1183"/>
                <a:gd name="T118" fmla="*/ 490 w 1173"/>
                <a:gd name="T119" fmla="*/ 10 h 1183"/>
                <a:gd name="T120" fmla="*/ 450 w 1173"/>
                <a:gd name="T121" fmla="*/ 19 h 11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173" h="1183">
                  <a:moveTo>
                    <a:pt x="450" y="19"/>
                  </a:moveTo>
                  <a:lnTo>
                    <a:pt x="415" y="28"/>
                  </a:lnTo>
                  <a:lnTo>
                    <a:pt x="349" y="51"/>
                  </a:lnTo>
                  <a:lnTo>
                    <a:pt x="290" y="78"/>
                  </a:lnTo>
                  <a:lnTo>
                    <a:pt x="236" y="110"/>
                  </a:lnTo>
                  <a:lnTo>
                    <a:pt x="187" y="148"/>
                  </a:lnTo>
                  <a:lnTo>
                    <a:pt x="144" y="191"/>
                  </a:lnTo>
                  <a:lnTo>
                    <a:pt x="105" y="240"/>
                  </a:lnTo>
                  <a:lnTo>
                    <a:pt x="71" y="296"/>
                  </a:lnTo>
                  <a:lnTo>
                    <a:pt x="55" y="326"/>
                  </a:lnTo>
                  <a:lnTo>
                    <a:pt x="37" y="362"/>
                  </a:lnTo>
                  <a:lnTo>
                    <a:pt x="15" y="418"/>
                  </a:lnTo>
                  <a:lnTo>
                    <a:pt x="4" y="474"/>
                  </a:lnTo>
                  <a:lnTo>
                    <a:pt x="0" y="550"/>
                  </a:lnTo>
                  <a:lnTo>
                    <a:pt x="0" y="604"/>
                  </a:lnTo>
                  <a:lnTo>
                    <a:pt x="1" y="658"/>
                  </a:lnTo>
                  <a:lnTo>
                    <a:pt x="5" y="733"/>
                  </a:lnTo>
                  <a:lnTo>
                    <a:pt x="16" y="787"/>
                  </a:lnTo>
                  <a:lnTo>
                    <a:pt x="37" y="840"/>
                  </a:lnTo>
                  <a:lnTo>
                    <a:pt x="54" y="873"/>
                  </a:lnTo>
                  <a:lnTo>
                    <a:pt x="74" y="910"/>
                  </a:lnTo>
                  <a:lnTo>
                    <a:pt x="121" y="977"/>
                  </a:lnTo>
                  <a:lnTo>
                    <a:pt x="174" y="1035"/>
                  </a:lnTo>
                  <a:lnTo>
                    <a:pt x="235" y="1084"/>
                  </a:lnTo>
                  <a:lnTo>
                    <a:pt x="301" y="1123"/>
                  </a:lnTo>
                  <a:lnTo>
                    <a:pt x="375" y="1152"/>
                  </a:lnTo>
                  <a:lnTo>
                    <a:pt x="454" y="1172"/>
                  </a:lnTo>
                  <a:lnTo>
                    <a:pt x="539" y="1182"/>
                  </a:lnTo>
                  <a:lnTo>
                    <a:pt x="584" y="1183"/>
                  </a:lnTo>
                  <a:lnTo>
                    <a:pt x="614" y="1183"/>
                  </a:lnTo>
                  <a:lnTo>
                    <a:pt x="671" y="1178"/>
                  </a:lnTo>
                  <a:lnTo>
                    <a:pt x="726" y="1169"/>
                  </a:lnTo>
                  <a:lnTo>
                    <a:pt x="777" y="1155"/>
                  </a:lnTo>
                  <a:lnTo>
                    <a:pt x="826" y="1136"/>
                  </a:lnTo>
                  <a:lnTo>
                    <a:pt x="874" y="1111"/>
                  </a:lnTo>
                  <a:lnTo>
                    <a:pt x="920" y="1080"/>
                  </a:lnTo>
                  <a:lnTo>
                    <a:pt x="966" y="1043"/>
                  </a:lnTo>
                  <a:lnTo>
                    <a:pt x="989" y="1023"/>
                  </a:lnTo>
                  <a:lnTo>
                    <a:pt x="1022" y="990"/>
                  </a:lnTo>
                  <a:lnTo>
                    <a:pt x="1078" y="916"/>
                  </a:lnTo>
                  <a:lnTo>
                    <a:pt x="1122" y="834"/>
                  </a:lnTo>
                  <a:lnTo>
                    <a:pt x="1153" y="747"/>
                  </a:lnTo>
                  <a:lnTo>
                    <a:pt x="1170" y="656"/>
                  </a:lnTo>
                  <a:lnTo>
                    <a:pt x="1173" y="564"/>
                  </a:lnTo>
                  <a:lnTo>
                    <a:pt x="1162" y="471"/>
                  </a:lnTo>
                  <a:lnTo>
                    <a:pt x="1136" y="381"/>
                  </a:lnTo>
                  <a:lnTo>
                    <a:pt x="1117" y="338"/>
                  </a:lnTo>
                  <a:lnTo>
                    <a:pt x="1103" y="311"/>
                  </a:lnTo>
                  <a:lnTo>
                    <a:pt x="1069" y="258"/>
                  </a:lnTo>
                  <a:lnTo>
                    <a:pt x="1028" y="209"/>
                  </a:lnTo>
                  <a:lnTo>
                    <a:pt x="981" y="162"/>
                  </a:lnTo>
                  <a:lnTo>
                    <a:pt x="929" y="120"/>
                  </a:lnTo>
                  <a:lnTo>
                    <a:pt x="873" y="84"/>
                  </a:lnTo>
                  <a:lnTo>
                    <a:pt x="814" y="53"/>
                  </a:lnTo>
                  <a:lnTo>
                    <a:pt x="753" y="28"/>
                  </a:lnTo>
                  <a:lnTo>
                    <a:pt x="722" y="19"/>
                  </a:lnTo>
                  <a:lnTo>
                    <a:pt x="684" y="10"/>
                  </a:lnTo>
                  <a:lnTo>
                    <a:pt x="619" y="0"/>
                  </a:lnTo>
                  <a:lnTo>
                    <a:pt x="558" y="0"/>
                  </a:lnTo>
                  <a:lnTo>
                    <a:pt x="490" y="10"/>
                  </a:lnTo>
                  <a:lnTo>
                    <a:pt x="450" y="19"/>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100" name="Freeform 8"/>
            <p:cNvSpPr>
              <a:spLocks/>
            </p:cNvSpPr>
            <p:nvPr/>
          </p:nvSpPr>
          <p:spPr bwMode="auto">
            <a:xfrm>
              <a:off x="3494" y="2557"/>
              <a:ext cx="280" cy="284"/>
            </a:xfrm>
            <a:custGeom>
              <a:avLst/>
              <a:gdLst>
                <a:gd name="T0" fmla="*/ 403 w 1165"/>
                <a:gd name="T1" fmla="*/ 27 h 1182"/>
                <a:gd name="T2" fmla="*/ 370 w 1165"/>
                <a:gd name="T3" fmla="*/ 38 h 1182"/>
                <a:gd name="T4" fmla="*/ 310 w 1165"/>
                <a:gd name="T5" fmla="*/ 63 h 1182"/>
                <a:gd name="T6" fmla="*/ 256 w 1165"/>
                <a:gd name="T7" fmla="*/ 92 h 1182"/>
                <a:gd name="T8" fmla="*/ 207 w 1165"/>
                <a:gd name="T9" fmla="*/ 126 h 1182"/>
                <a:gd name="T10" fmla="*/ 163 w 1165"/>
                <a:gd name="T11" fmla="*/ 164 h 1182"/>
                <a:gd name="T12" fmla="*/ 124 w 1165"/>
                <a:gd name="T13" fmla="*/ 208 h 1182"/>
                <a:gd name="T14" fmla="*/ 89 w 1165"/>
                <a:gd name="T15" fmla="*/ 257 h 1182"/>
                <a:gd name="T16" fmla="*/ 58 w 1165"/>
                <a:gd name="T17" fmla="*/ 313 h 1182"/>
                <a:gd name="T18" fmla="*/ 43 w 1165"/>
                <a:gd name="T19" fmla="*/ 343 h 1182"/>
                <a:gd name="T20" fmla="*/ 32 w 1165"/>
                <a:gd name="T21" fmla="*/ 371 h 1182"/>
                <a:gd name="T22" fmla="*/ 15 w 1165"/>
                <a:gd name="T23" fmla="*/ 420 h 1182"/>
                <a:gd name="T24" fmla="*/ 5 w 1165"/>
                <a:gd name="T25" fmla="*/ 473 h 1182"/>
                <a:gd name="T26" fmla="*/ 1 w 1165"/>
                <a:gd name="T27" fmla="*/ 537 h 1182"/>
                <a:gd name="T28" fmla="*/ 0 w 1165"/>
                <a:gd name="T29" fmla="*/ 578 h 1182"/>
                <a:gd name="T30" fmla="*/ 1 w 1165"/>
                <a:gd name="T31" fmla="*/ 636 h 1182"/>
                <a:gd name="T32" fmla="*/ 10 w 1165"/>
                <a:gd name="T33" fmla="*/ 732 h 1182"/>
                <a:gd name="T34" fmla="*/ 33 w 1165"/>
                <a:gd name="T35" fmla="*/ 814 h 1182"/>
                <a:gd name="T36" fmla="*/ 73 w 1165"/>
                <a:gd name="T37" fmla="*/ 895 h 1182"/>
                <a:gd name="T38" fmla="*/ 102 w 1165"/>
                <a:gd name="T39" fmla="*/ 940 h 1182"/>
                <a:gd name="T40" fmla="*/ 129 w 1165"/>
                <a:gd name="T41" fmla="*/ 978 h 1182"/>
                <a:gd name="T42" fmla="*/ 195 w 1165"/>
                <a:gd name="T43" fmla="*/ 1044 h 1182"/>
                <a:gd name="T44" fmla="*/ 273 w 1165"/>
                <a:gd name="T45" fmla="*/ 1099 h 1182"/>
                <a:gd name="T46" fmla="*/ 361 w 1165"/>
                <a:gd name="T47" fmla="*/ 1141 h 1182"/>
                <a:gd name="T48" fmla="*/ 455 w 1165"/>
                <a:gd name="T49" fmla="*/ 1169 h 1182"/>
                <a:gd name="T50" fmla="*/ 553 w 1165"/>
                <a:gd name="T51" fmla="*/ 1182 h 1182"/>
                <a:gd name="T52" fmla="*/ 651 w 1165"/>
                <a:gd name="T53" fmla="*/ 1181 h 1182"/>
                <a:gd name="T54" fmla="*/ 747 w 1165"/>
                <a:gd name="T55" fmla="*/ 1163 h 1182"/>
                <a:gd name="T56" fmla="*/ 793 w 1165"/>
                <a:gd name="T57" fmla="*/ 1147 h 1182"/>
                <a:gd name="T58" fmla="*/ 817 w 1165"/>
                <a:gd name="T59" fmla="*/ 1137 h 1182"/>
                <a:gd name="T60" fmla="*/ 865 w 1165"/>
                <a:gd name="T61" fmla="*/ 1112 h 1182"/>
                <a:gd name="T62" fmla="*/ 912 w 1165"/>
                <a:gd name="T63" fmla="*/ 1082 h 1182"/>
                <a:gd name="T64" fmla="*/ 957 w 1165"/>
                <a:gd name="T65" fmla="*/ 1046 h 1182"/>
                <a:gd name="T66" fmla="*/ 1000 w 1165"/>
                <a:gd name="T67" fmla="*/ 1007 h 1182"/>
                <a:gd name="T68" fmla="*/ 1039 w 1165"/>
                <a:gd name="T69" fmla="*/ 965 h 1182"/>
                <a:gd name="T70" fmla="*/ 1073 w 1165"/>
                <a:gd name="T71" fmla="*/ 920 h 1182"/>
                <a:gd name="T72" fmla="*/ 1103 w 1165"/>
                <a:gd name="T73" fmla="*/ 873 h 1182"/>
                <a:gd name="T74" fmla="*/ 1115 w 1165"/>
                <a:gd name="T75" fmla="*/ 850 h 1182"/>
                <a:gd name="T76" fmla="*/ 1131 w 1165"/>
                <a:gd name="T77" fmla="*/ 819 h 1182"/>
                <a:gd name="T78" fmla="*/ 1151 w 1165"/>
                <a:gd name="T79" fmla="*/ 768 h 1182"/>
                <a:gd name="T80" fmla="*/ 1161 w 1165"/>
                <a:gd name="T81" fmla="*/ 714 h 1182"/>
                <a:gd name="T82" fmla="*/ 1165 w 1165"/>
                <a:gd name="T83" fmla="*/ 640 h 1182"/>
                <a:gd name="T84" fmla="*/ 1165 w 1165"/>
                <a:gd name="T85" fmla="*/ 587 h 1182"/>
                <a:gd name="T86" fmla="*/ 1164 w 1165"/>
                <a:gd name="T87" fmla="*/ 523 h 1182"/>
                <a:gd name="T88" fmla="*/ 1157 w 1165"/>
                <a:gd name="T89" fmla="*/ 446 h 1182"/>
                <a:gd name="T90" fmla="*/ 1148 w 1165"/>
                <a:gd name="T91" fmla="*/ 402 h 1182"/>
                <a:gd name="T92" fmla="*/ 1134 w 1165"/>
                <a:gd name="T93" fmla="*/ 360 h 1182"/>
                <a:gd name="T94" fmla="*/ 1114 w 1165"/>
                <a:gd name="T95" fmla="*/ 320 h 1182"/>
                <a:gd name="T96" fmla="*/ 1075 w 1165"/>
                <a:gd name="T97" fmla="*/ 258 h 1182"/>
                <a:gd name="T98" fmla="*/ 1038 w 1165"/>
                <a:gd name="T99" fmla="*/ 210 h 1182"/>
                <a:gd name="T100" fmla="*/ 1011 w 1165"/>
                <a:gd name="T101" fmla="*/ 177 h 1182"/>
                <a:gd name="T102" fmla="*/ 947 w 1165"/>
                <a:gd name="T103" fmla="*/ 120 h 1182"/>
                <a:gd name="T104" fmla="*/ 875 w 1165"/>
                <a:gd name="T105" fmla="*/ 72 h 1182"/>
                <a:gd name="T106" fmla="*/ 796 w 1165"/>
                <a:gd name="T107" fmla="*/ 37 h 1182"/>
                <a:gd name="T108" fmla="*/ 712 w 1165"/>
                <a:gd name="T109" fmla="*/ 12 h 1182"/>
                <a:gd name="T110" fmla="*/ 624 w 1165"/>
                <a:gd name="T111" fmla="*/ 0 h 1182"/>
                <a:gd name="T112" fmla="*/ 535 w 1165"/>
                <a:gd name="T113" fmla="*/ 0 h 1182"/>
                <a:gd name="T114" fmla="*/ 447 w 1165"/>
                <a:gd name="T115" fmla="*/ 14 h 1182"/>
                <a:gd name="T116" fmla="*/ 403 w 1165"/>
                <a:gd name="T117" fmla="*/ 27 h 1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165" h="1182">
                  <a:moveTo>
                    <a:pt x="403" y="27"/>
                  </a:moveTo>
                  <a:lnTo>
                    <a:pt x="370" y="38"/>
                  </a:lnTo>
                  <a:lnTo>
                    <a:pt x="310" y="63"/>
                  </a:lnTo>
                  <a:lnTo>
                    <a:pt x="256" y="92"/>
                  </a:lnTo>
                  <a:lnTo>
                    <a:pt x="207" y="126"/>
                  </a:lnTo>
                  <a:lnTo>
                    <a:pt x="163" y="164"/>
                  </a:lnTo>
                  <a:lnTo>
                    <a:pt x="124" y="208"/>
                  </a:lnTo>
                  <a:lnTo>
                    <a:pt x="89" y="257"/>
                  </a:lnTo>
                  <a:lnTo>
                    <a:pt x="58" y="313"/>
                  </a:lnTo>
                  <a:lnTo>
                    <a:pt x="43" y="343"/>
                  </a:lnTo>
                  <a:lnTo>
                    <a:pt x="32" y="371"/>
                  </a:lnTo>
                  <a:lnTo>
                    <a:pt x="15" y="420"/>
                  </a:lnTo>
                  <a:lnTo>
                    <a:pt x="5" y="473"/>
                  </a:lnTo>
                  <a:lnTo>
                    <a:pt x="1" y="537"/>
                  </a:lnTo>
                  <a:lnTo>
                    <a:pt x="0" y="578"/>
                  </a:lnTo>
                  <a:lnTo>
                    <a:pt x="1" y="636"/>
                  </a:lnTo>
                  <a:lnTo>
                    <a:pt x="10" y="732"/>
                  </a:lnTo>
                  <a:lnTo>
                    <a:pt x="33" y="814"/>
                  </a:lnTo>
                  <a:lnTo>
                    <a:pt x="73" y="895"/>
                  </a:lnTo>
                  <a:lnTo>
                    <a:pt x="102" y="940"/>
                  </a:lnTo>
                  <a:lnTo>
                    <a:pt x="129" y="978"/>
                  </a:lnTo>
                  <a:lnTo>
                    <a:pt x="195" y="1044"/>
                  </a:lnTo>
                  <a:lnTo>
                    <a:pt x="273" y="1099"/>
                  </a:lnTo>
                  <a:lnTo>
                    <a:pt x="361" y="1141"/>
                  </a:lnTo>
                  <a:lnTo>
                    <a:pt x="455" y="1169"/>
                  </a:lnTo>
                  <a:lnTo>
                    <a:pt x="553" y="1182"/>
                  </a:lnTo>
                  <a:lnTo>
                    <a:pt x="651" y="1181"/>
                  </a:lnTo>
                  <a:lnTo>
                    <a:pt x="747" y="1163"/>
                  </a:lnTo>
                  <a:lnTo>
                    <a:pt x="793" y="1147"/>
                  </a:lnTo>
                  <a:lnTo>
                    <a:pt x="817" y="1137"/>
                  </a:lnTo>
                  <a:lnTo>
                    <a:pt x="865" y="1112"/>
                  </a:lnTo>
                  <a:lnTo>
                    <a:pt x="912" y="1082"/>
                  </a:lnTo>
                  <a:lnTo>
                    <a:pt x="957" y="1046"/>
                  </a:lnTo>
                  <a:lnTo>
                    <a:pt x="1000" y="1007"/>
                  </a:lnTo>
                  <a:lnTo>
                    <a:pt x="1039" y="965"/>
                  </a:lnTo>
                  <a:lnTo>
                    <a:pt x="1073" y="920"/>
                  </a:lnTo>
                  <a:lnTo>
                    <a:pt x="1103" y="873"/>
                  </a:lnTo>
                  <a:lnTo>
                    <a:pt x="1115" y="850"/>
                  </a:lnTo>
                  <a:lnTo>
                    <a:pt x="1131" y="819"/>
                  </a:lnTo>
                  <a:lnTo>
                    <a:pt x="1151" y="768"/>
                  </a:lnTo>
                  <a:lnTo>
                    <a:pt x="1161" y="714"/>
                  </a:lnTo>
                  <a:lnTo>
                    <a:pt x="1165" y="640"/>
                  </a:lnTo>
                  <a:lnTo>
                    <a:pt x="1165" y="587"/>
                  </a:lnTo>
                  <a:lnTo>
                    <a:pt x="1164" y="523"/>
                  </a:lnTo>
                  <a:lnTo>
                    <a:pt x="1157" y="446"/>
                  </a:lnTo>
                  <a:lnTo>
                    <a:pt x="1148" y="402"/>
                  </a:lnTo>
                  <a:lnTo>
                    <a:pt x="1134" y="360"/>
                  </a:lnTo>
                  <a:lnTo>
                    <a:pt x="1114" y="320"/>
                  </a:lnTo>
                  <a:lnTo>
                    <a:pt x="1075" y="258"/>
                  </a:lnTo>
                  <a:lnTo>
                    <a:pt x="1038" y="210"/>
                  </a:lnTo>
                  <a:lnTo>
                    <a:pt x="1011" y="177"/>
                  </a:lnTo>
                  <a:lnTo>
                    <a:pt x="947" y="120"/>
                  </a:lnTo>
                  <a:lnTo>
                    <a:pt x="875" y="72"/>
                  </a:lnTo>
                  <a:lnTo>
                    <a:pt x="796" y="37"/>
                  </a:lnTo>
                  <a:lnTo>
                    <a:pt x="712" y="12"/>
                  </a:lnTo>
                  <a:lnTo>
                    <a:pt x="624" y="0"/>
                  </a:lnTo>
                  <a:lnTo>
                    <a:pt x="535" y="0"/>
                  </a:lnTo>
                  <a:lnTo>
                    <a:pt x="447" y="14"/>
                  </a:lnTo>
                  <a:lnTo>
                    <a:pt x="403" y="27"/>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grpSp>
      <p:grpSp>
        <p:nvGrpSpPr>
          <p:cNvPr id="30" name="Group 29"/>
          <p:cNvGrpSpPr/>
          <p:nvPr/>
        </p:nvGrpSpPr>
        <p:grpSpPr>
          <a:xfrm>
            <a:off x="2202359" y="3912706"/>
            <a:ext cx="16720919" cy="1512702"/>
            <a:chOff x="14963959" y="522303"/>
            <a:chExt cx="10507004" cy="907621"/>
          </a:xfrm>
        </p:grpSpPr>
        <p:sp>
          <p:nvSpPr>
            <p:cNvPr id="314" name="OTLSHAPE_SL_ffee1e79b85943a28c39454ea880fda8_BackgroundRectangle">
              <a:extLst>
                <a:ext uri="{FF2B5EF4-FFF2-40B4-BE49-F238E27FC236}">
                  <a16:creationId xmlns:a16="http://schemas.microsoft.com/office/drawing/2014/main" id="{CA725516-BF6D-40AC-916D-FE02D0477FFC}"/>
                </a:ext>
              </a:extLst>
            </p:cNvPr>
            <p:cNvSpPr/>
            <p:nvPr>
              <p:custDataLst>
                <p:tags r:id="rId32"/>
              </p:custDataLst>
            </p:nvPr>
          </p:nvSpPr>
          <p:spPr>
            <a:xfrm>
              <a:off x="14963959" y="522303"/>
              <a:ext cx="10507004" cy="907621"/>
            </a:xfrm>
            <a:prstGeom prst="rect">
              <a:avLst/>
            </a:prstGeom>
            <a:solidFill>
              <a:schemeClr val="bg2"/>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833" b="0" i="0" u="none" strike="noStrike" kern="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315" name="OTLSHAPE_SLT_c60910096d5a4b6f9de76b63feadcf94_Shape">
              <a:extLst>
                <a:ext uri="{FF2B5EF4-FFF2-40B4-BE49-F238E27FC236}">
                  <a16:creationId xmlns:a16="http://schemas.microsoft.com/office/drawing/2014/main" id="{11FA8F44-CE46-4F40-8F67-44C301B05425}"/>
                </a:ext>
              </a:extLst>
            </p:cNvPr>
            <p:cNvSpPr/>
            <p:nvPr>
              <p:custDataLst>
                <p:tags r:id="rId33"/>
              </p:custDataLst>
            </p:nvPr>
          </p:nvSpPr>
          <p:spPr>
            <a:xfrm>
              <a:off x="17147586" y="598950"/>
              <a:ext cx="8086590" cy="155448"/>
            </a:xfrm>
            <a:prstGeom prst="snip2DiagRect">
              <a:avLst>
                <a:gd name="adj1" fmla="val 100000"/>
                <a:gd name="adj2" fmla="val 16667"/>
              </a:avLst>
            </a:prstGeom>
            <a:solidFill>
              <a:schemeClr val="bg2">
                <a:lumMod val="75000"/>
              </a:schemeClr>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r>
                <a:rPr kumimoji="0" lang="en-US" sz="1833" b="1" i="0" u="none" strike="noStrike" kern="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rPr>
                <a:t>Clinical Oversight</a:t>
              </a:r>
            </a:p>
          </p:txBody>
        </p:sp>
        <p:sp>
          <p:nvSpPr>
            <p:cNvPr id="316" name="OTLSHAPE_SLT_c60910096d5a4b6f9de76b63feadcf94_Shape">
              <a:extLst>
                <a:ext uri="{FF2B5EF4-FFF2-40B4-BE49-F238E27FC236}">
                  <a16:creationId xmlns:a16="http://schemas.microsoft.com/office/drawing/2014/main" id="{11FA8F44-CE46-4F40-8F67-44C301B05425}"/>
                </a:ext>
              </a:extLst>
            </p:cNvPr>
            <p:cNvSpPr/>
            <p:nvPr>
              <p:custDataLst>
                <p:tags r:id="rId34"/>
              </p:custDataLst>
            </p:nvPr>
          </p:nvSpPr>
          <p:spPr>
            <a:xfrm>
              <a:off x="20301692" y="918898"/>
              <a:ext cx="4641231" cy="155448"/>
            </a:xfrm>
            <a:prstGeom prst="snip2DiagRect">
              <a:avLst>
                <a:gd name="adj1" fmla="val 100000"/>
                <a:gd name="adj2" fmla="val 16667"/>
              </a:avLst>
            </a:prstGeom>
            <a:solidFill>
              <a:schemeClr val="bg2">
                <a:lumMod val="75000"/>
              </a:schemeClr>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r>
                <a:rPr kumimoji="0" lang="en-US" sz="1833" b="1" i="0" u="none" strike="noStrike" kern="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rPr>
                <a:t>Provider Oversight </a:t>
              </a:r>
            </a:p>
          </p:txBody>
        </p:sp>
        <p:sp>
          <p:nvSpPr>
            <p:cNvPr id="317" name="OTLSHAPE_SLT_c60910096d5a4b6f9de76b63feadcf94_Shape">
              <a:extLst>
                <a:ext uri="{FF2B5EF4-FFF2-40B4-BE49-F238E27FC236}">
                  <a16:creationId xmlns:a16="http://schemas.microsoft.com/office/drawing/2014/main" id="{28228329-59CA-4559-6E2D-DF9CCBE2CE11}"/>
                </a:ext>
              </a:extLst>
            </p:cNvPr>
            <p:cNvSpPr/>
            <p:nvPr>
              <p:custDataLst>
                <p:tags r:id="rId35"/>
              </p:custDataLst>
            </p:nvPr>
          </p:nvSpPr>
          <p:spPr>
            <a:xfrm>
              <a:off x="17055098" y="1206210"/>
              <a:ext cx="8039203" cy="155448"/>
            </a:xfrm>
            <a:prstGeom prst="snip2DiagRect">
              <a:avLst>
                <a:gd name="adj1" fmla="val 100000"/>
                <a:gd name="adj2" fmla="val 16667"/>
              </a:avLst>
            </a:prstGeom>
            <a:solidFill>
              <a:schemeClr val="bg2">
                <a:lumMod val="75000"/>
              </a:schemeClr>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r>
                <a:rPr kumimoji="0" lang="en-US" sz="1833" b="1" i="0" u="none" strike="noStrike" kern="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rPr>
                <a:t>Patient engagement </a:t>
              </a:r>
            </a:p>
          </p:txBody>
        </p:sp>
      </p:grpSp>
      <p:grpSp>
        <p:nvGrpSpPr>
          <p:cNvPr id="32" name="Group 31"/>
          <p:cNvGrpSpPr/>
          <p:nvPr/>
        </p:nvGrpSpPr>
        <p:grpSpPr>
          <a:xfrm>
            <a:off x="2176145" y="7507444"/>
            <a:ext cx="16729351" cy="1022445"/>
            <a:chOff x="14948982" y="2718882"/>
            <a:chExt cx="10483308" cy="512826"/>
          </a:xfrm>
        </p:grpSpPr>
        <p:sp>
          <p:nvSpPr>
            <p:cNvPr id="319" name="OTLSHAPE_SL_9cf0b9a3b4064869b9ae748fb5efbb51_BackgroundRectangle">
              <a:extLst>
                <a:ext uri="{FF2B5EF4-FFF2-40B4-BE49-F238E27FC236}">
                  <a16:creationId xmlns:a16="http://schemas.microsoft.com/office/drawing/2014/main" id="{D42D8BE7-7C53-4B49-B22B-645D6CD9FAF8}"/>
                </a:ext>
              </a:extLst>
            </p:cNvPr>
            <p:cNvSpPr/>
            <p:nvPr>
              <p:custDataLst>
                <p:tags r:id="rId30"/>
              </p:custDataLst>
            </p:nvPr>
          </p:nvSpPr>
          <p:spPr>
            <a:xfrm>
              <a:off x="14948982" y="2718882"/>
              <a:ext cx="10483308" cy="512826"/>
            </a:xfrm>
            <a:prstGeom prst="rect">
              <a:avLst/>
            </a:prstGeom>
            <a:solidFill>
              <a:schemeClr val="bg2"/>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833" b="0" i="0" u="none" strike="noStrike" kern="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320" name="OTLSHAPE_SLT_1f3ecdb523214d1c858ab8fb12392a13_Shape">
              <a:extLst>
                <a:ext uri="{FF2B5EF4-FFF2-40B4-BE49-F238E27FC236}">
                  <a16:creationId xmlns:a16="http://schemas.microsoft.com/office/drawing/2014/main" id="{C4E5A75A-BFA2-40E8-B57A-5B4DA777E209}"/>
                </a:ext>
              </a:extLst>
            </p:cNvPr>
            <p:cNvSpPr/>
            <p:nvPr>
              <p:custDataLst>
                <p:tags r:id="rId31"/>
              </p:custDataLst>
            </p:nvPr>
          </p:nvSpPr>
          <p:spPr>
            <a:xfrm>
              <a:off x="16262427" y="2911760"/>
              <a:ext cx="9010693" cy="155448"/>
            </a:xfrm>
            <a:prstGeom prst="snip2DiagRect">
              <a:avLst>
                <a:gd name="adj1" fmla="val 100000"/>
                <a:gd name="adj2" fmla="val 16667"/>
              </a:avLst>
            </a:prstGeom>
            <a:solidFill>
              <a:schemeClr val="bg2">
                <a:lumMod val="75000"/>
              </a:schemeClr>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defRPr/>
              </a:pPr>
              <a:r>
                <a:rPr lang="en-US" sz="1833" b="1" spc="-13">
                  <a:solidFill>
                    <a:schemeClr val="bg1"/>
                  </a:solidFill>
                  <a:latin typeface="Arial" panose="020B0604020202020204" pitchFamily="34" charset="0"/>
                  <a:cs typeface="Arial" panose="020B0604020202020204" pitchFamily="34" charset="0"/>
                </a:rPr>
                <a:t>Claims data + Referral Script + IE data + PT on-going treatment data + Billing data</a:t>
              </a:r>
            </a:p>
          </p:txBody>
        </p:sp>
      </p:grpSp>
      <p:grpSp>
        <p:nvGrpSpPr>
          <p:cNvPr id="31" name="Group 30"/>
          <p:cNvGrpSpPr/>
          <p:nvPr/>
        </p:nvGrpSpPr>
        <p:grpSpPr>
          <a:xfrm>
            <a:off x="2188214" y="5526252"/>
            <a:ext cx="16716103" cy="1894378"/>
            <a:chOff x="14959859" y="1508728"/>
            <a:chExt cx="10432227" cy="1136627"/>
          </a:xfrm>
        </p:grpSpPr>
        <p:sp>
          <p:nvSpPr>
            <p:cNvPr id="327" name="OTLSHAPE_SL_089d7eb988274527948a1ef4646e8746_BackgroundRectangle">
              <a:extLst>
                <a:ext uri="{FF2B5EF4-FFF2-40B4-BE49-F238E27FC236}">
                  <a16:creationId xmlns:a16="http://schemas.microsoft.com/office/drawing/2014/main" id="{42D619D9-7EEF-408A-B01F-CC72B1634F44}"/>
                </a:ext>
              </a:extLst>
            </p:cNvPr>
            <p:cNvSpPr/>
            <p:nvPr>
              <p:custDataLst>
                <p:tags r:id="rId24"/>
              </p:custDataLst>
            </p:nvPr>
          </p:nvSpPr>
          <p:spPr>
            <a:xfrm>
              <a:off x="14959859" y="1508728"/>
              <a:ext cx="10432227" cy="1136627"/>
            </a:xfrm>
            <a:prstGeom prst="rect">
              <a:avLst/>
            </a:prstGeom>
            <a:solidFill>
              <a:schemeClr val="bg2"/>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833" b="0" i="0" u="none" strike="noStrike" kern="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328" name="OTLSHAPE_SLT_c60910096d5a4b6f9de76b63feadcf94_Shape">
              <a:extLst>
                <a:ext uri="{FF2B5EF4-FFF2-40B4-BE49-F238E27FC236}">
                  <a16:creationId xmlns:a16="http://schemas.microsoft.com/office/drawing/2014/main" id="{11FA8F44-CE46-4F40-8F67-44C301B05425}"/>
                </a:ext>
              </a:extLst>
            </p:cNvPr>
            <p:cNvSpPr/>
            <p:nvPr>
              <p:custDataLst>
                <p:tags r:id="rId25"/>
              </p:custDataLst>
            </p:nvPr>
          </p:nvSpPr>
          <p:spPr>
            <a:xfrm>
              <a:off x="16789999" y="2125650"/>
              <a:ext cx="8324931" cy="155448"/>
            </a:xfrm>
            <a:prstGeom prst="snip2DiagRect">
              <a:avLst>
                <a:gd name="adj1" fmla="val 100000"/>
                <a:gd name="adj2" fmla="val 16667"/>
              </a:avLst>
            </a:prstGeom>
            <a:solidFill>
              <a:schemeClr val="bg2">
                <a:lumMod val="75000"/>
              </a:schemeClr>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r>
                <a:rPr kumimoji="0" lang="en-US" sz="1833" b="1" i="0" u="none" strike="noStrike" kern="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rPr>
                <a:t>Enhanced Communication via 2-way text messaging</a:t>
              </a:r>
            </a:p>
          </p:txBody>
        </p:sp>
        <p:sp>
          <p:nvSpPr>
            <p:cNvPr id="330" name="OTLSHAPE_SLT_f1b03b9fadb246d6b74eef66d2c662d1_Shape">
              <a:extLst>
                <a:ext uri="{FF2B5EF4-FFF2-40B4-BE49-F238E27FC236}">
                  <a16:creationId xmlns:a16="http://schemas.microsoft.com/office/drawing/2014/main" id="{2EC68B91-759E-4BE2-92C9-FB12B30AE322}"/>
                </a:ext>
              </a:extLst>
            </p:cNvPr>
            <p:cNvSpPr/>
            <p:nvPr>
              <p:custDataLst>
                <p:tags r:id="rId26"/>
              </p:custDataLst>
            </p:nvPr>
          </p:nvSpPr>
          <p:spPr>
            <a:xfrm>
              <a:off x="16750289" y="1648347"/>
              <a:ext cx="2548412" cy="155448"/>
            </a:xfrm>
            <a:prstGeom prst="snip2DiagRect">
              <a:avLst>
                <a:gd name="adj1" fmla="val 100000"/>
                <a:gd name="adj2" fmla="val 16667"/>
              </a:avLst>
            </a:prstGeom>
            <a:solidFill>
              <a:schemeClr val="bg2">
                <a:lumMod val="75000"/>
              </a:schemeClr>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defRPr/>
              </a:pPr>
              <a:r>
                <a:rPr lang="en-US" sz="1833" b="1" spc="-13">
                  <a:solidFill>
                    <a:prstClr val="white"/>
                  </a:solidFill>
                  <a:latin typeface="Arial" panose="020B0604020202020204" pitchFamily="34" charset="0"/>
                  <a:cs typeface="Arial" panose="020B0604020202020204" pitchFamily="34" charset="0"/>
                </a:rPr>
                <a:t>Sentiment Analysis</a:t>
              </a:r>
            </a:p>
          </p:txBody>
        </p:sp>
        <p:sp>
          <p:nvSpPr>
            <p:cNvPr id="331" name="OTLSHAPE_SLA_0723a534b8b04d848ad49d960b833b9c_Title">
              <a:extLst>
                <a:ext uri="{FF2B5EF4-FFF2-40B4-BE49-F238E27FC236}">
                  <a16:creationId xmlns:a16="http://schemas.microsoft.com/office/drawing/2014/main" id="{72D121A0-C10F-4E33-ADC6-72F6C42E6E34}"/>
                </a:ext>
              </a:extLst>
            </p:cNvPr>
            <p:cNvSpPr txBox="1"/>
            <p:nvPr>
              <p:custDataLst>
                <p:tags r:id="rId27"/>
              </p:custDataLst>
            </p:nvPr>
          </p:nvSpPr>
          <p:spPr>
            <a:xfrm>
              <a:off x="16210711" y="1905930"/>
              <a:ext cx="1618114" cy="169277"/>
            </a:xfrm>
            <a:prstGeom prst="rect">
              <a:avLst/>
            </a:prstGeom>
            <a:noFill/>
          </p:spPr>
          <p:txBody>
            <a:bodyPr vert="horz" wrap="square" lIns="0" tIns="0" rIns="0" bIns="0" rtlCol="0" anchor="ctr" anchorCtr="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r>
                <a:rPr lang="en-US" sz="1833" b="1" spc="-13">
                  <a:solidFill>
                    <a:schemeClr val="bg2">
                      <a:lumMod val="50000"/>
                    </a:schemeClr>
                  </a:solidFill>
                  <a:latin typeface="Arial" panose="020B0604020202020204" pitchFamily="34" charset="0"/>
                  <a:cs typeface="Arial" panose="020B0604020202020204" pitchFamily="34" charset="0"/>
                </a:rPr>
                <a:t>Provider SmartMatch</a:t>
              </a:r>
            </a:p>
          </p:txBody>
        </p:sp>
        <p:sp>
          <p:nvSpPr>
            <p:cNvPr id="332" name="OTLSHAPE_SLT_c60910096d5a4b6f9de76b63feadcf94_Shape">
              <a:extLst>
                <a:ext uri="{FF2B5EF4-FFF2-40B4-BE49-F238E27FC236}">
                  <a16:creationId xmlns:a16="http://schemas.microsoft.com/office/drawing/2014/main" id="{11FA8F44-CE46-4F40-8F67-44C301B05425}"/>
                </a:ext>
              </a:extLst>
            </p:cNvPr>
            <p:cNvSpPr/>
            <p:nvPr>
              <p:custDataLst>
                <p:tags r:id="rId28"/>
              </p:custDataLst>
            </p:nvPr>
          </p:nvSpPr>
          <p:spPr>
            <a:xfrm>
              <a:off x="18425872" y="1846102"/>
              <a:ext cx="6689058" cy="155448"/>
            </a:xfrm>
            <a:prstGeom prst="snip2DiagRect">
              <a:avLst>
                <a:gd name="adj1" fmla="val 100000"/>
                <a:gd name="adj2" fmla="val 16667"/>
              </a:avLst>
            </a:prstGeom>
            <a:solidFill>
              <a:schemeClr val="bg2">
                <a:lumMod val="75000"/>
              </a:schemeClr>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defRPr/>
              </a:pPr>
              <a:r>
                <a:rPr lang="en-US" sz="1833" b="1" spc="-10">
                  <a:solidFill>
                    <a:prstClr val="white"/>
                  </a:solidFill>
                  <a:latin typeface="Arial" panose="020B0604020202020204" pitchFamily="34" charset="0"/>
                  <a:cs typeface="Arial" panose="020B0604020202020204" pitchFamily="34" charset="0"/>
                </a:rPr>
                <a:t>Notes Summarization</a:t>
              </a:r>
            </a:p>
          </p:txBody>
        </p:sp>
        <p:sp>
          <p:nvSpPr>
            <p:cNvPr id="333" name="OTLSHAPE_SLT_c60910096d5a4b6f9de76b63feadcf94_Shape">
              <a:extLst>
                <a:ext uri="{FF2B5EF4-FFF2-40B4-BE49-F238E27FC236}">
                  <a16:creationId xmlns:a16="http://schemas.microsoft.com/office/drawing/2014/main" id="{11FA8F44-CE46-4F40-8F67-44C301B05425}"/>
                </a:ext>
              </a:extLst>
            </p:cNvPr>
            <p:cNvSpPr/>
            <p:nvPr>
              <p:custDataLst>
                <p:tags r:id="rId29"/>
              </p:custDataLst>
            </p:nvPr>
          </p:nvSpPr>
          <p:spPr>
            <a:xfrm>
              <a:off x="16462874" y="2425085"/>
              <a:ext cx="8602042" cy="155448"/>
            </a:xfrm>
            <a:prstGeom prst="snip2DiagRect">
              <a:avLst>
                <a:gd name="adj1" fmla="val 100000"/>
                <a:gd name="adj2" fmla="val 16667"/>
              </a:avLst>
            </a:prstGeom>
            <a:solidFill>
              <a:schemeClr val="bg2">
                <a:lumMod val="75000"/>
              </a:schemeClr>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defRPr/>
              </a:pPr>
              <a:r>
                <a:rPr lang="en-US" sz="1833" b="1" spc="-10">
                  <a:solidFill>
                    <a:prstClr val="white"/>
                  </a:solidFill>
                  <a:latin typeface="Arial" panose="020B0604020202020204" pitchFamily="34" charset="0"/>
                  <a:cs typeface="Arial" panose="020B0604020202020204" pitchFamily="34" charset="0"/>
                </a:rPr>
                <a:t>PT Risk Score</a:t>
              </a:r>
            </a:p>
          </p:txBody>
        </p:sp>
        <p:grpSp>
          <p:nvGrpSpPr>
            <p:cNvPr id="334" name="Group 4"/>
            <p:cNvGrpSpPr>
              <a:grpSpLocks noChangeAspect="1"/>
            </p:cNvGrpSpPr>
            <p:nvPr/>
          </p:nvGrpSpPr>
          <p:grpSpPr bwMode="auto">
            <a:xfrm>
              <a:off x="17100270" y="1576322"/>
              <a:ext cx="240964" cy="245822"/>
              <a:chOff x="1749" y="1"/>
              <a:chExt cx="4182" cy="4319"/>
            </a:xfrm>
            <a:solidFill>
              <a:schemeClr val="bg2">
                <a:lumMod val="50000"/>
              </a:schemeClr>
            </a:solidFill>
          </p:grpSpPr>
          <p:sp>
            <p:nvSpPr>
              <p:cNvPr id="354" name="Freeform 5"/>
              <p:cNvSpPr>
                <a:spLocks/>
              </p:cNvSpPr>
              <p:nvPr/>
            </p:nvSpPr>
            <p:spPr bwMode="auto">
              <a:xfrm>
                <a:off x="1749" y="1"/>
                <a:ext cx="4182" cy="4319"/>
              </a:xfrm>
              <a:custGeom>
                <a:avLst/>
                <a:gdLst>
                  <a:gd name="T0" fmla="*/ 6745 w 17426"/>
                  <a:gd name="T1" fmla="*/ 69 h 17994"/>
                  <a:gd name="T2" fmla="*/ 4827 w 17426"/>
                  <a:gd name="T3" fmla="*/ 564 h 17994"/>
                  <a:gd name="T4" fmla="*/ 2990 w 17426"/>
                  <a:gd name="T5" fmla="*/ 1624 h 17994"/>
                  <a:gd name="T6" fmla="*/ 1316 w 17426"/>
                  <a:gd name="T7" fmla="*/ 3448 h 17994"/>
                  <a:gd name="T8" fmla="*/ 585 w 17426"/>
                  <a:gd name="T9" fmla="*/ 4819 h 17994"/>
                  <a:gd name="T10" fmla="*/ 4557 w 17426"/>
                  <a:gd name="T11" fmla="*/ 4164 h 17994"/>
                  <a:gd name="T12" fmla="*/ 6409 w 17426"/>
                  <a:gd name="T13" fmla="*/ 3625 h 17994"/>
                  <a:gd name="T14" fmla="*/ 7054 w 17426"/>
                  <a:gd name="T15" fmla="*/ 2988 h 17994"/>
                  <a:gd name="T16" fmla="*/ 7951 w 17426"/>
                  <a:gd name="T17" fmla="*/ 2803 h 17994"/>
                  <a:gd name="T18" fmla="*/ 8821 w 17426"/>
                  <a:gd name="T19" fmla="*/ 3096 h 17994"/>
                  <a:gd name="T20" fmla="*/ 9397 w 17426"/>
                  <a:gd name="T21" fmla="*/ 3816 h 17994"/>
                  <a:gd name="T22" fmla="*/ 9445 w 17426"/>
                  <a:gd name="T23" fmla="*/ 4944 h 17994"/>
                  <a:gd name="T24" fmla="*/ 8772 w 17426"/>
                  <a:gd name="T25" fmla="*/ 5838 h 17994"/>
                  <a:gd name="T26" fmla="*/ 7725 w 17426"/>
                  <a:gd name="T27" fmla="*/ 6106 h 17994"/>
                  <a:gd name="T28" fmla="*/ 6897 w 17426"/>
                  <a:gd name="T29" fmla="*/ 5815 h 17994"/>
                  <a:gd name="T30" fmla="*/ 6334 w 17426"/>
                  <a:gd name="T31" fmla="*/ 5122 h 17994"/>
                  <a:gd name="T32" fmla="*/ 4724 w 17426"/>
                  <a:gd name="T33" fmla="*/ 5506 h 17994"/>
                  <a:gd name="T34" fmla="*/ 150 w 17426"/>
                  <a:gd name="T35" fmla="*/ 6197 h 17994"/>
                  <a:gd name="T36" fmla="*/ 758 w 17426"/>
                  <a:gd name="T37" fmla="*/ 7304 h 17994"/>
                  <a:gd name="T38" fmla="*/ 9747 w 17426"/>
                  <a:gd name="T39" fmla="*/ 7136 h 17994"/>
                  <a:gd name="T40" fmla="*/ 10489 w 17426"/>
                  <a:gd name="T41" fmla="*/ 6361 h 17994"/>
                  <a:gd name="T42" fmla="*/ 11378 w 17426"/>
                  <a:gd name="T43" fmla="*/ 6192 h 17994"/>
                  <a:gd name="T44" fmla="*/ 12212 w 17426"/>
                  <a:gd name="T45" fmla="*/ 6482 h 17994"/>
                  <a:gd name="T46" fmla="*/ 12752 w 17426"/>
                  <a:gd name="T47" fmla="*/ 7119 h 17994"/>
                  <a:gd name="T48" fmla="*/ 12896 w 17426"/>
                  <a:gd name="T49" fmla="*/ 8046 h 17994"/>
                  <a:gd name="T50" fmla="*/ 12491 w 17426"/>
                  <a:gd name="T51" fmla="*/ 8960 h 17994"/>
                  <a:gd name="T52" fmla="*/ 11502 w 17426"/>
                  <a:gd name="T53" fmla="*/ 9482 h 17994"/>
                  <a:gd name="T54" fmla="*/ 10572 w 17426"/>
                  <a:gd name="T55" fmla="*/ 9365 h 17994"/>
                  <a:gd name="T56" fmla="*/ 9905 w 17426"/>
                  <a:gd name="T57" fmla="*/ 8830 h 17994"/>
                  <a:gd name="T58" fmla="*/ 8799 w 17426"/>
                  <a:gd name="T59" fmla="*/ 8385 h 17994"/>
                  <a:gd name="T60" fmla="*/ 23 w 17426"/>
                  <a:gd name="T61" fmla="*/ 8687 h 17994"/>
                  <a:gd name="T62" fmla="*/ 4234 w 17426"/>
                  <a:gd name="T63" fmla="*/ 9710 h 17994"/>
                  <a:gd name="T64" fmla="*/ 6372 w 17426"/>
                  <a:gd name="T65" fmla="*/ 10494 h 17994"/>
                  <a:gd name="T66" fmla="*/ 6876 w 17426"/>
                  <a:gd name="T67" fmla="*/ 9887 h 17994"/>
                  <a:gd name="T68" fmla="*/ 7563 w 17426"/>
                  <a:gd name="T69" fmla="*/ 9602 h 17994"/>
                  <a:gd name="T70" fmla="*/ 8490 w 17426"/>
                  <a:gd name="T71" fmla="*/ 9709 h 17994"/>
                  <a:gd name="T72" fmla="*/ 9195 w 17426"/>
                  <a:gd name="T73" fmla="*/ 10247 h 17994"/>
                  <a:gd name="T74" fmla="*/ 9502 w 17426"/>
                  <a:gd name="T75" fmla="*/ 11021 h 17994"/>
                  <a:gd name="T76" fmla="*/ 9284 w 17426"/>
                  <a:gd name="T77" fmla="*/ 12099 h 17994"/>
                  <a:gd name="T78" fmla="*/ 8690 w 17426"/>
                  <a:gd name="T79" fmla="*/ 12677 h 17994"/>
                  <a:gd name="T80" fmla="*/ 7837 w 17426"/>
                  <a:gd name="T81" fmla="*/ 12894 h 17994"/>
                  <a:gd name="T82" fmla="*/ 6917 w 17426"/>
                  <a:gd name="T83" fmla="*/ 12623 h 17994"/>
                  <a:gd name="T84" fmla="*/ 6270 w 17426"/>
                  <a:gd name="T85" fmla="*/ 11779 h 17994"/>
                  <a:gd name="T86" fmla="*/ 4700 w 17426"/>
                  <a:gd name="T87" fmla="*/ 11650 h 17994"/>
                  <a:gd name="T88" fmla="*/ 497 w 17426"/>
                  <a:gd name="T89" fmla="*/ 10664 h 17994"/>
                  <a:gd name="T90" fmla="*/ 553 w 17426"/>
                  <a:gd name="T91" fmla="*/ 10811 h 17994"/>
                  <a:gd name="T92" fmla="*/ 1342 w 17426"/>
                  <a:gd name="T93" fmla="*/ 12277 h 17994"/>
                  <a:gd name="T94" fmla="*/ 1728 w 17426"/>
                  <a:gd name="T95" fmla="*/ 17221 h 17994"/>
                  <a:gd name="T96" fmla="*/ 1752 w 17426"/>
                  <a:gd name="T97" fmla="*/ 17735 h 17994"/>
                  <a:gd name="T98" fmla="*/ 9756 w 17426"/>
                  <a:gd name="T99" fmla="*/ 17942 h 17994"/>
                  <a:gd name="T100" fmla="*/ 10505 w 17426"/>
                  <a:gd name="T101" fmla="*/ 15802 h 17994"/>
                  <a:gd name="T102" fmla="*/ 12639 w 17426"/>
                  <a:gd name="T103" fmla="*/ 16087 h 17994"/>
                  <a:gd name="T104" fmla="*/ 14011 w 17426"/>
                  <a:gd name="T105" fmla="*/ 16278 h 17994"/>
                  <a:gd name="T106" fmla="*/ 14526 w 17426"/>
                  <a:gd name="T107" fmla="*/ 16032 h 17994"/>
                  <a:gd name="T108" fmla="*/ 15682 w 17426"/>
                  <a:gd name="T109" fmla="*/ 11564 h 17994"/>
                  <a:gd name="T110" fmla="*/ 17369 w 17426"/>
                  <a:gd name="T111" fmla="*/ 10344 h 17994"/>
                  <a:gd name="T112" fmla="*/ 16519 w 17426"/>
                  <a:gd name="T113" fmla="*/ 8719 h 17994"/>
                  <a:gd name="T114" fmla="*/ 15391 w 17426"/>
                  <a:gd name="T115" fmla="*/ 5552 h 17994"/>
                  <a:gd name="T116" fmla="*/ 14709 w 17426"/>
                  <a:gd name="T117" fmla="*/ 3924 h 17994"/>
                  <a:gd name="T118" fmla="*/ 13085 w 17426"/>
                  <a:gd name="T119" fmla="*/ 1943 h 17994"/>
                  <a:gd name="T120" fmla="*/ 11116 w 17426"/>
                  <a:gd name="T121" fmla="*/ 699 h 17994"/>
                  <a:gd name="T122" fmla="*/ 9932 w 17426"/>
                  <a:gd name="T123" fmla="*/ 286 h 17994"/>
                  <a:gd name="T124" fmla="*/ 8279 w 17426"/>
                  <a:gd name="T125" fmla="*/ 11 h 179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7426" h="17994">
                    <a:moveTo>
                      <a:pt x="7337" y="9"/>
                    </a:moveTo>
                    <a:lnTo>
                      <a:pt x="7317" y="14"/>
                    </a:lnTo>
                    <a:lnTo>
                      <a:pt x="7230" y="24"/>
                    </a:lnTo>
                    <a:lnTo>
                      <a:pt x="7179" y="26"/>
                    </a:lnTo>
                    <a:lnTo>
                      <a:pt x="7123" y="28"/>
                    </a:lnTo>
                    <a:lnTo>
                      <a:pt x="6996" y="38"/>
                    </a:lnTo>
                    <a:lnTo>
                      <a:pt x="6945" y="44"/>
                    </a:lnTo>
                    <a:lnTo>
                      <a:pt x="6840" y="57"/>
                    </a:lnTo>
                    <a:lnTo>
                      <a:pt x="6745" y="69"/>
                    </a:lnTo>
                    <a:lnTo>
                      <a:pt x="6628" y="84"/>
                    </a:lnTo>
                    <a:lnTo>
                      <a:pt x="6284" y="140"/>
                    </a:lnTo>
                    <a:lnTo>
                      <a:pt x="6179" y="161"/>
                    </a:lnTo>
                    <a:lnTo>
                      <a:pt x="6036" y="193"/>
                    </a:lnTo>
                    <a:lnTo>
                      <a:pt x="5767" y="259"/>
                    </a:lnTo>
                    <a:lnTo>
                      <a:pt x="5515" y="328"/>
                    </a:lnTo>
                    <a:lnTo>
                      <a:pt x="5277" y="401"/>
                    </a:lnTo>
                    <a:lnTo>
                      <a:pt x="5049" y="479"/>
                    </a:lnTo>
                    <a:lnTo>
                      <a:pt x="4827" y="564"/>
                    </a:lnTo>
                    <a:lnTo>
                      <a:pt x="4609" y="656"/>
                    </a:lnTo>
                    <a:lnTo>
                      <a:pt x="4390" y="758"/>
                    </a:lnTo>
                    <a:lnTo>
                      <a:pt x="4279" y="812"/>
                    </a:lnTo>
                    <a:lnTo>
                      <a:pt x="4153" y="876"/>
                    </a:lnTo>
                    <a:lnTo>
                      <a:pt x="3908" y="1010"/>
                    </a:lnTo>
                    <a:lnTo>
                      <a:pt x="3669" y="1152"/>
                    </a:lnTo>
                    <a:lnTo>
                      <a:pt x="3436" y="1302"/>
                    </a:lnTo>
                    <a:lnTo>
                      <a:pt x="3210" y="1459"/>
                    </a:lnTo>
                    <a:lnTo>
                      <a:pt x="2990" y="1624"/>
                    </a:lnTo>
                    <a:lnTo>
                      <a:pt x="2777" y="1797"/>
                    </a:lnTo>
                    <a:lnTo>
                      <a:pt x="2571" y="1977"/>
                    </a:lnTo>
                    <a:lnTo>
                      <a:pt x="2371" y="2165"/>
                    </a:lnTo>
                    <a:lnTo>
                      <a:pt x="2178" y="2360"/>
                    </a:lnTo>
                    <a:lnTo>
                      <a:pt x="1992" y="2563"/>
                    </a:lnTo>
                    <a:lnTo>
                      <a:pt x="1813" y="2773"/>
                    </a:lnTo>
                    <a:lnTo>
                      <a:pt x="1640" y="2991"/>
                    </a:lnTo>
                    <a:lnTo>
                      <a:pt x="1475" y="3216"/>
                    </a:lnTo>
                    <a:lnTo>
                      <a:pt x="1316" y="3448"/>
                    </a:lnTo>
                    <a:lnTo>
                      <a:pt x="1165" y="3688"/>
                    </a:lnTo>
                    <a:lnTo>
                      <a:pt x="1092" y="3811"/>
                    </a:lnTo>
                    <a:lnTo>
                      <a:pt x="1038" y="3905"/>
                    </a:lnTo>
                    <a:lnTo>
                      <a:pt x="905" y="4151"/>
                    </a:lnTo>
                    <a:lnTo>
                      <a:pt x="772" y="4410"/>
                    </a:lnTo>
                    <a:lnTo>
                      <a:pt x="671" y="4618"/>
                    </a:lnTo>
                    <a:lnTo>
                      <a:pt x="645" y="4677"/>
                    </a:lnTo>
                    <a:lnTo>
                      <a:pt x="619" y="4741"/>
                    </a:lnTo>
                    <a:lnTo>
                      <a:pt x="585" y="4819"/>
                    </a:lnTo>
                    <a:lnTo>
                      <a:pt x="517" y="4977"/>
                    </a:lnTo>
                    <a:lnTo>
                      <a:pt x="495" y="5037"/>
                    </a:lnTo>
                    <a:lnTo>
                      <a:pt x="585" y="5040"/>
                    </a:lnTo>
                    <a:lnTo>
                      <a:pt x="1447" y="5044"/>
                    </a:lnTo>
                    <a:lnTo>
                      <a:pt x="2082" y="5044"/>
                    </a:lnTo>
                    <a:lnTo>
                      <a:pt x="3669" y="5044"/>
                    </a:lnTo>
                    <a:lnTo>
                      <a:pt x="4187" y="4529"/>
                    </a:lnTo>
                    <a:lnTo>
                      <a:pt x="4342" y="4375"/>
                    </a:lnTo>
                    <a:lnTo>
                      <a:pt x="4557" y="4164"/>
                    </a:lnTo>
                    <a:lnTo>
                      <a:pt x="4690" y="4043"/>
                    </a:lnTo>
                    <a:lnTo>
                      <a:pt x="4772" y="3982"/>
                    </a:lnTo>
                    <a:lnTo>
                      <a:pt x="4804" y="3966"/>
                    </a:lnTo>
                    <a:lnTo>
                      <a:pt x="4904" y="3919"/>
                    </a:lnTo>
                    <a:lnTo>
                      <a:pt x="5589" y="3914"/>
                    </a:lnTo>
                    <a:lnTo>
                      <a:pt x="6272" y="3909"/>
                    </a:lnTo>
                    <a:lnTo>
                      <a:pt x="6335" y="3771"/>
                    </a:lnTo>
                    <a:lnTo>
                      <a:pt x="6358" y="3722"/>
                    </a:lnTo>
                    <a:lnTo>
                      <a:pt x="6409" y="3625"/>
                    </a:lnTo>
                    <a:lnTo>
                      <a:pt x="6467" y="3531"/>
                    </a:lnTo>
                    <a:lnTo>
                      <a:pt x="6531" y="3440"/>
                    </a:lnTo>
                    <a:lnTo>
                      <a:pt x="6599" y="3354"/>
                    </a:lnTo>
                    <a:lnTo>
                      <a:pt x="6672" y="3273"/>
                    </a:lnTo>
                    <a:lnTo>
                      <a:pt x="6749" y="3199"/>
                    </a:lnTo>
                    <a:lnTo>
                      <a:pt x="6828" y="3131"/>
                    </a:lnTo>
                    <a:lnTo>
                      <a:pt x="6869" y="3101"/>
                    </a:lnTo>
                    <a:lnTo>
                      <a:pt x="6922" y="3063"/>
                    </a:lnTo>
                    <a:lnTo>
                      <a:pt x="7054" y="2988"/>
                    </a:lnTo>
                    <a:lnTo>
                      <a:pt x="7200" y="2918"/>
                    </a:lnTo>
                    <a:lnTo>
                      <a:pt x="7346" y="2862"/>
                    </a:lnTo>
                    <a:lnTo>
                      <a:pt x="7412" y="2842"/>
                    </a:lnTo>
                    <a:lnTo>
                      <a:pt x="7456" y="2831"/>
                    </a:lnTo>
                    <a:lnTo>
                      <a:pt x="7534" y="2815"/>
                    </a:lnTo>
                    <a:lnTo>
                      <a:pt x="7624" y="2806"/>
                    </a:lnTo>
                    <a:lnTo>
                      <a:pt x="7745" y="2803"/>
                    </a:lnTo>
                    <a:lnTo>
                      <a:pt x="7829" y="2802"/>
                    </a:lnTo>
                    <a:lnTo>
                      <a:pt x="7951" y="2803"/>
                    </a:lnTo>
                    <a:lnTo>
                      <a:pt x="8100" y="2812"/>
                    </a:lnTo>
                    <a:lnTo>
                      <a:pt x="8189" y="2824"/>
                    </a:lnTo>
                    <a:lnTo>
                      <a:pt x="8273" y="2842"/>
                    </a:lnTo>
                    <a:lnTo>
                      <a:pt x="8356" y="2866"/>
                    </a:lnTo>
                    <a:lnTo>
                      <a:pt x="8489" y="2916"/>
                    </a:lnTo>
                    <a:lnTo>
                      <a:pt x="8592" y="2962"/>
                    </a:lnTo>
                    <a:lnTo>
                      <a:pt x="8638" y="2984"/>
                    </a:lnTo>
                    <a:lnTo>
                      <a:pt x="8731" y="3036"/>
                    </a:lnTo>
                    <a:lnTo>
                      <a:pt x="8821" y="3096"/>
                    </a:lnTo>
                    <a:lnTo>
                      <a:pt x="8910" y="3164"/>
                    </a:lnTo>
                    <a:lnTo>
                      <a:pt x="8995" y="3238"/>
                    </a:lnTo>
                    <a:lnTo>
                      <a:pt x="9075" y="3317"/>
                    </a:lnTo>
                    <a:lnTo>
                      <a:pt x="9149" y="3400"/>
                    </a:lnTo>
                    <a:lnTo>
                      <a:pt x="9217" y="3486"/>
                    </a:lnTo>
                    <a:lnTo>
                      <a:pt x="9247" y="3531"/>
                    </a:lnTo>
                    <a:lnTo>
                      <a:pt x="9282" y="3585"/>
                    </a:lnTo>
                    <a:lnTo>
                      <a:pt x="9344" y="3699"/>
                    </a:lnTo>
                    <a:lnTo>
                      <a:pt x="9397" y="3816"/>
                    </a:lnTo>
                    <a:lnTo>
                      <a:pt x="9440" y="3937"/>
                    </a:lnTo>
                    <a:lnTo>
                      <a:pt x="9474" y="4061"/>
                    </a:lnTo>
                    <a:lnTo>
                      <a:pt x="9498" y="4186"/>
                    </a:lnTo>
                    <a:lnTo>
                      <a:pt x="9513" y="4313"/>
                    </a:lnTo>
                    <a:lnTo>
                      <a:pt x="9518" y="4441"/>
                    </a:lnTo>
                    <a:lnTo>
                      <a:pt x="9514" y="4568"/>
                    </a:lnTo>
                    <a:lnTo>
                      <a:pt x="9500" y="4695"/>
                    </a:lnTo>
                    <a:lnTo>
                      <a:pt x="9477" y="4820"/>
                    </a:lnTo>
                    <a:lnTo>
                      <a:pt x="9445" y="4944"/>
                    </a:lnTo>
                    <a:lnTo>
                      <a:pt x="9403" y="5065"/>
                    </a:lnTo>
                    <a:lnTo>
                      <a:pt x="9352" y="5182"/>
                    </a:lnTo>
                    <a:lnTo>
                      <a:pt x="9292" y="5295"/>
                    </a:lnTo>
                    <a:lnTo>
                      <a:pt x="9222" y="5404"/>
                    </a:lnTo>
                    <a:lnTo>
                      <a:pt x="9184" y="5456"/>
                    </a:lnTo>
                    <a:lnTo>
                      <a:pt x="9133" y="5521"/>
                    </a:lnTo>
                    <a:lnTo>
                      <a:pt x="9023" y="5639"/>
                    </a:lnTo>
                    <a:lnTo>
                      <a:pt x="8902" y="5745"/>
                    </a:lnTo>
                    <a:lnTo>
                      <a:pt x="8772" y="5838"/>
                    </a:lnTo>
                    <a:lnTo>
                      <a:pt x="8631" y="5918"/>
                    </a:lnTo>
                    <a:lnTo>
                      <a:pt x="8481" y="5985"/>
                    </a:lnTo>
                    <a:lnTo>
                      <a:pt x="8321" y="6039"/>
                    </a:lnTo>
                    <a:lnTo>
                      <a:pt x="8151" y="6079"/>
                    </a:lnTo>
                    <a:lnTo>
                      <a:pt x="8062" y="6094"/>
                    </a:lnTo>
                    <a:lnTo>
                      <a:pt x="8015" y="6101"/>
                    </a:lnTo>
                    <a:lnTo>
                      <a:pt x="7919" y="6109"/>
                    </a:lnTo>
                    <a:lnTo>
                      <a:pt x="7822" y="6110"/>
                    </a:lnTo>
                    <a:lnTo>
                      <a:pt x="7725" y="6106"/>
                    </a:lnTo>
                    <a:lnTo>
                      <a:pt x="7627" y="6095"/>
                    </a:lnTo>
                    <a:lnTo>
                      <a:pt x="7530" y="6079"/>
                    </a:lnTo>
                    <a:lnTo>
                      <a:pt x="7434" y="6057"/>
                    </a:lnTo>
                    <a:lnTo>
                      <a:pt x="7339" y="6030"/>
                    </a:lnTo>
                    <a:lnTo>
                      <a:pt x="7245" y="5997"/>
                    </a:lnTo>
                    <a:lnTo>
                      <a:pt x="7154" y="5959"/>
                    </a:lnTo>
                    <a:lnTo>
                      <a:pt x="7065" y="5916"/>
                    </a:lnTo>
                    <a:lnTo>
                      <a:pt x="6979" y="5868"/>
                    </a:lnTo>
                    <a:lnTo>
                      <a:pt x="6897" y="5815"/>
                    </a:lnTo>
                    <a:lnTo>
                      <a:pt x="6818" y="5758"/>
                    </a:lnTo>
                    <a:lnTo>
                      <a:pt x="6744" y="5696"/>
                    </a:lnTo>
                    <a:lnTo>
                      <a:pt x="6675" y="5630"/>
                    </a:lnTo>
                    <a:lnTo>
                      <a:pt x="6642" y="5596"/>
                    </a:lnTo>
                    <a:lnTo>
                      <a:pt x="6599" y="5547"/>
                    </a:lnTo>
                    <a:lnTo>
                      <a:pt x="6509" y="5427"/>
                    </a:lnTo>
                    <a:lnTo>
                      <a:pt x="6425" y="5297"/>
                    </a:lnTo>
                    <a:lnTo>
                      <a:pt x="6356" y="5174"/>
                    </a:lnTo>
                    <a:lnTo>
                      <a:pt x="6334" y="5122"/>
                    </a:lnTo>
                    <a:lnTo>
                      <a:pt x="6317" y="5080"/>
                    </a:lnTo>
                    <a:lnTo>
                      <a:pt x="6282" y="5014"/>
                    </a:lnTo>
                    <a:lnTo>
                      <a:pt x="6270" y="5002"/>
                    </a:lnTo>
                    <a:lnTo>
                      <a:pt x="6260" y="4998"/>
                    </a:lnTo>
                    <a:lnTo>
                      <a:pt x="6185" y="4992"/>
                    </a:lnTo>
                    <a:lnTo>
                      <a:pt x="5970" y="4986"/>
                    </a:lnTo>
                    <a:lnTo>
                      <a:pt x="5747" y="4986"/>
                    </a:lnTo>
                    <a:lnTo>
                      <a:pt x="5245" y="4987"/>
                    </a:lnTo>
                    <a:lnTo>
                      <a:pt x="4724" y="5506"/>
                    </a:lnTo>
                    <a:lnTo>
                      <a:pt x="4581" y="5648"/>
                    </a:lnTo>
                    <a:lnTo>
                      <a:pt x="4369" y="5855"/>
                    </a:lnTo>
                    <a:lnTo>
                      <a:pt x="4230" y="5983"/>
                    </a:lnTo>
                    <a:lnTo>
                      <a:pt x="4146" y="6050"/>
                    </a:lnTo>
                    <a:lnTo>
                      <a:pt x="4120" y="6064"/>
                    </a:lnTo>
                    <a:lnTo>
                      <a:pt x="4037" y="6102"/>
                    </a:lnTo>
                    <a:lnTo>
                      <a:pt x="2104" y="6111"/>
                    </a:lnTo>
                    <a:lnTo>
                      <a:pt x="170" y="6119"/>
                    </a:lnTo>
                    <a:lnTo>
                      <a:pt x="150" y="6197"/>
                    </a:lnTo>
                    <a:lnTo>
                      <a:pt x="137" y="6253"/>
                    </a:lnTo>
                    <a:lnTo>
                      <a:pt x="109" y="6398"/>
                    </a:lnTo>
                    <a:lnTo>
                      <a:pt x="67" y="6658"/>
                    </a:lnTo>
                    <a:lnTo>
                      <a:pt x="21" y="7013"/>
                    </a:lnTo>
                    <a:lnTo>
                      <a:pt x="3" y="7210"/>
                    </a:lnTo>
                    <a:lnTo>
                      <a:pt x="3" y="7284"/>
                    </a:lnTo>
                    <a:lnTo>
                      <a:pt x="7" y="7296"/>
                    </a:lnTo>
                    <a:lnTo>
                      <a:pt x="71" y="7299"/>
                    </a:lnTo>
                    <a:lnTo>
                      <a:pt x="758" y="7304"/>
                    </a:lnTo>
                    <a:lnTo>
                      <a:pt x="2802" y="7308"/>
                    </a:lnTo>
                    <a:lnTo>
                      <a:pt x="4844" y="7307"/>
                    </a:lnTo>
                    <a:lnTo>
                      <a:pt x="7580" y="7304"/>
                    </a:lnTo>
                    <a:lnTo>
                      <a:pt x="9297" y="7295"/>
                    </a:lnTo>
                    <a:lnTo>
                      <a:pt x="9600" y="7288"/>
                    </a:lnTo>
                    <a:lnTo>
                      <a:pt x="9674" y="7281"/>
                    </a:lnTo>
                    <a:lnTo>
                      <a:pt x="9680" y="7277"/>
                    </a:lnTo>
                    <a:lnTo>
                      <a:pt x="9702" y="7232"/>
                    </a:lnTo>
                    <a:lnTo>
                      <a:pt x="9747" y="7136"/>
                    </a:lnTo>
                    <a:lnTo>
                      <a:pt x="9777" y="7072"/>
                    </a:lnTo>
                    <a:lnTo>
                      <a:pt x="9845" y="6952"/>
                    </a:lnTo>
                    <a:lnTo>
                      <a:pt x="9921" y="6839"/>
                    </a:lnTo>
                    <a:lnTo>
                      <a:pt x="10005" y="6734"/>
                    </a:lnTo>
                    <a:lnTo>
                      <a:pt x="10098" y="6636"/>
                    </a:lnTo>
                    <a:lnTo>
                      <a:pt x="10199" y="6547"/>
                    </a:lnTo>
                    <a:lnTo>
                      <a:pt x="10309" y="6466"/>
                    </a:lnTo>
                    <a:lnTo>
                      <a:pt x="10427" y="6394"/>
                    </a:lnTo>
                    <a:lnTo>
                      <a:pt x="10489" y="6361"/>
                    </a:lnTo>
                    <a:lnTo>
                      <a:pt x="10535" y="6337"/>
                    </a:lnTo>
                    <a:lnTo>
                      <a:pt x="10607" y="6303"/>
                    </a:lnTo>
                    <a:lnTo>
                      <a:pt x="10713" y="6266"/>
                    </a:lnTo>
                    <a:lnTo>
                      <a:pt x="10820" y="6237"/>
                    </a:lnTo>
                    <a:lnTo>
                      <a:pt x="10879" y="6223"/>
                    </a:lnTo>
                    <a:lnTo>
                      <a:pt x="10999" y="6201"/>
                    </a:lnTo>
                    <a:lnTo>
                      <a:pt x="11123" y="6188"/>
                    </a:lnTo>
                    <a:lnTo>
                      <a:pt x="11250" y="6185"/>
                    </a:lnTo>
                    <a:lnTo>
                      <a:pt x="11378" y="6192"/>
                    </a:lnTo>
                    <a:lnTo>
                      <a:pt x="11507" y="6207"/>
                    </a:lnTo>
                    <a:lnTo>
                      <a:pt x="11634" y="6232"/>
                    </a:lnTo>
                    <a:lnTo>
                      <a:pt x="11759" y="6265"/>
                    </a:lnTo>
                    <a:lnTo>
                      <a:pt x="11820" y="6286"/>
                    </a:lnTo>
                    <a:lnTo>
                      <a:pt x="11864" y="6302"/>
                    </a:lnTo>
                    <a:lnTo>
                      <a:pt x="11967" y="6348"/>
                    </a:lnTo>
                    <a:lnTo>
                      <a:pt x="12076" y="6402"/>
                    </a:lnTo>
                    <a:lnTo>
                      <a:pt x="12174" y="6458"/>
                    </a:lnTo>
                    <a:lnTo>
                      <a:pt x="12212" y="6482"/>
                    </a:lnTo>
                    <a:lnTo>
                      <a:pt x="12251" y="6510"/>
                    </a:lnTo>
                    <a:lnTo>
                      <a:pt x="12330" y="6575"/>
                    </a:lnTo>
                    <a:lnTo>
                      <a:pt x="12409" y="6649"/>
                    </a:lnTo>
                    <a:lnTo>
                      <a:pt x="12486" y="6730"/>
                    </a:lnTo>
                    <a:lnTo>
                      <a:pt x="12559" y="6816"/>
                    </a:lnTo>
                    <a:lnTo>
                      <a:pt x="12625" y="6903"/>
                    </a:lnTo>
                    <a:lnTo>
                      <a:pt x="12684" y="6992"/>
                    </a:lnTo>
                    <a:lnTo>
                      <a:pt x="12732" y="7078"/>
                    </a:lnTo>
                    <a:lnTo>
                      <a:pt x="12752" y="7119"/>
                    </a:lnTo>
                    <a:lnTo>
                      <a:pt x="12792" y="7211"/>
                    </a:lnTo>
                    <a:lnTo>
                      <a:pt x="12838" y="7339"/>
                    </a:lnTo>
                    <a:lnTo>
                      <a:pt x="12861" y="7422"/>
                    </a:lnTo>
                    <a:lnTo>
                      <a:pt x="12879" y="7507"/>
                    </a:lnTo>
                    <a:lnTo>
                      <a:pt x="12892" y="7595"/>
                    </a:lnTo>
                    <a:lnTo>
                      <a:pt x="12902" y="7737"/>
                    </a:lnTo>
                    <a:lnTo>
                      <a:pt x="12904" y="7844"/>
                    </a:lnTo>
                    <a:lnTo>
                      <a:pt x="12903" y="7914"/>
                    </a:lnTo>
                    <a:lnTo>
                      <a:pt x="12896" y="8046"/>
                    </a:lnTo>
                    <a:lnTo>
                      <a:pt x="12880" y="8169"/>
                    </a:lnTo>
                    <a:lnTo>
                      <a:pt x="12857" y="8286"/>
                    </a:lnTo>
                    <a:lnTo>
                      <a:pt x="12824" y="8398"/>
                    </a:lnTo>
                    <a:lnTo>
                      <a:pt x="12782" y="8507"/>
                    </a:lnTo>
                    <a:lnTo>
                      <a:pt x="12730" y="8615"/>
                    </a:lnTo>
                    <a:lnTo>
                      <a:pt x="12668" y="8723"/>
                    </a:lnTo>
                    <a:lnTo>
                      <a:pt x="12632" y="8777"/>
                    </a:lnTo>
                    <a:lnTo>
                      <a:pt x="12588" y="8841"/>
                    </a:lnTo>
                    <a:lnTo>
                      <a:pt x="12491" y="8960"/>
                    </a:lnTo>
                    <a:lnTo>
                      <a:pt x="12384" y="9067"/>
                    </a:lnTo>
                    <a:lnTo>
                      <a:pt x="12267" y="9164"/>
                    </a:lnTo>
                    <a:lnTo>
                      <a:pt x="12140" y="9250"/>
                    </a:lnTo>
                    <a:lnTo>
                      <a:pt x="12004" y="9324"/>
                    </a:lnTo>
                    <a:lnTo>
                      <a:pt x="11858" y="9387"/>
                    </a:lnTo>
                    <a:lnTo>
                      <a:pt x="11702" y="9439"/>
                    </a:lnTo>
                    <a:lnTo>
                      <a:pt x="11620" y="9461"/>
                    </a:lnTo>
                    <a:lnTo>
                      <a:pt x="11584" y="9469"/>
                    </a:lnTo>
                    <a:lnTo>
                      <a:pt x="11502" y="9482"/>
                    </a:lnTo>
                    <a:lnTo>
                      <a:pt x="11361" y="9495"/>
                    </a:lnTo>
                    <a:lnTo>
                      <a:pt x="11161" y="9498"/>
                    </a:lnTo>
                    <a:lnTo>
                      <a:pt x="11020" y="9489"/>
                    </a:lnTo>
                    <a:lnTo>
                      <a:pt x="10937" y="9478"/>
                    </a:lnTo>
                    <a:lnTo>
                      <a:pt x="10900" y="9471"/>
                    </a:lnTo>
                    <a:lnTo>
                      <a:pt x="10851" y="9460"/>
                    </a:lnTo>
                    <a:lnTo>
                      <a:pt x="10756" y="9433"/>
                    </a:lnTo>
                    <a:lnTo>
                      <a:pt x="10662" y="9402"/>
                    </a:lnTo>
                    <a:lnTo>
                      <a:pt x="10572" y="9365"/>
                    </a:lnTo>
                    <a:lnTo>
                      <a:pt x="10484" y="9324"/>
                    </a:lnTo>
                    <a:lnTo>
                      <a:pt x="10399" y="9277"/>
                    </a:lnTo>
                    <a:lnTo>
                      <a:pt x="10317" y="9226"/>
                    </a:lnTo>
                    <a:lnTo>
                      <a:pt x="10239" y="9170"/>
                    </a:lnTo>
                    <a:lnTo>
                      <a:pt x="10164" y="9110"/>
                    </a:lnTo>
                    <a:lnTo>
                      <a:pt x="10093" y="9046"/>
                    </a:lnTo>
                    <a:lnTo>
                      <a:pt x="10026" y="8978"/>
                    </a:lnTo>
                    <a:lnTo>
                      <a:pt x="9963" y="8906"/>
                    </a:lnTo>
                    <a:lnTo>
                      <a:pt x="9905" y="8830"/>
                    </a:lnTo>
                    <a:lnTo>
                      <a:pt x="9851" y="8750"/>
                    </a:lnTo>
                    <a:lnTo>
                      <a:pt x="9802" y="8667"/>
                    </a:lnTo>
                    <a:lnTo>
                      <a:pt x="9757" y="8580"/>
                    </a:lnTo>
                    <a:lnTo>
                      <a:pt x="9737" y="8536"/>
                    </a:lnTo>
                    <a:lnTo>
                      <a:pt x="9695" y="8440"/>
                    </a:lnTo>
                    <a:lnTo>
                      <a:pt x="9674" y="8397"/>
                    </a:lnTo>
                    <a:lnTo>
                      <a:pt x="9653" y="8395"/>
                    </a:lnTo>
                    <a:lnTo>
                      <a:pt x="9438" y="8390"/>
                    </a:lnTo>
                    <a:lnTo>
                      <a:pt x="8799" y="8385"/>
                    </a:lnTo>
                    <a:lnTo>
                      <a:pt x="6648" y="8377"/>
                    </a:lnTo>
                    <a:lnTo>
                      <a:pt x="3028" y="8376"/>
                    </a:lnTo>
                    <a:lnTo>
                      <a:pt x="877" y="8383"/>
                    </a:lnTo>
                    <a:lnTo>
                      <a:pt x="238" y="8388"/>
                    </a:lnTo>
                    <a:lnTo>
                      <a:pt x="24" y="8393"/>
                    </a:lnTo>
                    <a:lnTo>
                      <a:pt x="4" y="8396"/>
                    </a:lnTo>
                    <a:lnTo>
                      <a:pt x="0" y="8409"/>
                    </a:lnTo>
                    <a:lnTo>
                      <a:pt x="3" y="8487"/>
                    </a:lnTo>
                    <a:lnTo>
                      <a:pt x="23" y="8687"/>
                    </a:lnTo>
                    <a:lnTo>
                      <a:pt x="70" y="9043"/>
                    </a:lnTo>
                    <a:lnTo>
                      <a:pt x="126" y="9378"/>
                    </a:lnTo>
                    <a:lnTo>
                      <a:pt x="150" y="9491"/>
                    </a:lnTo>
                    <a:lnTo>
                      <a:pt x="170" y="9569"/>
                    </a:lnTo>
                    <a:lnTo>
                      <a:pt x="2104" y="9577"/>
                    </a:lnTo>
                    <a:lnTo>
                      <a:pt x="4037" y="9586"/>
                    </a:lnTo>
                    <a:lnTo>
                      <a:pt x="4120" y="9626"/>
                    </a:lnTo>
                    <a:lnTo>
                      <a:pt x="4147" y="9640"/>
                    </a:lnTo>
                    <a:lnTo>
                      <a:pt x="4234" y="9710"/>
                    </a:lnTo>
                    <a:lnTo>
                      <a:pt x="4376" y="9842"/>
                    </a:lnTo>
                    <a:lnTo>
                      <a:pt x="4588" y="10049"/>
                    </a:lnTo>
                    <a:lnTo>
                      <a:pt x="4729" y="10189"/>
                    </a:lnTo>
                    <a:lnTo>
                      <a:pt x="5255" y="10711"/>
                    </a:lnTo>
                    <a:lnTo>
                      <a:pt x="5762" y="10707"/>
                    </a:lnTo>
                    <a:lnTo>
                      <a:pt x="6269" y="10702"/>
                    </a:lnTo>
                    <a:lnTo>
                      <a:pt x="6290" y="10661"/>
                    </a:lnTo>
                    <a:lnTo>
                      <a:pt x="6320" y="10600"/>
                    </a:lnTo>
                    <a:lnTo>
                      <a:pt x="6372" y="10494"/>
                    </a:lnTo>
                    <a:lnTo>
                      <a:pt x="6394" y="10450"/>
                    </a:lnTo>
                    <a:lnTo>
                      <a:pt x="6441" y="10365"/>
                    </a:lnTo>
                    <a:lnTo>
                      <a:pt x="6492" y="10285"/>
                    </a:lnTo>
                    <a:lnTo>
                      <a:pt x="6547" y="10208"/>
                    </a:lnTo>
                    <a:lnTo>
                      <a:pt x="6606" y="10135"/>
                    </a:lnTo>
                    <a:lnTo>
                      <a:pt x="6668" y="10067"/>
                    </a:lnTo>
                    <a:lnTo>
                      <a:pt x="6734" y="10003"/>
                    </a:lnTo>
                    <a:lnTo>
                      <a:pt x="6803" y="9943"/>
                    </a:lnTo>
                    <a:lnTo>
                      <a:pt x="6876" y="9887"/>
                    </a:lnTo>
                    <a:lnTo>
                      <a:pt x="6952" y="9836"/>
                    </a:lnTo>
                    <a:lnTo>
                      <a:pt x="7032" y="9789"/>
                    </a:lnTo>
                    <a:lnTo>
                      <a:pt x="7115" y="9746"/>
                    </a:lnTo>
                    <a:lnTo>
                      <a:pt x="7201" y="9708"/>
                    </a:lnTo>
                    <a:lnTo>
                      <a:pt x="7291" y="9674"/>
                    </a:lnTo>
                    <a:lnTo>
                      <a:pt x="7383" y="9644"/>
                    </a:lnTo>
                    <a:lnTo>
                      <a:pt x="7479" y="9620"/>
                    </a:lnTo>
                    <a:lnTo>
                      <a:pt x="7529" y="9609"/>
                    </a:lnTo>
                    <a:lnTo>
                      <a:pt x="7563" y="9602"/>
                    </a:lnTo>
                    <a:lnTo>
                      <a:pt x="7643" y="9593"/>
                    </a:lnTo>
                    <a:lnTo>
                      <a:pt x="7782" y="9586"/>
                    </a:lnTo>
                    <a:lnTo>
                      <a:pt x="7981" y="9591"/>
                    </a:lnTo>
                    <a:lnTo>
                      <a:pt x="8120" y="9606"/>
                    </a:lnTo>
                    <a:lnTo>
                      <a:pt x="8202" y="9619"/>
                    </a:lnTo>
                    <a:lnTo>
                      <a:pt x="8237" y="9627"/>
                    </a:lnTo>
                    <a:lnTo>
                      <a:pt x="8290" y="9641"/>
                    </a:lnTo>
                    <a:lnTo>
                      <a:pt x="8392" y="9673"/>
                    </a:lnTo>
                    <a:lnTo>
                      <a:pt x="8490" y="9709"/>
                    </a:lnTo>
                    <a:lnTo>
                      <a:pt x="8585" y="9750"/>
                    </a:lnTo>
                    <a:lnTo>
                      <a:pt x="8676" y="9796"/>
                    </a:lnTo>
                    <a:lnTo>
                      <a:pt x="8763" y="9847"/>
                    </a:lnTo>
                    <a:lnTo>
                      <a:pt x="8845" y="9902"/>
                    </a:lnTo>
                    <a:lnTo>
                      <a:pt x="8924" y="9962"/>
                    </a:lnTo>
                    <a:lnTo>
                      <a:pt x="8998" y="10027"/>
                    </a:lnTo>
                    <a:lnTo>
                      <a:pt x="9068" y="10096"/>
                    </a:lnTo>
                    <a:lnTo>
                      <a:pt x="9134" y="10169"/>
                    </a:lnTo>
                    <a:lnTo>
                      <a:pt x="9195" y="10247"/>
                    </a:lnTo>
                    <a:lnTo>
                      <a:pt x="9251" y="10328"/>
                    </a:lnTo>
                    <a:lnTo>
                      <a:pt x="9303" y="10414"/>
                    </a:lnTo>
                    <a:lnTo>
                      <a:pt x="9350" y="10504"/>
                    </a:lnTo>
                    <a:lnTo>
                      <a:pt x="9393" y="10599"/>
                    </a:lnTo>
                    <a:lnTo>
                      <a:pt x="9412" y="10647"/>
                    </a:lnTo>
                    <a:lnTo>
                      <a:pt x="9428" y="10693"/>
                    </a:lnTo>
                    <a:lnTo>
                      <a:pt x="9457" y="10791"/>
                    </a:lnTo>
                    <a:lnTo>
                      <a:pt x="9482" y="10899"/>
                    </a:lnTo>
                    <a:lnTo>
                      <a:pt x="9502" y="11021"/>
                    </a:lnTo>
                    <a:lnTo>
                      <a:pt x="9510" y="11089"/>
                    </a:lnTo>
                    <a:lnTo>
                      <a:pt x="9517" y="11155"/>
                    </a:lnTo>
                    <a:lnTo>
                      <a:pt x="9519" y="11290"/>
                    </a:lnTo>
                    <a:lnTo>
                      <a:pt x="9509" y="11429"/>
                    </a:lnTo>
                    <a:lnTo>
                      <a:pt x="9487" y="11569"/>
                    </a:lnTo>
                    <a:lnTo>
                      <a:pt x="9452" y="11707"/>
                    </a:lnTo>
                    <a:lnTo>
                      <a:pt x="9407" y="11843"/>
                    </a:lnTo>
                    <a:lnTo>
                      <a:pt x="9351" y="11974"/>
                    </a:lnTo>
                    <a:lnTo>
                      <a:pt x="9284" y="12099"/>
                    </a:lnTo>
                    <a:lnTo>
                      <a:pt x="9247" y="12157"/>
                    </a:lnTo>
                    <a:lnTo>
                      <a:pt x="9217" y="12201"/>
                    </a:lnTo>
                    <a:lnTo>
                      <a:pt x="9154" y="12284"/>
                    </a:lnTo>
                    <a:lnTo>
                      <a:pt x="9087" y="12362"/>
                    </a:lnTo>
                    <a:lnTo>
                      <a:pt x="9015" y="12435"/>
                    </a:lnTo>
                    <a:lnTo>
                      <a:pt x="8940" y="12504"/>
                    </a:lnTo>
                    <a:lnTo>
                      <a:pt x="8860" y="12567"/>
                    </a:lnTo>
                    <a:lnTo>
                      <a:pt x="8777" y="12625"/>
                    </a:lnTo>
                    <a:lnTo>
                      <a:pt x="8690" y="12677"/>
                    </a:lnTo>
                    <a:lnTo>
                      <a:pt x="8600" y="12724"/>
                    </a:lnTo>
                    <a:lnTo>
                      <a:pt x="8507" y="12766"/>
                    </a:lnTo>
                    <a:lnTo>
                      <a:pt x="8410" y="12802"/>
                    </a:lnTo>
                    <a:lnTo>
                      <a:pt x="8312" y="12832"/>
                    </a:lnTo>
                    <a:lnTo>
                      <a:pt x="8210" y="12856"/>
                    </a:lnTo>
                    <a:lnTo>
                      <a:pt x="8106" y="12875"/>
                    </a:lnTo>
                    <a:lnTo>
                      <a:pt x="8000" y="12887"/>
                    </a:lnTo>
                    <a:lnTo>
                      <a:pt x="7892" y="12893"/>
                    </a:lnTo>
                    <a:lnTo>
                      <a:pt x="7837" y="12894"/>
                    </a:lnTo>
                    <a:lnTo>
                      <a:pt x="7776" y="12893"/>
                    </a:lnTo>
                    <a:lnTo>
                      <a:pt x="7657" y="12886"/>
                    </a:lnTo>
                    <a:lnTo>
                      <a:pt x="7541" y="12870"/>
                    </a:lnTo>
                    <a:lnTo>
                      <a:pt x="7428" y="12847"/>
                    </a:lnTo>
                    <a:lnTo>
                      <a:pt x="7318" y="12816"/>
                    </a:lnTo>
                    <a:lnTo>
                      <a:pt x="7212" y="12779"/>
                    </a:lnTo>
                    <a:lnTo>
                      <a:pt x="7110" y="12734"/>
                    </a:lnTo>
                    <a:lnTo>
                      <a:pt x="7011" y="12682"/>
                    </a:lnTo>
                    <a:lnTo>
                      <a:pt x="6917" y="12623"/>
                    </a:lnTo>
                    <a:lnTo>
                      <a:pt x="6827" y="12557"/>
                    </a:lnTo>
                    <a:lnTo>
                      <a:pt x="6742" y="12485"/>
                    </a:lnTo>
                    <a:lnTo>
                      <a:pt x="6662" y="12406"/>
                    </a:lnTo>
                    <a:lnTo>
                      <a:pt x="6586" y="12321"/>
                    </a:lnTo>
                    <a:lnTo>
                      <a:pt x="6516" y="12229"/>
                    </a:lnTo>
                    <a:lnTo>
                      <a:pt x="6451" y="12132"/>
                    </a:lnTo>
                    <a:lnTo>
                      <a:pt x="6392" y="12028"/>
                    </a:lnTo>
                    <a:lnTo>
                      <a:pt x="6365" y="11974"/>
                    </a:lnTo>
                    <a:lnTo>
                      <a:pt x="6270" y="11779"/>
                    </a:lnTo>
                    <a:lnTo>
                      <a:pt x="5614" y="11777"/>
                    </a:lnTo>
                    <a:lnTo>
                      <a:pt x="5302" y="11777"/>
                    </a:lnTo>
                    <a:lnTo>
                      <a:pt x="5017" y="11770"/>
                    </a:lnTo>
                    <a:lnTo>
                      <a:pt x="4912" y="11762"/>
                    </a:lnTo>
                    <a:lnTo>
                      <a:pt x="4889" y="11757"/>
                    </a:lnTo>
                    <a:lnTo>
                      <a:pt x="4865" y="11750"/>
                    </a:lnTo>
                    <a:lnTo>
                      <a:pt x="4817" y="11729"/>
                    </a:lnTo>
                    <a:lnTo>
                      <a:pt x="4764" y="11697"/>
                    </a:lnTo>
                    <a:lnTo>
                      <a:pt x="4700" y="11650"/>
                    </a:lnTo>
                    <a:lnTo>
                      <a:pt x="4579" y="11544"/>
                    </a:lnTo>
                    <a:lnTo>
                      <a:pt x="4335" y="11309"/>
                    </a:lnTo>
                    <a:lnTo>
                      <a:pt x="4162" y="11136"/>
                    </a:lnTo>
                    <a:lnTo>
                      <a:pt x="3670" y="10644"/>
                    </a:lnTo>
                    <a:lnTo>
                      <a:pt x="2084" y="10644"/>
                    </a:lnTo>
                    <a:lnTo>
                      <a:pt x="1199" y="10644"/>
                    </a:lnTo>
                    <a:lnTo>
                      <a:pt x="627" y="10651"/>
                    </a:lnTo>
                    <a:lnTo>
                      <a:pt x="523" y="10658"/>
                    </a:lnTo>
                    <a:lnTo>
                      <a:pt x="497" y="10664"/>
                    </a:lnTo>
                    <a:lnTo>
                      <a:pt x="495" y="10667"/>
                    </a:lnTo>
                    <a:lnTo>
                      <a:pt x="496" y="10678"/>
                    </a:lnTo>
                    <a:lnTo>
                      <a:pt x="506" y="10697"/>
                    </a:lnTo>
                    <a:lnTo>
                      <a:pt x="512" y="10702"/>
                    </a:lnTo>
                    <a:lnTo>
                      <a:pt x="518" y="10708"/>
                    </a:lnTo>
                    <a:lnTo>
                      <a:pt x="528" y="10726"/>
                    </a:lnTo>
                    <a:lnTo>
                      <a:pt x="529" y="10736"/>
                    </a:lnTo>
                    <a:lnTo>
                      <a:pt x="531" y="10750"/>
                    </a:lnTo>
                    <a:lnTo>
                      <a:pt x="553" y="10811"/>
                    </a:lnTo>
                    <a:lnTo>
                      <a:pt x="569" y="10847"/>
                    </a:lnTo>
                    <a:lnTo>
                      <a:pt x="611" y="10944"/>
                    </a:lnTo>
                    <a:lnTo>
                      <a:pt x="662" y="11061"/>
                    </a:lnTo>
                    <a:lnTo>
                      <a:pt x="691" y="11126"/>
                    </a:lnTo>
                    <a:lnTo>
                      <a:pt x="759" y="11270"/>
                    </a:lnTo>
                    <a:lnTo>
                      <a:pt x="878" y="11503"/>
                    </a:lnTo>
                    <a:lnTo>
                      <a:pt x="1061" y="11830"/>
                    </a:lnTo>
                    <a:lnTo>
                      <a:pt x="1251" y="12141"/>
                    </a:lnTo>
                    <a:lnTo>
                      <a:pt x="1342" y="12277"/>
                    </a:lnTo>
                    <a:lnTo>
                      <a:pt x="1450" y="12433"/>
                    </a:lnTo>
                    <a:lnTo>
                      <a:pt x="1657" y="12710"/>
                    </a:lnTo>
                    <a:lnTo>
                      <a:pt x="1874" y="12970"/>
                    </a:lnTo>
                    <a:lnTo>
                      <a:pt x="2125" y="13243"/>
                    </a:lnTo>
                    <a:lnTo>
                      <a:pt x="2274" y="13396"/>
                    </a:lnTo>
                    <a:lnTo>
                      <a:pt x="2595" y="13721"/>
                    </a:lnTo>
                    <a:lnTo>
                      <a:pt x="2137" y="15551"/>
                    </a:lnTo>
                    <a:lnTo>
                      <a:pt x="1903" y="16490"/>
                    </a:lnTo>
                    <a:lnTo>
                      <a:pt x="1728" y="17221"/>
                    </a:lnTo>
                    <a:lnTo>
                      <a:pt x="1690" y="17401"/>
                    </a:lnTo>
                    <a:lnTo>
                      <a:pt x="1679" y="17468"/>
                    </a:lnTo>
                    <a:lnTo>
                      <a:pt x="1679" y="17486"/>
                    </a:lnTo>
                    <a:lnTo>
                      <a:pt x="1679" y="17515"/>
                    </a:lnTo>
                    <a:lnTo>
                      <a:pt x="1684" y="17565"/>
                    </a:lnTo>
                    <a:lnTo>
                      <a:pt x="1695" y="17611"/>
                    </a:lnTo>
                    <a:lnTo>
                      <a:pt x="1715" y="17661"/>
                    </a:lnTo>
                    <a:lnTo>
                      <a:pt x="1729" y="17691"/>
                    </a:lnTo>
                    <a:lnTo>
                      <a:pt x="1752" y="17735"/>
                    </a:lnTo>
                    <a:lnTo>
                      <a:pt x="1806" y="17809"/>
                    </a:lnTo>
                    <a:lnTo>
                      <a:pt x="1873" y="17871"/>
                    </a:lnTo>
                    <a:lnTo>
                      <a:pt x="1956" y="17923"/>
                    </a:lnTo>
                    <a:lnTo>
                      <a:pt x="2007" y="17947"/>
                    </a:lnTo>
                    <a:lnTo>
                      <a:pt x="2112" y="17994"/>
                    </a:lnTo>
                    <a:lnTo>
                      <a:pt x="5864" y="17994"/>
                    </a:lnTo>
                    <a:lnTo>
                      <a:pt x="9617" y="17994"/>
                    </a:lnTo>
                    <a:lnTo>
                      <a:pt x="9715" y="17959"/>
                    </a:lnTo>
                    <a:lnTo>
                      <a:pt x="9756" y="17942"/>
                    </a:lnTo>
                    <a:lnTo>
                      <a:pt x="9837" y="17895"/>
                    </a:lnTo>
                    <a:lnTo>
                      <a:pt x="9912" y="17834"/>
                    </a:lnTo>
                    <a:lnTo>
                      <a:pt x="9975" y="17766"/>
                    </a:lnTo>
                    <a:lnTo>
                      <a:pt x="9999" y="17731"/>
                    </a:lnTo>
                    <a:lnTo>
                      <a:pt x="10010" y="17706"/>
                    </a:lnTo>
                    <a:lnTo>
                      <a:pt x="10053" y="17567"/>
                    </a:lnTo>
                    <a:lnTo>
                      <a:pt x="10161" y="17167"/>
                    </a:lnTo>
                    <a:lnTo>
                      <a:pt x="10270" y="16736"/>
                    </a:lnTo>
                    <a:lnTo>
                      <a:pt x="10505" y="15802"/>
                    </a:lnTo>
                    <a:lnTo>
                      <a:pt x="10604" y="15806"/>
                    </a:lnTo>
                    <a:lnTo>
                      <a:pt x="10651" y="15808"/>
                    </a:lnTo>
                    <a:lnTo>
                      <a:pt x="10773" y="15820"/>
                    </a:lnTo>
                    <a:lnTo>
                      <a:pt x="10829" y="15827"/>
                    </a:lnTo>
                    <a:lnTo>
                      <a:pt x="11190" y="15881"/>
                    </a:lnTo>
                    <a:lnTo>
                      <a:pt x="11704" y="15954"/>
                    </a:lnTo>
                    <a:lnTo>
                      <a:pt x="12013" y="15997"/>
                    </a:lnTo>
                    <a:lnTo>
                      <a:pt x="12345" y="16044"/>
                    </a:lnTo>
                    <a:lnTo>
                      <a:pt x="12639" y="16087"/>
                    </a:lnTo>
                    <a:lnTo>
                      <a:pt x="12812" y="16111"/>
                    </a:lnTo>
                    <a:lnTo>
                      <a:pt x="12931" y="16128"/>
                    </a:lnTo>
                    <a:lnTo>
                      <a:pt x="13037" y="16144"/>
                    </a:lnTo>
                    <a:lnTo>
                      <a:pt x="13130" y="16157"/>
                    </a:lnTo>
                    <a:lnTo>
                      <a:pt x="13204" y="16169"/>
                    </a:lnTo>
                    <a:lnTo>
                      <a:pt x="13335" y="16187"/>
                    </a:lnTo>
                    <a:lnTo>
                      <a:pt x="13620" y="16229"/>
                    </a:lnTo>
                    <a:lnTo>
                      <a:pt x="13766" y="16250"/>
                    </a:lnTo>
                    <a:lnTo>
                      <a:pt x="14011" y="16278"/>
                    </a:lnTo>
                    <a:lnTo>
                      <a:pt x="14072" y="16281"/>
                    </a:lnTo>
                    <a:lnTo>
                      <a:pt x="14109" y="16280"/>
                    </a:lnTo>
                    <a:lnTo>
                      <a:pt x="14182" y="16271"/>
                    </a:lnTo>
                    <a:lnTo>
                      <a:pt x="14253" y="16251"/>
                    </a:lnTo>
                    <a:lnTo>
                      <a:pt x="14320" y="16223"/>
                    </a:lnTo>
                    <a:lnTo>
                      <a:pt x="14383" y="16186"/>
                    </a:lnTo>
                    <a:lnTo>
                      <a:pt x="14439" y="16141"/>
                    </a:lnTo>
                    <a:lnTo>
                      <a:pt x="14487" y="16090"/>
                    </a:lnTo>
                    <a:lnTo>
                      <a:pt x="14526" y="16032"/>
                    </a:lnTo>
                    <a:lnTo>
                      <a:pt x="14542" y="16001"/>
                    </a:lnTo>
                    <a:lnTo>
                      <a:pt x="14557" y="15954"/>
                    </a:lnTo>
                    <a:lnTo>
                      <a:pt x="14653" y="15595"/>
                    </a:lnTo>
                    <a:lnTo>
                      <a:pt x="14901" y="14626"/>
                    </a:lnTo>
                    <a:lnTo>
                      <a:pt x="15120" y="13756"/>
                    </a:lnTo>
                    <a:lnTo>
                      <a:pt x="15337" y="12888"/>
                    </a:lnTo>
                    <a:lnTo>
                      <a:pt x="15580" y="11939"/>
                    </a:lnTo>
                    <a:lnTo>
                      <a:pt x="15670" y="11600"/>
                    </a:lnTo>
                    <a:lnTo>
                      <a:pt x="15682" y="11564"/>
                    </a:lnTo>
                    <a:lnTo>
                      <a:pt x="15734" y="11525"/>
                    </a:lnTo>
                    <a:lnTo>
                      <a:pt x="16162" y="11234"/>
                    </a:lnTo>
                    <a:lnTo>
                      <a:pt x="16470" y="11027"/>
                    </a:lnTo>
                    <a:lnTo>
                      <a:pt x="16789" y="10814"/>
                    </a:lnTo>
                    <a:lnTo>
                      <a:pt x="17140" y="10570"/>
                    </a:lnTo>
                    <a:lnTo>
                      <a:pt x="17274" y="10470"/>
                    </a:lnTo>
                    <a:lnTo>
                      <a:pt x="17297" y="10449"/>
                    </a:lnTo>
                    <a:lnTo>
                      <a:pt x="17325" y="10416"/>
                    </a:lnTo>
                    <a:lnTo>
                      <a:pt x="17369" y="10344"/>
                    </a:lnTo>
                    <a:lnTo>
                      <a:pt x="17401" y="10265"/>
                    </a:lnTo>
                    <a:lnTo>
                      <a:pt x="17420" y="10182"/>
                    </a:lnTo>
                    <a:lnTo>
                      <a:pt x="17426" y="10097"/>
                    </a:lnTo>
                    <a:lnTo>
                      <a:pt x="17419" y="10013"/>
                    </a:lnTo>
                    <a:lnTo>
                      <a:pt x="17398" y="9932"/>
                    </a:lnTo>
                    <a:lnTo>
                      <a:pt x="17363" y="9856"/>
                    </a:lnTo>
                    <a:lnTo>
                      <a:pt x="17340" y="9821"/>
                    </a:lnTo>
                    <a:lnTo>
                      <a:pt x="17135" y="9544"/>
                    </a:lnTo>
                    <a:lnTo>
                      <a:pt x="16519" y="8719"/>
                    </a:lnTo>
                    <a:lnTo>
                      <a:pt x="15732" y="7669"/>
                    </a:lnTo>
                    <a:lnTo>
                      <a:pt x="15722" y="7511"/>
                    </a:lnTo>
                    <a:lnTo>
                      <a:pt x="15705" y="7285"/>
                    </a:lnTo>
                    <a:lnTo>
                      <a:pt x="15662" y="6864"/>
                    </a:lnTo>
                    <a:lnTo>
                      <a:pt x="15602" y="6463"/>
                    </a:lnTo>
                    <a:lnTo>
                      <a:pt x="15525" y="6065"/>
                    </a:lnTo>
                    <a:lnTo>
                      <a:pt x="15477" y="5861"/>
                    </a:lnTo>
                    <a:lnTo>
                      <a:pt x="15457" y="5781"/>
                    </a:lnTo>
                    <a:lnTo>
                      <a:pt x="15391" y="5552"/>
                    </a:lnTo>
                    <a:lnTo>
                      <a:pt x="15315" y="5303"/>
                    </a:lnTo>
                    <a:lnTo>
                      <a:pt x="15250" y="5105"/>
                    </a:lnTo>
                    <a:lnTo>
                      <a:pt x="15230" y="5052"/>
                    </a:lnTo>
                    <a:lnTo>
                      <a:pt x="15201" y="4982"/>
                    </a:lnTo>
                    <a:lnTo>
                      <a:pt x="15137" y="4819"/>
                    </a:lnTo>
                    <a:lnTo>
                      <a:pt x="15084" y="4688"/>
                    </a:lnTo>
                    <a:lnTo>
                      <a:pt x="14969" y="4429"/>
                    </a:lnTo>
                    <a:lnTo>
                      <a:pt x="14844" y="4174"/>
                    </a:lnTo>
                    <a:lnTo>
                      <a:pt x="14709" y="3924"/>
                    </a:lnTo>
                    <a:lnTo>
                      <a:pt x="14564" y="3679"/>
                    </a:lnTo>
                    <a:lnTo>
                      <a:pt x="14410" y="3440"/>
                    </a:lnTo>
                    <a:lnTo>
                      <a:pt x="14246" y="3206"/>
                    </a:lnTo>
                    <a:lnTo>
                      <a:pt x="14074" y="2979"/>
                    </a:lnTo>
                    <a:lnTo>
                      <a:pt x="13892" y="2757"/>
                    </a:lnTo>
                    <a:lnTo>
                      <a:pt x="13702" y="2543"/>
                    </a:lnTo>
                    <a:lnTo>
                      <a:pt x="13504" y="2335"/>
                    </a:lnTo>
                    <a:lnTo>
                      <a:pt x="13298" y="2135"/>
                    </a:lnTo>
                    <a:lnTo>
                      <a:pt x="13085" y="1943"/>
                    </a:lnTo>
                    <a:lnTo>
                      <a:pt x="12864" y="1759"/>
                    </a:lnTo>
                    <a:lnTo>
                      <a:pt x="12636" y="1583"/>
                    </a:lnTo>
                    <a:lnTo>
                      <a:pt x="12401" y="1415"/>
                    </a:lnTo>
                    <a:lnTo>
                      <a:pt x="12280" y="1336"/>
                    </a:lnTo>
                    <a:lnTo>
                      <a:pt x="12130" y="1240"/>
                    </a:lnTo>
                    <a:lnTo>
                      <a:pt x="11803" y="1046"/>
                    </a:lnTo>
                    <a:lnTo>
                      <a:pt x="11474" y="868"/>
                    </a:lnTo>
                    <a:lnTo>
                      <a:pt x="11249" y="758"/>
                    </a:lnTo>
                    <a:lnTo>
                      <a:pt x="11116" y="699"/>
                    </a:lnTo>
                    <a:lnTo>
                      <a:pt x="11057" y="676"/>
                    </a:lnTo>
                    <a:lnTo>
                      <a:pt x="10980" y="645"/>
                    </a:lnTo>
                    <a:lnTo>
                      <a:pt x="10920" y="619"/>
                    </a:lnTo>
                    <a:lnTo>
                      <a:pt x="10844" y="587"/>
                    </a:lnTo>
                    <a:lnTo>
                      <a:pt x="10628" y="506"/>
                    </a:lnTo>
                    <a:lnTo>
                      <a:pt x="10384" y="421"/>
                    </a:lnTo>
                    <a:lnTo>
                      <a:pt x="10162" y="349"/>
                    </a:lnTo>
                    <a:lnTo>
                      <a:pt x="10079" y="326"/>
                    </a:lnTo>
                    <a:lnTo>
                      <a:pt x="9932" y="286"/>
                    </a:lnTo>
                    <a:lnTo>
                      <a:pt x="9703" y="227"/>
                    </a:lnTo>
                    <a:lnTo>
                      <a:pt x="9637" y="212"/>
                    </a:lnTo>
                    <a:lnTo>
                      <a:pt x="9478" y="179"/>
                    </a:lnTo>
                    <a:lnTo>
                      <a:pt x="9197" y="126"/>
                    </a:lnTo>
                    <a:lnTo>
                      <a:pt x="9020" y="96"/>
                    </a:lnTo>
                    <a:lnTo>
                      <a:pt x="8922" y="81"/>
                    </a:lnTo>
                    <a:lnTo>
                      <a:pt x="8554" y="38"/>
                    </a:lnTo>
                    <a:lnTo>
                      <a:pt x="8362" y="17"/>
                    </a:lnTo>
                    <a:lnTo>
                      <a:pt x="8279" y="11"/>
                    </a:lnTo>
                    <a:lnTo>
                      <a:pt x="7976" y="3"/>
                    </a:lnTo>
                    <a:lnTo>
                      <a:pt x="7630" y="0"/>
                    </a:lnTo>
                    <a:lnTo>
                      <a:pt x="7376" y="4"/>
                    </a:lnTo>
                    <a:lnTo>
                      <a:pt x="7337" y="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355" name="Freeform 6"/>
              <p:cNvSpPr>
                <a:spLocks/>
              </p:cNvSpPr>
              <p:nvPr/>
            </p:nvSpPr>
            <p:spPr bwMode="auto">
              <a:xfrm>
                <a:off x="3493" y="928"/>
                <a:ext cx="281" cy="283"/>
              </a:xfrm>
              <a:custGeom>
                <a:avLst/>
                <a:gdLst>
                  <a:gd name="T0" fmla="*/ 355 w 1170"/>
                  <a:gd name="T1" fmla="*/ 42 h 1180"/>
                  <a:gd name="T2" fmla="*/ 326 w 1170"/>
                  <a:gd name="T3" fmla="*/ 55 h 1180"/>
                  <a:gd name="T4" fmla="*/ 272 w 1170"/>
                  <a:gd name="T5" fmla="*/ 84 h 1180"/>
                  <a:gd name="T6" fmla="*/ 223 w 1170"/>
                  <a:gd name="T7" fmla="*/ 118 h 1180"/>
                  <a:gd name="T8" fmla="*/ 178 w 1170"/>
                  <a:gd name="T9" fmla="*/ 158 h 1180"/>
                  <a:gd name="T10" fmla="*/ 138 w 1170"/>
                  <a:gd name="T11" fmla="*/ 201 h 1180"/>
                  <a:gd name="T12" fmla="*/ 102 w 1170"/>
                  <a:gd name="T13" fmla="*/ 248 h 1180"/>
                  <a:gd name="T14" fmla="*/ 72 w 1170"/>
                  <a:gd name="T15" fmla="*/ 298 h 1180"/>
                  <a:gd name="T16" fmla="*/ 46 w 1170"/>
                  <a:gd name="T17" fmla="*/ 352 h 1180"/>
                  <a:gd name="T18" fmla="*/ 27 w 1170"/>
                  <a:gd name="T19" fmla="*/ 408 h 1180"/>
                  <a:gd name="T20" fmla="*/ 12 w 1170"/>
                  <a:gd name="T21" fmla="*/ 466 h 1180"/>
                  <a:gd name="T22" fmla="*/ 3 w 1170"/>
                  <a:gd name="T23" fmla="*/ 525 h 1180"/>
                  <a:gd name="T24" fmla="*/ 0 w 1170"/>
                  <a:gd name="T25" fmla="*/ 586 h 1180"/>
                  <a:gd name="T26" fmla="*/ 3 w 1170"/>
                  <a:gd name="T27" fmla="*/ 647 h 1180"/>
                  <a:gd name="T28" fmla="*/ 12 w 1170"/>
                  <a:gd name="T29" fmla="*/ 709 h 1180"/>
                  <a:gd name="T30" fmla="*/ 28 w 1170"/>
                  <a:gd name="T31" fmla="*/ 770 h 1180"/>
                  <a:gd name="T32" fmla="*/ 50 w 1170"/>
                  <a:gd name="T33" fmla="*/ 831 h 1180"/>
                  <a:gd name="T34" fmla="*/ 63 w 1170"/>
                  <a:gd name="T35" fmla="*/ 861 h 1180"/>
                  <a:gd name="T36" fmla="*/ 83 w 1170"/>
                  <a:gd name="T37" fmla="*/ 900 h 1180"/>
                  <a:gd name="T38" fmla="*/ 130 w 1170"/>
                  <a:gd name="T39" fmla="*/ 969 h 1180"/>
                  <a:gd name="T40" fmla="*/ 185 w 1170"/>
                  <a:gd name="T41" fmla="*/ 1029 h 1180"/>
                  <a:gd name="T42" fmla="*/ 247 w 1170"/>
                  <a:gd name="T43" fmla="*/ 1079 h 1180"/>
                  <a:gd name="T44" fmla="*/ 314 w 1170"/>
                  <a:gd name="T45" fmla="*/ 1119 h 1180"/>
                  <a:gd name="T46" fmla="*/ 386 w 1170"/>
                  <a:gd name="T47" fmla="*/ 1149 h 1180"/>
                  <a:gd name="T48" fmla="*/ 461 w 1170"/>
                  <a:gd name="T49" fmla="*/ 1169 h 1180"/>
                  <a:gd name="T50" fmla="*/ 539 w 1170"/>
                  <a:gd name="T51" fmla="*/ 1180 h 1180"/>
                  <a:gd name="T52" fmla="*/ 617 w 1170"/>
                  <a:gd name="T53" fmla="*/ 1180 h 1180"/>
                  <a:gd name="T54" fmla="*/ 695 w 1170"/>
                  <a:gd name="T55" fmla="*/ 1170 h 1180"/>
                  <a:gd name="T56" fmla="*/ 771 w 1170"/>
                  <a:gd name="T57" fmla="*/ 1150 h 1180"/>
                  <a:gd name="T58" fmla="*/ 845 w 1170"/>
                  <a:gd name="T59" fmla="*/ 1121 h 1180"/>
                  <a:gd name="T60" fmla="*/ 915 w 1170"/>
                  <a:gd name="T61" fmla="*/ 1081 h 1180"/>
                  <a:gd name="T62" fmla="*/ 980 w 1170"/>
                  <a:gd name="T63" fmla="*/ 1032 h 1180"/>
                  <a:gd name="T64" fmla="*/ 1039 w 1170"/>
                  <a:gd name="T65" fmla="*/ 972 h 1180"/>
                  <a:gd name="T66" fmla="*/ 1091 w 1170"/>
                  <a:gd name="T67" fmla="*/ 903 h 1180"/>
                  <a:gd name="T68" fmla="*/ 1113 w 1170"/>
                  <a:gd name="T69" fmla="*/ 864 h 1180"/>
                  <a:gd name="T70" fmla="*/ 1132 w 1170"/>
                  <a:gd name="T71" fmla="*/ 829 h 1180"/>
                  <a:gd name="T72" fmla="*/ 1155 w 1170"/>
                  <a:gd name="T73" fmla="*/ 776 h 1180"/>
                  <a:gd name="T74" fmla="*/ 1166 w 1170"/>
                  <a:gd name="T75" fmla="*/ 722 h 1180"/>
                  <a:gd name="T76" fmla="*/ 1170 w 1170"/>
                  <a:gd name="T77" fmla="*/ 647 h 1180"/>
                  <a:gd name="T78" fmla="*/ 1170 w 1170"/>
                  <a:gd name="T79" fmla="*/ 592 h 1180"/>
                  <a:gd name="T80" fmla="*/ 1170 w 1170"/>
                  <a:gd name="T81" fmla="*/ 540 h 1180"/>
                  <a:gd name="T82" fmla="*/ 1166 w 1170"/>
                  <a:gd name="T83" fmla="*/ 465 h 1180"/>
                  <a:gd name="T84" fmla="*/ 1156 w 1170"/>
                  <a:gd name="T85" fmla="*/ 411 h 1180"/>
                  <a:gd name="T86" fmla="*/ 1136 w 1170"/>
                  <a:gd name="T87" fmla="*/ 360 h 1180"/>
                  <a:gd name="T88" fmla="*/ 1120 w 1170"/>
                  <a:gd name="T89" fmla="*/ 329 h 1180"/>
                  <a:gd name="T90" fmla="*/ 1108 w 1170"/>
                  <a:gd name="T91" fmla="*/ 306 h 1180"/>
                  <a:gd name="T92" fmla="*/ 1078 w 1170"/>
                  <a:gd name="T93" fmla="*/ 259 h 1180"/>
                  <a:gd name="T94" fmla="*/ 1044 w 1170"/>
                  <a:gd name="T95" fmla="*/ 215 h 1180"/>
                  <a:gd name="T96" fmla="*/ 1004 w 1170"/>
                  <a:gd name="T97" fmla="*/ 172 h 1180"/>
                  <a:gd name="T98" fmla="*/ 962 w 1170"/>
                  <a:gd name="T99" fmla="*/ 133 h 1180"/>
                  <a:gd name="T100" fmla="*/ 918 w 1170"/>
                  <a:gd name="T101" fmla="*/ 98 h 1180"/>
                  <a:gd name="T102" fmla="*/ 872 w 1170"/>
                  <a:gd name="T103" fmla="*/ 68 h 1180"/>
                  <a:gd name="T104" fmla="*/ 826 w 1170"/>
                  <a:gd name="T105" fmla="*/ 45 h 1180"/>
                  <a:gd name="T106" fmla="*/ 803 w 1170"/>
                  <a:gd name="T107" fmla="*/ 36 h 1180"/>
                  <a:gd name="T108" fmla="*/ 778 w 1170"/>
                  <a:gd name="T109" fmla="*/ 27 h 1180"/>
                  <a:gd name="T110" fmla="*/ 724 w 1170"/>
                  <a:gd name="T111" fmla="*/ 13 h 1180"/>
                  <a:gd name="T112" fmla="*/ 667 w 1170"/>
                  <a:gd name="T113" fmla="*/ 4 h 1180"/>
                  <a:gd name="T114" fmla="*/ 608 w 1170"/>
                  <a:gd name="T115" fmla="*/ 0 h 1180"/>
                  <a:gd name="T116" fmla="*/ 548 w 1170"/>
                  <a:gd name="T117" fmla="*/ 1 h 1180"/>
                  <a:gd name="T118" fmla="*/ 490 w 1170"/>
                  <a:gd name="T119" fmla="*/ 7 h 1180"/>
                  <a:gd name="T120" fmla="*/ 433 w 1170"/>
                  <a:gd name="T121" fmla="*/ 17 h 1180"/>
                  <a:gd name="T122" fmla="*/ 380 w 1170"/>
                  <a:gd name="T123" fmla="*/ 33 h 1180"/>
                  <a:gd name="T124" fmla="*/ 355 w 1170"/>
                  <a:gd name="T125" fmla="*/ 42 h 1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170" h="1180">
                    <a:moveTo>
                      <a:pt x="355" y="42"/>
                    </a:moveTo>
                    <a:lnTo>
                      <a:pt x="326" y="55"/>
                    </a:lnTo>
                    <a:lnTo>
                      <a:pt x="272" y="84"/>
                    </a:lnTo>
                    <a:lnTo>
                      <a:pt x="223" y="118"/>
                    </a:lnTo>
                    <a:lnTo>
                      <a:pt x="178" y="158"/>
                    </a:lnTo>
                    <a:lnTo>
                      <a:pt x="138" y="201"/>
                    </a:lnTo>
                    <a:lnTo>
                      <a:pt x="102" y="248"/>
                    </a:lnTo>
                    <a:lnTo>
                      <a:pt x="72" y="298"/>
                    </a:lnTo>
                    <a:lnTo>
                      <a:pt x="46" y="352"/>
                    </a:lnTo>
                    <a:lnTo>
                      <a:pt x="27" y="408"/>
                    </a:lnTo>
                    <a:lnTo>
                      <a:pt x="12" y="466"/>
                    </a:lnTo>
                    <a:lnTo>
                      <a:pt x="3" y="525"/>
                    </a:lnTo>
                    <a:lnTo>
                      <a:pt x="0" y="586"/>
                    </a:lnTo>
                    <a:lnTo>
                      <a:pt x="3" y="647"/>
                    </a:lnTo>
                    <a:lnTo>
                      <a:pt x="12" y="709"/>
                    </a:lnTo>
                    <a:lnTo>
                      <a:pt x="28" y="770"/>
                    </a:lnTo>
                    <a:lnTo>
                      <a:pt x="50" y="831"/>
                    </a:lnTo>
                    <a:lnTo>
                      <a:pt x="63" y="861"/>
                    </a:lnTo>
                    <a:lnTo>
                      <a:pt x="83" y="900"/>
                    </a:lnTo>
                    <a:lnTo>
                      <a:pt x="130" y="969"/>
                    </a:lnTo>
                    <a:lnTo>
                      <a:pt x="185" y="1029"/>
                    </a:lnTo>
                    <a:lnTo>
                      <a:pt x="247" y="1079"/>
                    </a:lnTo>
                    <a:lnTo>
                      <a:pt x="314" y="1119"/>
                    </a:lnTo>
                    <a:lnTo>
                      <a:pt x="386" y="1149"/>
                    </a:lnTo>
                    <a:lnTo>
                      <a:pt x="461" y="1169"/>
                    </a:lnTo>
                    <a:lnTo>
                      <a:pt x="539" y="1180"/>
                    </a:lnTo>
                    <a:lnTo>
                      <a:pt x="617" y="1180"/>
                    </a:lnTo>
                    <a:lnTo>
                      <a:pt x="695" y="1170"/>
                    </a:lnTo>
                    <a:lnTo>
                      <a:pt x="771" y="1150"/>
                    </a:lnTo>
                    <a:lnTo>
                      <a:pt x="845" y="1121"/>
                    </a:lnTo>
                    <a:lnTo>
                      <a:pt x="915" y="1081"/>
                    </a:lnTo>
                    <a:lnTo>
                      <a:pt x="980" y="1032"/>
                    </a:lnTo>
                    <a:lnTo>
                      <a:pt x="1039" y="972"/>
                    </a:lnTo>
                    <a:lnTo>
                      <a:pt x="1091" y="903"/>
                    </a:lnTo>
                    <a:lnTo>
                      <a:pt x="1113" y="864"/>
                    </a:lnTo>
                    <a:lnTo>
                      <a:pt x="1132" y="829"/>
                    </a:lnTo>
                    <a:lnTo>
                      <a:pt x="1155" y="776"/>
                    </a:lnTo>
                    <a:lnTo>
                      <a:pt x="1166" y="722"/>
                    </a:lnTo>
                    <a:lnTo>
                      <a:pt x="1170" y="647"/>
                    </a:lnTo>
                    <a:lnTo>
                      <a:pt x="1170" y="592"/>
                    </a:lnTo>
                    <a:lnTo>
                      <a:pt x="1170" y="540"/>
                    </a:lnTo>
                    <a:lnTo>
                      <a:pt x="1166" y="465"/>
                    </a:lnTo>
                    <a:lnTo>
                      <a:pt x="1156" y="411"/>
                    </a:lnTo>
                    <a:lnTo>
                      <a:pt x="1136" y="360"/>
                    </a:lnTo>
                    <a:lnTo>
                      <a:pt x="1120" y="329"/>
                    </a:lnTo>
                    <a:lnTo>
                      <a:pt x="1108" y="306"/>
                    </a:lnTo>
                    <a:lnTo>
                      <a:pt x="1078" y="259"/>
                    </a:lnTo>
                    <a:lnTo>
                      <a:pt x="1044" y="215"/>
                    </a:lnTo>
                    <a:lnTo>
                      <a:pt x="1004" y="172"/>
                    </a:lnTo>
                    <a:lnTo>
                      <a:pt x="962" y="133"/>
                    </a:lnTo>
                    <a:lnTo>
                      <a:pt x="918" y="98"/>
                    </a:lnTo>
                    <a:lnTo>
                      <a:pt x="872" y="68"/>
                    </a:lnTo>
                    <a:lnTo>
                      <a:pt x="826" y="45"/>
                    </a:lnTo>
                    <a:lnTo>
                      <a:pt x="803" y="36"/>
                    </a:lnTo>
                    <a:lnTo>
                      <a:pt x="778" y="27"/>
                    </a:lnTo>
                    <a:lnTo>
                      <a:pt x="724" y="13"/>
                    </a:lnTo>
                    <a:lnTo>
                      <a:pt x="667" y="4"/>
                    </a:lnTo>
                    <a:lnTo>
                      <a:pt x="608" y="0"/>
                    </a:lnTo>
                    <a:lnTo>
                      <a:pt x="548" y="1"/>
                    </a:lnTo>
                    <a:lnTo>
                      <a:pt x="490" y="7"/>
                    </a:lnTo>
                    <a:lnTo>
                      <a:pt x="433" y="17"/>
                    </a:lnTo>
                    <a:lnTo>
                      <a:pt x="380" y="33"/>
                    </a:lnTo>
                    <a:lnTo>
                      <a:pt x="355" y="42"/>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356" name="Freeform 7"/>
              <p:cNvSpPr>
                <a:spLocks/>
              </p:cNvSpPr>
              <p:nvPr/>
            </p:nvSpPr>
            <p:spPr bwMode="auto">
              <a:xfrm>
                <a:off x="4310" y="1741"/>
                <a:ext cx="281" cy="284"/>
              </a:xfrm>
              <a:custGeom>
                <a:avLst/>
                <a:gdLst>
                  <a:gd name="T0" fmla="*/ 450 w 1173"/>
                  <a:gd name="T1" fmla="*/ 19 h 1183"/>
                  <a:gd name="T2" fmla="*/ 415 w 1173"/>
                  <a:gd name="T3" fmla="*/ 28 h 1183"/>
                  <a:gd name="T4" fmla="*/ 349 w 1173"/>
                  <a:gd name="T5" fmla="*/ 51 h 1183"/>
                  <a:gd name="T6" fmla="*/ 290 w 1173"/>
                  <a:gd name="T7" fmla="*/ 78 h 1183"/>
                  <a:gd name="T8" fmla="*/ 236 w 1173"/>
                  <a:gd name="T9" fmla="*/ 110 h 1183"/>
                  <a:gd name="T10" fmla="*/ 187 w 1173"/>
                  <a:gd name="T11" fmla="*/ 148 h 1183"/>
                  <a:gd name="T12" fmla="*/ 144 w 1173"/>
                  <a:gd name="T13" fmla="*/ 191 h 1183"/>
                  <a:gd name="T14" fmla="*/ 105 w 1173"/>
                  <a:gd name="T15" fmla="*/ 240 h 1183"/>
                  <a:gd name="T16" fmla="*/ 71 w 1173"/>
                  <a:gd name="T17" fmla="*/ 296 h 1183"/>
                  <a:gd name="T18" fmla="*/ 55 w 1173"/>
                  <a:gd name="T19" fmla="*/ 326 h 1183"/>
                  <a:gd name="T20" fmla="*/ 37 w 1173"/>
                  <a:gd name="T21" fmla="*/ 362 h 1183"/>
                  <a:gd name="T22" fmla="*/ 15 w 1173"/>
                  <a:gd name="T23" fmla="*/ 418 h 1183"/>
                  <a:gd name="T24" fmla="*/ 4 w 1173"/>
                  <a:gd name="T25" fmla="*/ 474 h 1183"/>
                  <a:gd name="T26" fmla="*/ 0 w 1173"/>
                  <a:gd name="T27" fmla="*/ 550 h 1183"/>
                  <a:gd name="T28" fmla="*/ 0 w 1173"/>
                  <a:gd name="T29" fmla="*/ 604 h 1183"/>
                  <a:gd name="T30" fmla="*/ 1 w 1173"/>
                  <a:gd name="T31" fmla="*/ 658 h 1183"/>
                  <a:gd name="T32" fmla="*/ 5 w 1173"/>
                  <a:gd name="T33" fmla="*/ 733 h 1183"/>
                  <a:gd name="T34" fmla="*/ 16 w 1173"/>
                  <a:gd name="T35" fmla="*/ 787 h 1183"/>
                  <a:gd name="T36" fmla="*/ 37 w 1173"/>
                  <a:gd name="T37" fmla="*/ 840 h 1183"/>
                  <a:gd name="T38" fmla="*/ 54 w 1173"/>
                  <a:gd name="T39" fmla="*/ 873 h 1183"/>
                  <a:gd name="T40" fmla="*/ 74 w 1173"/>
                  <a:gd name="T41" fmla="*/ 910 h 1183"/>
                  <a:gd name="T42" fmla="*/ 121 w 1173"/>
                  <a:gd name="T43" fmla="*/ 977 h 1183"/>
                  <a:gd name="T44" fmla="*/ 174 w 1173"/>
                  <a:gd name="T45" fmla="*/ 1035 h 1183"/>
                  <a:gd name="T46" fmla="*/ 235 w 1173"/>
                  <a:gd name="T47" fmla="*/ 1084 h 1183"/>
                  <a:gd name="T48" fmla="*/ 301 w 1173"/>
                  <a:gd name="T49" fmla="*/ 1123 h 1183"/>
                  <a:gd name="T50" fmla="*/ 375 w 1173"/>
                  <a:gd name="T51" fmla="*/ 1152 h 1183"/>
                  <a:gd name="T52" fmla="*/ 454 w 1173"/>
                  <a:gd name="T53" fmla="*/ 1172 h 1183"/>
                  <a:gd name="T54" fmla="*/ 539 w 1173"/>
                  <a:gd name="T55" fmla="*/ 1182 h 1183"/>
                  <a:gd name="T56" fmla="*/ 584 w 1173"/>
                  <a:gd name="T57" fmla="*/ 1183 h 1183"/>
                  <a:gd name="T58" fmla="*/ 614 w 1173"/>
                  <a:gd name="T59" fmla="*/ 1183 h 1183"/>
                  <a:gd name="T60" fmla="*/ 671 w 1173"/>
                  <a:gd name="T61" fmla="*/ 1178 h 1183"/>
                  <a:gd name="T62" fmla="*/ 726 w 1173"/>
                  <a:gd name="T63" fmla="*/ 1169 h 1183"/>
                  <a:gd name="T64" fmla="*/ 777 w 1173"/>
                  <a:gd name="T65" fmla="*/ 1155 h 1183"/>
                  <a:gd name="T66" fmla="*/ 826 w 1173"/>
                  <a:gd name="T67" fmla="*/ 1136 h 1183"/>
                  <a:gd name="T68" fmla="*/ 874 w 1173"/>
                  <a:gd name="T69" fmla="*/ 1111 h 1183"/>
                  <a:gd name="T70" fmla="*/ 920 w 1173"/>
                  <a:gd name="T71" fmla="*/ 1080 h 1183"/>
                  <a:gd name="T72" fmla="*/ 966 w 1173"/>
                  <a:gd name="T73" fmla="*/ 1043 h 1183"/>
                  <a:gd name="T74" fmla="*/ 989 w 1173"/>
                  <a:gd name="T75" fmla="*/ 1023 h 1183"/>
                  <a:gd name="T76" fmla="*/ 1022 w 1173"/>
                  <a:gd name="T77" fmla="*/ 990 h 1183"/>
                  <a:gd name="T78" fmla="*/ 1078 w 1173"/>
                  <a:gd name="T79" fmla="*/ 916 h 1183"/>
                  <a:gd name="T80" fmla="*/ 1122 w 1173"/>
                  <a:gd name="T81" fmla="*/ 834 h 1183"/>
                  <a:gd name="T82" fmla="*/ 1153 w 1173"/>
                  <a:gd name="T83" fmla="*/ 747 h 1183"/>
                  <a:gd name="T84" fmla="*/ 1170 w 1173"/>
                  <a:gd name="T85" fmla="*/ 656 h 1183"/>
                  <a:gd name="T86" fmla="*/ 1173 w 1173"/>
                  <a:gd name="T87" fmla="*/ 564 h 1183"/>
                  <a:gd name="T88" fmla="*/ 1162 w 1173"/>
                  <a:gd name="T89" fmla="*/ 471 h 1183"/>
                  <a:gd name="T90" fmla="*/ 1136 w 1173"/>
                  <a:gd name="T91" fmla="*/ 381 h 1183"/>
                  <a:gd name="T92" fmla="*/ 1117 w 1173"/>
                  <a:gd name="T93" fmla="*/ 338 h 1183"/>
                  <a:gd name="T94" fmla="*/ 1103 w 1173"/>
                  <a:gd name="T95" fmla="*/ 311 h 1183"/>
                  <a:gd name="T96" fmla="*/ 1069 w 1173"/>
                  <a:gd name="T97" fmla="*/ 258 h 1183"/>
                  <a:gd name="T98" fmla="*/ 1028 w 1173"/>
                  <a:gd name="T99" fmla="*/ 209 h 1183"/>
                  <a:gd name="T100" fmla="*/ 981 w 1173"/>
                  <a:gd name="T101" fmla="*/ 162 h 1183"/>
                  <a:gd name="T102" fmla="*/ 929 w 1173"/>
                  <a:gd name="T103" fmla="*/ 120 h 1183"/>
                  <a:gd name="T104" fmla="*/ 873 w 1173"/>
                  <a:gd name="T105" fmla="*/ 84 h 1183"/>
                  <a:gd name="T106" fmla="*/ 814 w 1173"/>
                  <a:gd name="T107" fmla="*/ 53 h 1183"/>
                  <a:gd name="T108" fmla="*/ 753 w 1173"/>
                  <a:gd name="T109" fmla="*/ 28 h 1183"/>
                  <a:gd name="T110" fmla="*/ 722 w 1173"/>
                  <a:gd name="T111" fmla="*/ 19 h 1183"/>
                  <a:gd name="T112" fmla="*/ 684 w 1173"/>
                  <a:gd name="T113" fmla="*/ 10 h 1183"/>
                  <a:gd name="T114" fmla="*/ 619 w 1173"/>
                  <a:gd name="T115" fmla="*/ 0 h 1183"/>
                  <a:gd name="T116" fmla="*/ 558 w 1173"/>
                  <a:gd name="T117" fmla="*/ 0 h 1183"/>
                  <a:gd name="T118" fmla="*/ 490 w 1173"/>
                  <a:gd name="T119" fmla="*/ 10 h 1183"/>
                  <a:gd name="T120" fmla="*/ 450 w 1173"/>
                  <a:gd name="T121" fmla="*/ 19 h 11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173" h="1183">
                    <a:moveTo>
                      <a:pt x="450" y="19"/>
                    </a:moveTo>
                    <a:lnTo>
                      <a:pt x="415" y="28"/>
                    </a:lnTo>
                    <a:lnTo>
                      <a:pt x="349" y="51"/>
                    </a:lnTo>
                    <a:lnTo>
                      <a:pt x="290" y="78"/>
                    </a:lnTo>
                    <a:lnTo>
                      <a:pt x="236" y="110"/>
                    </a:lnTo>
                    <a:lnTo>
                      <a:pt x="187" y="148"/>
                    </a:lnTo>
                    <a:lnTo>
                      <a:pt x="144" y="191"/>
                    </a:lnTo>
                    <a:lnTo>
                      <a:pt x="105" y="240"/>
                    </a:lnTo>
                    <a:lnTo>
                      <a:pt x="71" y="296"/>
                    </a:lnTo>
                    <a:lnTo>
                      <a:pt x="55" y="326"/>
                    </a:lnTo>
                    <a:lnTo>
                      <a:pt x="37" y="362"/>
                    </a:lnTo>
                    <a:lnTo>
                      <a:pt x="15" y="418"/>
                    </a:lnTo>
                    <a:lnTo>
                      <a:pt x="4" y="474"/>
                    </a:lnTo>
                    <a:lnTo>
                      <a:pt x="0" y="550"/>
                    </a:lnTo>
                    <a:lnTo>
                      <a:pt x="0" y="604"/>
                    </a:lnTo>
                    <a:lnTo>
                      <a:pt x="1" y="658"/>
                    </a:lnTo>
                    <a:lnTo>
                      <a:pt x="5" y="733"/>
                    </a:lnTo>
                    <a:lnTo>
                      <a:pt x="16" y="787"/>
                    </a:lnTo>
                    <a:lnTo>
                      <a:pt x="37" y="840"/>
                    </a:lnTo>
                    <a:lnTo>
                      <a:pt x="54" y="873"/>
                    </a:lnTo>
                    <a:lnTo>
                      <a:pt x="74" y="910"/>
                    </a:lnTo>
                    <a:lnTo>
                      <a:pt x="121" y="977"/>
                    </a:lnTo>
                    <a:lnTo>
                      <a:pt x="174" y="1035"/>
                    </a:lnTo>
                    <a:lnTo>
                      <a:pt x="235" y="1084"/>
                    </a:lnTo>
                    <a:lnTo>
                      <a:pt x="301" y="1123"/>
                    </a:lnTo>
                    <a:lnTo>
                      <a:pt x="375" y="1152"/>
                    </a:lnTo>
                    <a:lnTo>
                      <a:pt x="454" y="1172"/>
                    </a:lnTo>
                    <a:lnTo>
                      <a:pt x="539" y="1182"/>
                    </a:lnTo>
                    <a:lnTo>
                      <a:pt x="584" y="1183"/>
                    </a:lnTo>
                    <a:lnTo>
                      <a:pt x="614" y="1183"/>
                    </a:lnTo>
                    <a:lnTo>
                      <a:pt x="671" y="1178"/>
                    </a:lnTo>
                    <a:lnTo>
                      <a:pt x="726" y="1169"/>
                    </a:lnTo>
                    <a:lnTo>
                      <a:pt x="777" y="1155"/>
                    </a:lnTo>
                    <a:lnTo>
                      <a:pt x="826" y="1136"/>
                    </a:lnTo>
                    <a:lnTo>
                      <a:pt x="874" y="1111"/>
                    </a:lnTo>
                    <a:lnTo>
                      <a:pt x="920" y="1080"/>
                    </a:lnTo>
                    <a:lnTo>
                      <a:pt x="966" y="1043"/>
                    </a:lnTo>
                    <a:lnTo>
                      <a:pt x="989" y="1023"/>
                    </a:lnTo>
                    <a:lnTo>
                      <a:pt x="1022" y="990"/>
                    </a:lnTo>
                    <a:lnTo>
                      <a:pt x="1078" y="916"/>
                    </a:lnTo>
                    <a:lnTo>
                      <a:pt x="1122" y="834"/>
                    </a:lnTo>
                    <a:lnTo>
                      <a:pt x="1153" y="747"/>
                    </a:lnTo>
                    <a:lnTo>
                      <a:pt x="1170" y="656"/>
                    </a:lnTo>
                    <a:lnTo>
                      <a:pt x="1173" y="564"/>
                    </a:lnTo>
                    <a:lnTo>
                      <a:pt x="1162" y="471"/>
                    </a:lnTo>
                    <a:lnTo>
                      <a:pt x="1136" y="381"/>
                    </a:lnTo>
                    <a:lnTo>
                      <a:pt x="1117" y="338"/>
                    </a:lnTo>
                    <a:lnTo>
                      <a:pt x="1103" y="311"/>
                    </a:lnTo>
                    <a:lnTo>
                      <a:pt x="1069" y="258"/>
                    </a:lnTo>
                    <a:lnTo>
                      <a:pt x="1028" y="209"/>
                    </a:lnTo>
                    <a:lnTo>
                      <a:pt x="981" y="162"/>
                    </a:lnTo>
                    <a:lnTo>
                      <a:pt x="929" y="120"/>
                    </a:lnTo>
                    <a:lnTo>
                      <a:pt x="873" y="84"/>
                    </a:lnTo>
                    <a:lnTo>
                      <a:pt x="814" y="53"/>
                    </a:lnTo>
                    <a:lnTo>
                      <a:pt x="753" y="28"/>
                    </a:lnTo>
                    <a:lnTo>
                      <a:pt x="722" y="19"/>
                    </a:lnTo>
                    <a:lnTo>
                      <a:pt x="684" y="10"/>
                    </a:lnTo>
                    <a:lnTo>
                      <a:pt x="619" y="0"/>
                    </a:lnTo>
                    <a:lnTo>
                      <a:pt x="558" y="0"/>
                    </a:lnTo>
                    <a:lnTo>
                      <a:pt x="490" y="10"/>
                    </a:lnTo>
                    <a:lnTo>
                      <a:pt x="450" y="19"/>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357" name="Freeform 8"/>
              <p:cNvSpPr>
                <a:spLocks/>
              </p:cNvSpPr>
              <p:nvPr/>
            </p:nvSpPr>
            <p:spPr bwMode="auto">
              <a:xfrm>
                <a:off x="3494" y="2557"/>
                <a:ext cx="280" cy="284"/>
              </a:xfrm>
              <a:custGeom>
                <a:avLst/>
                <a:gdLst>
                  <a:gd name="T0" fmla="*/ 403 w 1165"/>
                  <a:gd name="T1" fmla="*/ 27 h 1182"/>
                  <a:gd name="T2" fmla="*/ 370 w 1165"/>
                  <a:gd name="T3" fmla="*/ 38 h 1182"/>
                  <a:gd name="T4" fmla="*/ 310 w 1165"/>
                  <a:gd name="T5" fmla="*/ 63 h 1182"/>
                  <a:gd name="T6" fmla="*/ 256 w 1165"/>
                  <a:gd name="T7" fmla="*/ 92 h 1182"/>
                  <a:gd name="T8" fmla="*/ 207 w 1165"/>
                  <a:gd name="T9" fmla="*/ 126 h 1182"/>
                  <a:gd name="T10" fmla="*/ 163 w 1165"/>
                  <a:gd name="T11" fmla="*/ 164 h 1182"/>
                  <a:gd name="T12" fmla="*/ 124 w 1165"/>
                  <a:gd name="T13" fmla="*/ 208 h 1182"/>
                  <a:gd name="T14" fmla="*/ 89 w 1165"/>
                  <a:gd name="T15" fmla="*/ 257 h 1182"/>
                  <a:gd name="T16" fmla="*/ 58 w 1165"/>
                  <a:gd name="T17" fmla="*/ 313 h 1182"/>
                  <a:gd name="T18" fmla="*/ 43 w 1165"/>
                  <a:gd name="T19" fmla="*/ 343 h 1182"/>
                  <a:gd name="T20" fmla="*/ 32 w 1165"/>
                  <a:gd name="T21" fmla="*/ 371 h 1182"/>
                  <a:gd name="T22" fmla="*/ 15 w 1165"/>
                  <a:gd name="T23" fmla="*/ 420 h 1182"/>
                  <a:gd name="T24" fmla="*/ 5 w 1165"/>
                  <a:gd name="T25" fmla="*/ 473 h 1182"/>
                  <a:gd name="T26" fmla="*/ 1 w 1165"/>
                  <a:gd name="T27" fmla="*/ 537 h 1182"/>
                  <a:gd name="T28" fmla="*/ 0 w 1165"/>
                  <a:gd name="T29" fmla="*/ 578 h 1182"/>
                  <a:gd name="T30" fmla="*/ 1 w 1165"/>
                  <a:gd name="T31" fmla="*/ 636 h 1182"/>
                  <a:gd name="T32" fmla="*/ 10 w 1165"/>
                  <a:gd name="T33" fmla="*/ 732 h 1182"/>
                  <a:gd name="T34" fmla="*/ 33 w 1165"/>
                  <a:gd name="T35" fmla="*/ 814 h 1182"/>
                  <a:gd name="T36" fmla="*/ 73 w 1165"/>
                  <a:gd name="T37" fmla="*/ 895 h 1182"/>
                  <a:gd name="T38" fmla="*/ 102 w 1165"/>
                  <a:gd name="T39" fmla="*/ 940 h 1182"/>
                  <a:gd name="T40" fmla="*/ 129 w 1165"/>
                  <a:gd name="T41" fmla="*/ 978 h 1182"/>
                  <a:gd name="T42" fmla="*/ 195 w 1165"/>
                  <a:gd name="T43" fmla="*/ 1044 h 1182"/>
                  <a:gd name="T44" fmla="*/ 273 w 1165"/>
                  <a:gd name="T45" fmla="*/ 1099 h 1182"/>
                  <a:gd name="T46" fmla="*/ 361 w 1165"/>
                  <a:gd name="T47" fmla="*/ 1141 h 1182"/>
                  <a:gd name="T48" fmla="*/ 455 w 1165"/>
                  <a:gd name="T49" fmla="*/ 1169 h 1182"/>
                  <a:gd name="T50" fmla="*/ 553 w 1165"/>
                  <a:gd name="T51" fmla="*/ 1182 h 1182"/>
                  <a:gd name="T52" fmla="*/ 651 w 1165"/>
                  <a:gd name="T53" fmla="*/ 1181 h 1182"/>
                  <a:gd name="T54" fmla="*/ 747 w 1165"/>
                  <a:gd name="T55" fmla="*/ 1163 h 1182"/>
                  <a:gd name="T56" fmla="*/ 793 w 1165"/>
                  <a:gd name="T57" fmla="*/ 1147 h 1182"/>
                  <a:gd name="T58" fmla="*/ 817 w 1165"/>
                  <a:gd name="T59" fmla="*/ 1137 h 1182"/>
                  <a:gd name="T60" fmla="*/ 865 w 1165"/>
                  <a:gd name="T61" fmla="*/ 1112 h 1182"/>
                  <a:gd name="T62" fmla="*/ 912 w 1165"/>
                  <a:gd name="T63" fmla="*/ 1082 h 1182"/>
                  <a:gd name="T64" fmla="*/ 957 w 1165"/>
                  <a:gd name="T65" fmla="*/ 1046 h 1182"/>
                  <a:gd name="T66" fmla="*/ 1000 w 1165"/>
                  <a:gd name="T67" fmla="*/ 1007 h 1182"/>
                  <a:gd name="T68" fmla="*/ 1039 w 1165"/>
                  <a:gd name="T69" fmla="*/ 965 h 1182"/>
                  <a:gd name="T70" fmla="*/ 1073 w 1165"/>
                  <a:gd name="T71" fmla="*/ 920 h 1182"/>
                  <a:gd name="T72" fmla="*/ 1103 w 1165"/>
                  <a:gd name="T73" fmla="*/ 873 h 1182"/>
                  <a:gd name="T74" fmla="*/ 1115 w 1165"/>
                  <a:gd name="T75" fmla="*/ 850 h 1182"/>
                  <a:gd name="T76" fmla="*/ 1131 w 1165"/>
                  <a:gd name="T77" fmla="*/ 819 h 1182"/>
                  <a:gd name="T78" fmla="*/ 1151 w 1165"/>
                  <a:gd name="T79" fmla="*/ 768 h 1182"/>
                  <a:gd name="T80" fmla="*/ 1161 w 1165"/>
                  <a:gd name="T81" fmla="*/ 714 h 1182"/>
                  <a:gd name="T82" fmla="*/ 1165 w 1165"/>
                  <a:gd name="T83" fmla="*/ 640 h 1182"/>
                  <a:gd name="T84" fmla="*/ 1165 w 1165"/>
                  <a:gd name="T85" fmla="*/ 587 h 1182"/>
                  <a:gd name="T86" fmla="*/ 1164 w 1165"/>
                  <a:gd name="T87" fmla="*/ 523 h 1182"/>
                  <a:gd name="T88" fmla="*/ 1157 w 1165"/>
                  <a:gd name="T89" fmla="*/ 446 h 1182"/>
                  <a:gd name="T90" fmla="*/ 1148 w 1165"/>
                  <a:gd name="T91" fmla="*/ 402 h 1182"/>
                  <a:gd name="T92" fmla="*/ 1134 w 1165"/>
                  <a:gd name="T93" fmla="*/ 360 h 1182"/>
                  <a:gd name="T94" fmla="*/ 1114 w 1165"/>
                  <a:gd name="T95" fmla="*/ 320 h 1182"/>
                  <a:gd name="T96" fmla="*/ 1075 w 1165"/>
                  <a:gd name="T97" fmla="*/ 258 h 1182"/>
                  <a:gd name="T98" fmla="*/ 1038 w 1165"/>
                  <a:gd name="T99" fmla="*/ 210 h 1182"/>
                  <a:gd name="T100" fmla="*/ 1011 w 1165"/>
                  <a:gd name="T101" fmla="*/ 177 h 1182"/>
                  <a:gd name="T102" fmla="*/ 947 w 1165"/>
                  <a:gd name="T103" fmla="*/ 120 h 1182"/>
                  <a:gd name="T104" fmla="*/ 875 w 1165"/>
                  <a:gd name="T105" fmla="*/ 72 h 1182"/>
                  <a:gd name="T106" fmla="*/ 796 w 1165"/>
                  <a:gd name="T107" fmla="*/ 37 h 1182"/>
                  <a:gd name="T108" fmla="*/ 712 w 1165"/>
                  <a:gd name="T109" fmla="*/ 12 h 1182"/>
                  <a:gd name="T110" fmla="*/ 624 w 1165"/>
                  <a:gd name="T111" fmla="*/ 0 h 1182"/>
                  <a:gd name="T112" fmla="*/ 535 w 1165"/>
                  <a:gd name="T113" fmla="*/ 0 h 1182"/>
                  <a:gd name="T114" fmla="*/ 447 w 1165"/>
                  <a:gd name="T115" fmla="*/ 14 h 1182"/>
                  <a:gd name="T116" fmla="*/ 403 w 1165"/>
                  <a:gd name="T117" fmla="*/ 27 h 1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165" h="1182">
                    <a:moveTo>
                      <a:pt x="403" y="27"/>
                    </a:moveTo>
                    <a:lnTo>
                      <a:pt x="370" y="38"/>
                    </a:lnTo>
                    <a:lnTo>
                      <a:pt x="310" y="63"/>
                    </a:lnTo>
                    <a:lnTo>
                      <a:pt x="256" y="92"/>
                    </a:lnTo>
                    <a:lnTo>
                      <a:pt x="207" y="126"/>
                    </a:lnTo>
                    <a:lnTo>
                      <a:pt x="163" y="164"/>
                    </a:lnTo>
                    <a:lnTo>
                      <a:pt x="124" y="208"/>
                    </a:lnTo>
                    <a:lnTo>
                      <a:pt x="89" y="257"/>
                    </a:lnTo>
                    <a:lnTo>
                      <a:pt x="58" y="313"/>
                    </a:lnTo>
                    <a:lnTo>
                      <a:pt x="43" y="343"/>
                    </a:lnTo>
                    <a:lnTo>
                      <a:pt x="32" y="371"/>
                    </a:lnTo>
                    <a:lnTo>
                      <a:pt x="15" y="420"/>
                    </a:lnTo>
                    <a:lnTo>
                      <a:pt x="5" y="473"/>
                    </a:lnTo>
                    <a:lnTo>
                      <a:pt x="1" y="537"/>
                    </a:lnTo>
                    <a:lnTo>
                      <a:pt x="0" y="578"/>
                    </a:lnTo>
                    <a:lnTo>
                      <a:pt x="1" y="636"/>
                    </a:lnTo>
                    <a:lnTo>
                      <a:pt x="10" y="732"/>
                    </a:lnTo>
                    <a:lnTo>
                      <a:pt x="33" y="814"/>
                    </a:lnTo>
                    <a:lnTo>
                      <a:pt x="73" y="895"/>
                    </a:lnTo>
                    <a:lnTo>
                      <a:pt x="102" y="940"/>
                    </a:lnTo>
                    <a:lnTo>
                      <a:pt x="129" y="978"/>
                    </a:lnTo>
                    <a:lnTo>
                      <a:pt x="195" y="1044"/>
                    </a:lnTo>
                    <a:lnTo>
                      <a:pt x="273" y="1099"/>
                    </a:lnTo>
                    <a:lnTo>
                      <a:pt x="361" y="1141"/>
                    </a:lnTo>
                    <a:lnTo>
                      <a:pt x="455" y="1169"/>
                    </a:lnTo>
                    <a:lnTo>
                      <a:pt x="553" y="1182"/>
                    </a:lnTo>
                    <a:lnTo>
                      <a:pt x="651" y="1181"/>
                    </a:lnTo>
                    <a:lnTo>
                      <a:pt x="747" y="1163"/>
                    </a:lnTo>
                    <a:lnTo>
                      <a:pt x="793" y="1147"/>
                    </a:lnTo>
                    <a:lnTo>
                      <a:pt x="817" y="1137"/>
                    </a:lnTo>
                    <a:lnTo>
                      <a:pt x="865" y="1112"/>
                    </a:lnTo>
                    <a:lnTo>
                      <a:pt x="912" y="1082"/>
                    </a:lnTo>
                    <a:lnTo>
                      <a:pt x="957" y="1046"/>
                    </a:lnTo>
                    <a:lnTo>
                      <a:pt x="1000" y="1007"/>
                    </a:lnTo>
                    <a:lnTo>
                      <a:pt x="1039" y="965"/>
                    </a:lnTo>
                    <a:lnTo>
                      <a:pt x="1073" y="920"/>
                    </a:lnTo>
                    <a:lnTo>
                      <a:pt x="1103" y="873"/>
                    </a:lnTo>
                    <a:lnTo>
                      <a:pt x="1115" y="850"/>
                    </a:lnTo>
                    <a:lnTo>
                      <a:pt x="1131" y="819"/>
                    </a:lnTo>
                    <a:lnTo>
                      <a:pt x="1151" y="768"/>
                    </a:lnTo>
                    <a:lnTo>
                      <a:pt x="1161" y="714"/>
                    </a:lnTo>
                    <a:lnTo>
                      <a:pt x="1165" y="640"/>
                    </a:lnTo>
                    <a:lnTo>
                      <a:pt x="1165" y="587"/>
                    </a:lnTo>
                    <a:lnTo>
                      <a:pt x="1164" y="523"/>
                    </a:lnTo>
                    <a:lnTo>
                      <a:pt x="1157" y="446"/>
                    </a:lnTo>
                    <a:lnTo>
                      <a:pt x="1148" y="402"/>
                    </a:lnTo>
                    <a:lnTo>
                      <a:pt x="1134" y="360"/>
                    </a:lnTo>
                    <a:lnTo>
                      <a:pt x="1114" y="320"/>
                    </a:lnTo>
                    <a:lnTo>
                      <a:pt x="1075" y="258"/>
                    </a:lnTo>
                    <a:lnTo>
                      <a:pt x="1038" y="210"/>
                    </a:lnTo>
                    <a:lnTo>
                      <a:pt x="1011" y="177"/>
                    </a:lnTo>
                    <a:lnTo>
                      <a:pt x="947" y="120"/>
                    </a:lnTo>
                    <a:lnTo>
                      <a:pt x="875" y="72"/>
                    </a:lnTo>
                    <a:lnTo>
                      <a:pt x="796" y="37"/>
                    </a:lnTo>
                    <a:lnTo>
                      <a:pt x="712" y="12"/>
                    </a:lnTo>
                    <a:lnTo>
                      <a:pt x="624" y="0"/>
                    </a:lnTo>
                    <a:lnTo>
                      <a:pt x="535" y="0"/>
                    </a:lnTo>
                    <a:lnTo>
                      <a:pt x="447" y="14"/>
                    </a:lnTo>
                    <a:lnTo>
                      <a:pt x="403" y="27"/>
                    </a:lnTo>
                    <a:close/>
                  </a:path>
                </a:pathLst>
              </a:custGeom>
              <a:grp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grpSp>
        <p:sp>
          <p:nvSpPr>
            <p:cNvPr id="349" name="Freeform 5"/>
            <p:cNvSpPr>
              <a:spLocks/>
            </p:cNvSpPr>
            <p:nvPr/>
          </p:nvSpPr>
          <p:spPr bwMode="auto">
            <a:xfrm>
              <a:off x="17754660" y="1852088"/>
              <a:ext cx="251052" cy="256112"/>
            </a:xfrm>
            <a:custGeom>
              <a:avLst/>
              <a:gdLst>
                <a:gd name="T0" fmla="*/ 6745 w 17426"/>
                <a:gd name="T1" fmla="*/ 69 h 17994"/>
                <a:gd name="T2" fmla="*/ 4827 w 17426"/>
                <a:gd name="T3" fmla="*/ 564 h 17994"/>
                <a:gd name="T4" fmla="*/ 2990 w 17426"/>
                <a:gd name="T5" fmla="*/ 1624 h 17994"/>
                <a:gd name="T6" fmla="*/ 1316 w 17426"/>
                <a:gd name="T7" fmla="*/ 3448 h 17994"/>
                <a:gd name="T8" fmla="*/ 585 w 17426"/>
                <a:gd name="T9" fmla="*/ 4819 h 17994"/>
                <a:gd name="T10" fmla="*/ 4557 w 17426"/>
                <a:gd name="T11" fmla="*/ 4164 h 17994"/>
                <a:gd name="T12" fmla="*/ 6409 w 17426"/>
                <a:gd name="T13" fmla="*/ 3625 h 17994"/>
                <a:gd name="T14" fmla="*/ 7054 w 17426"/>
                <a:gd name="T15" fmla="*/ 2988 h 17994"/>
                <a:gd name="T16" fmla="*/ 7951 w 17426"/>
                <a:gd name="T17" fmla="*/ 2803 h 17994"/>
                <a:gd name="T18" fmla="*/ 8821 w 17426"/>
                <a:gd name="T19" fmla="*/ 3096 h 17994"/>
                <a:gd name="T20" fmla="*/ 9397 w 17426"/>
                <a:gd name="T21" fmla="*/ 3816 h 17994"/>
                <a:gd name="T22" fmla="*/ 9445 w 17426"/>
                <a:gd name="T23" fmla="*/ 4944 h 17994"/>
                <a:gd name="T24" fmla="*/ 8772 w 17426"/>
                <a:gd name="T25" fmla="*/ 5838 h 17994"/>
                <a:gd name="T26" fmla="*/ 7725 w 17426"/>
                <a:gd name="T27" fmla="*/ 6106 h 17994"/>
                <a:gd name="T28" fmla="*/ 6897 w 17426"/>
                <a:gd name="T29" fmla="*/ 5815 h 17994"/>
                <a:gd name="T30" fmla="*/ 6334 w 17426"/>
                <a:gd name="T31" fmla="*/ 5122 h 17994"/>
                <a:gd name="T32" fmla="*/ 4724 w 17426"/>
                <a:gd name="T33" fmla="*/ 5506 h 17994"/>
                <a:gd name="T34" fmla="*/ 150 w 17426"/>
                <a:gd name="T35" fmla="*/ 6197 h 17994"/>
                <a:gd name="T36" fmla="*/ 758 w 17426"/>
                <a:gd name="T37" fmla="*/ 7304 h 17994"/>
                <a:gd name="T38" fmla="*/ 9747 w 17426"/>
                <a:gd name="T39" fmla="*/ 7136 h 17994"/>
                <a:gd name="T40" fmla="*/ 10489 w 17426"/>
                <a:gd name="T41" fmla="*/ 6361 h 17994"/>
                <a:gd name="T42" fmla="*/ 11378 w 17426"/>
                <a:gd name="T43" fmla="*/ 6192 h 17994"/>
                <a:gd name="T44" fmla="*/ 12212 w 17426"/>
                <a:gd name="T45" fmla="*/ 6482 h 17994"/>
                <a:gd name="T46" fmla="*/ 12752 w 17426"/>
                <a:gd name="T47" fmla="*/ 7119 h 17994"/>
                <a:gd name="T48" fmla="*/ 12896 w 17426"/>
                <a:gd name="T49" fmla="*/ 8046 h 17994"/>
                <a:gd name="T50" fmla="*/ 12491 w 17426"/>
                <a:gd name="T51" fmla="*/ 8960 h 17994"/>
                <a:gd name="T52" fmla="*/ 11502 w 17426"/>
                <a:gd name="T53" fmla="*/ 9482 h 17994"/>
                <a:gd name="T54" fmla="*/ 10572 w 17426"/>
                <a:gd name="T55" fmla="*/ 9365 h 17994"/>
                <a:gd name="T56" fmla="*/ 9905 w 17426"/>
                <a:gd name="T57" fmla="*/ 8830 h 17994"/>
                <a:gd name="T58" fmla="*/ 8799 w 17426"/>
                <a:gd name="T59" fmla="*/ 8385 h 17994"/>
                <a:gd name="T60" fmla="*/ 23 w 17426"/>
                <a:gd name="T61" fmla="*/ 8687 h 17994"/>
                <a:gd name="T62" fmla="*/ 4234 w 17426"/>
                <a:gd name="T63" fmla="*/ 9710 h 17994"/>
                <a:gd name="T64" fmla="*/ 6372 w 17426"/>
                <a:gd name="T65" fmla="*/ 10494 h 17994"/>
                <a:gd name="T66" fmla="*/ 6876 w 17426"/>
                <a:gd name="T67" fmla="*/ 9887 h 17994"/>
                <a:gd name="T68" fmla="*/ 7563 w 17426"/>
                <a:gd name="T69" fmla="*/ 9602 h 17994"/>
                <a:gd name="T70" fmla="*/ 8490 w 17426"/>
                <a:gd name="T71" fmla="*/ 9709 h 17994"/>
                <a:gd name="T72" fmla="*/ 9195 w 17426"/>
                <a:gd name="T73" fmla="*/ 10247 h 17994"/>
                <a:gd name="T74" fmla="*/ 9502 w 17426"/>
                <a:gd name="T75" fmla="*/ 11021 h 17994"/>
                <a:gd name="T76" fmla="*/ 9284 w 17426"/>
                <a:gd name="T77" fmla="*/ 12099 h 17994"/>
                <a:gd name="T78" fmla="*/ 8690 w 17426"/>
                <a:gd name="T79" fmla="*/ 12677 h 17994"/>
                <a:gd name="T80" fmla="*/ 7837 w 17426"/>
                <a:gd name="T81" fmla="*/ 12894 h 17994"/>
                <a:gd name="T82" fmla="*/ 6917 w 17426"/>
                <a:gd name="T83" fmla="*/ 12623 h 17994"/>
                <a:gd name="T84" fmla="*/ 6270 w 17426"/>
                <a:gd name="T85" fmla="*/ 11779 h 17994"/>
                <a:gd name="T86" fmla="*/ 4700 w 17426"/>
                <a:gd name="T87" fmla="*/ 11650 h 17994"/>
                <a:gd name="T88" fmla="*/ 497 w 17426"/>
                <a:gd name="T89" fmla="*/ 10664 h 17994"/>
                <a:gd name="T90" fmla="*/ 553 w 17426"/>
                <a:gd name="T91" fmla="*/ 10811 h 17994"/>
                <a:gd name="T92" fmla="*/ 1342 w 17426"/>
                <a:gd name="T93" fmla="*/ 12277 h 17994"/>
                <a:gd name="T94" fmla="*/ 1728 w 17426"/>
                <a:gd name="T95" fmla="*/ 17221 h 17994"/>
                <a:gd name="T96" fmla="*/ 1752 w 17426"/>
                <a:gd name="T97" fmla="*/ 17735 h 17994"/>
                <a:gd name="T98" fmla="*/ 9756 w 17426"/>
                <a:gd name="T99" fmla="*/ 17942 h 17994"/>
                <a:gd name="T100" fmla="*/ 10505 w 17426"/>
                <a:gd name="T101" fmla="*/ 15802 h 17994"/>
                <a:gd name="T102" fmla="*/ 12639 w 17426"/>
                <a:gd name="T103" fmla="*/ 16087 h 17994"/>
                <a:gd name="T104" fmla="*/ 14011 w 17426"/>
                <a:gd name="T105" fmla="*/ 16278 h 17994"/>
                <a:gd name="T106" fmla="*/ 14526 w 17426"/>
                <a:gd name="T107" fmla="*/ 16032 h 17994"/>
                <a:gd name="T108" fmla="*/ 15682 w 17426"/>
                <a:gd name="T109" fmla="*/ 11564 h 17994"/>
                <a:gd name="T110" fmla="*/ 17369 w 17426"/>
                <a:gd name="T111" fmla="*/ 10344 h 17994"/>
                <a:gd name="T112" fmla="*/ 16519 w 17426"/>
                <a:gd name="T113" fmla="*/ 8719 h 17994"/>
                <a:gd name="T114" fmla="*/ 15391 w 17426"/>
                <a:gd name="T115" fmla="*/ 5552 h 17994"/>
                <a:gd name="T116" fmla="*/ 14709 w 17426"/>
                <a:gd name="T117" fmla="*/ 3924 h 17994"/>
                <a:gd name="T118" fmla="*/ 13085 w 17426"/>
                <a:gd name="T119" fmla="*/ 1943 h 17994"/>
                <a:gd name="T120" fmla="*/ 11116 w 17426"/>
                <a:gd name="T121" fmla="*/ 699 h 17994"/>
                <a:gd name="T122" fmla="*/ 9932 w 17426"/>
                <a:gd name="T123" fmla="*/ 286 h 17994"/>
                <a:gd name="T124" fmla="*/ 8279 w 17426"/>
                <a:gd name="T125" fmla="*/ 11 h 179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7426" h="17994">
                  <a:moveTo>
                    <a:pt x="7337" y="9"/>
                  </a:moveTo>
                  <a:lnTo>
                    <a:pt x="7317" y="14"/>
                  </a:lnTo>
                  <a:lnTo>
                    <a:pt x="7230" y="24"/>
                  </a:lnTo>
                  <a:lnTo>
                    <a:pt x="7179" y="26"/>
                  </a:lnTo>
                  <a:lnTo>
                    <a:pt x="7123" y="28"/>
                  </a:lnTo>
                  <a:lnTo>
                    <a:pt x="6996" y="38"/>
                  </a:lnTo>
                  <a:lnTo>
                    <a:pt x="6945" y="44"/>
                  </a:lnTo>
                  <a:lnTo>
                    <a:pt x="6840" y="57"/>
                  </a:lnTo>
                  <a:lnTo>
                    <a:pt x="6745" y="69"/>
                  </a:lnTo>
                  <a:lnTo>
                    <a:pt x="6628" y="84"/>
                  </a:lnTo>
                  <a:lnTo>
                    <a:pt x="6284" y="140"/>
                  </a:lnTo>
                  <a:lnTo>
                    <a:pt x="6179" y="161"/>
                  </a:lnTo>
                  <a:lnTo>
                    <a:pt x="6036" y="193"/>
                  </a:lnTo>
                  <a:lnTo>
                    <a:pt x="5767" y="259"/>
                  </a:lnTo>
                  <a:lnTo>
                    <a:pt x="5515" y="328"/>
                  </a:lnTo>
                  <a:lnTo>
                    <a:pt x="5277" y="401"/>
                  </a:lnTo>
                  <a:lnTo>
                    <a:pt x="5049" y="479"/>
                  </a:lnTo>
                  <a:lnTo>
                    <a:pt x="4827" y="564"/>
                  </a:lnTo>
                  <a:lnTo>
                    <a:pt x="4609" y="656"/>
                  </a:lnTo>
                  <a:lnTo>
                    <a:pt x="4390" y="758"/>
                  </a:lnTo>
                  <a:lnTo>
                    <a:pt x="4279" y="812"/>
                  </a:lnTo>
                  <a:lnTo>
                    <a:pt x="4153" y="876"/>
                  </a:lnTo>
                  <a:lnTo>
                    <a:pt x="3908" y="1010"/>
                  </a:lnTo>
                  <a:lnTo>
                    <a:pt x="3669" y="1152"/>
                  </a:lnTo>
                  <a:lnTo>
                    <a:pt x="3436" y="1302"/>
                  </a:lnTo>
                  <a:lnTo>
                    <a:pt x="3210" y="1459"/>
                  </a:lnTo>
                  <a:lnTo>
                    <a:pt x="2990" y="1624"/>
                  </a:lnTo>
                  <a:lnTo>
                    <a:pt x="2777" y="1797"/>
                  </a:lnTo>
                  <a:lnTo>
                    <a:pt x="2571" y="1977"/>
                  </a:lnTo>
                  <a:lnTo>
                    <a:pt x="2371" y="2165"/>
                  </a:lnTo>
                  <a:lnTo>
                    <a:pt x="2178" y="2360"/>
                  </a:lnTo>
                  <a:lnTo>
                    <a:pt x="1992" y="2563"/>
                  </a:lnTo>
                  <a:lnTo>
                    <a:pt x="1813" y="2773"/>
                  </a:lnTo>
                  <a:lnTo>
                    <a:pt x="1640" y="2991"/>
                  </a:lnTo>
                  <a:lnTo>
                    <a:pt x="1475" y="3216"/>
                  </a:lnTo>
                  <a:lnTo>
                    <a:pt x="1316" y="3448"/>
                  </a:lnTo>
                  <a:lnTo>
                    <a:pt x="1165" y="3688"/>
                  </a:lnTo>
                  <a:lnTo>
                    <a:pt x="1092" y="3811"/>
                  </a:lnTo>
                  <a:lnTo>
                    <a:pt x="1038" y="3905"/>
                  </a:lnTo>
                  <a:lnTo>
                    <a:pt x="905" y="4151"/>
                  </a:lnTo>
                  <a:lnTo>
                    <a:pt x="772" y="4410"/>
                  </a:lnTo>
                  <a:lnTo>
                    <a:pt x="671" y="4618"/>
                  </a:lnTo>
                  <a:lnTo>
                    <a:pt x="645" y="4677"/>
                  </a:lnTo>
                  <a:lnTo>
                    <a:pt x="619" y="4741"/>
                  </a:lnTo>
                  <a:lnTo>
                    <a:pt x="585" y="4819"/>
                  </a:lnTo>
                  <a:lnTo>
                    <a:pt x="517" y="4977"/>
                  </a:lnTo>
                  <a:lnTo>
                    <a:pt x="495" y="5037"/>
                  </a:lnTo>
                  <a:lnTo>
                    <a:pt x="585" y="5040"/>
                  </a:lnTo>
                  <a:lnTo>
                    <a:pt x="1447" y="5044"/>
                  </a:lnTo>
                  <a:lnTo>
                    <a:pt x="2082" y="5044"/>
                  </a:lnTo>
                  <a:lnTo>
                    <a:pt x="3669" y="5044"/>
                  </a:lnTo>
                  <a:lnTo>
                    <a:pt x="4187" y="4529"/>
                  </a:lnTo>
                  <a:lnTo>
                    <a:pt x="4342" y="4375"/>
                  </a:lnTo>
                  <a:lnTo>
                    <a:pt x="4557" y="4164"/>
                  </a:lnTo>
                  <a:lnTo>
                    <a:pt x="4690" y="4043"/>
                  </a:lnTo>
                  <a:lnTo>
                    <a:pt x="4772" y="3982"/>
                  </a:lnTo>
                  <a:lnTo>
                    <a:pt x="4804" y="3966"/>
                  </a:lnTo>
                  <a:lnTo>
                    <a:pt x="4904" y="3919"/>
                  </a:lnTo>
                  <a:lnTo>
                    <a:pt x="5589" y="3914"/>
                  </a:lnTo>
                  <a:lnTo>
                    <a:pt x="6272" y="3909"/>
                  </a:lnTo>
                  <a:lnTo>
                    <a:pt x="6335" y="3771"/>
                  </a:lnTo>
                  <a:lnTo>
                    <a:pt x="6358" y="3722"/>
                  </a:lnTo>
                  <a:lnTo>
                    <a:pt x="6409" y="3625"/>
                  </a:lnTo>
                  <a:lnTo>
                    <a:pt x="6467" y="3531"/>
                  </a:lnTo>
                  <a:lnTo>
                    <a:pt x="6531" y="3440"/>
                  </a:lnTo>
                  <a:lnTo>
                    <a:pt x="6599" y="3354"/>
                  </a:lnTo>
                  <a:lnTo>
                    <a:pt x="6672" y="3273"/>
                  </a:lnTo>
                  <a:lnTo>
                    <a:pt x="6749" y="3199"/>
                  </a:lnTo>
                  <a:lnTo>
                    <a:pt x="6828" y="3131"/>
                  </a:lnTo>
                  <a:lnTo>
                    <a:pt x="6869" y="3101"/>
                  </a:lnTo>
                  <a:lnTo>
                    <a:pt x="6922" y="3063"/>
                  </a:lnTo>
                  <a:lnTo>
                    <a:pt x="7054" y="2988"/>
                  </a:lnTo>
                  <a:lnTo>
                    <a:pt x="7200" y="2918"/>
                  </a:lnTo>
                  <a:lnTo>
                    <a:pt x="7346" y="2862"/>
                  </a:lnTo>
                  <a:lnTo>
                    <a:pt x="7412" y="2842"/>
                  </a:lnTo>
                  <a:lnTo>
                    <a:pt x="7456" y="2831"/>
                  </a:lnTo>
                  <a:lnTo>
                    <a:pt x="7534" y="2815"/>
                  </a:lnTo>
                  <a:lnTo>
                    <a:pt x="7624" y="2806"/>
                  </a:lnTo>
                  <a:lnTo>
                    <a:pt x="7745" y="2803"/>
                  </a:lnTo>
                  <a:lnTo>
                    <a:pt x="7829" y="2802"/>
                  </a:lnTo>
                  <a:lnTo>
                    <a:pt x="7951" y="2803"/>
                  </a:lnTo>
                  <a:lnTo>
                    <a:pt x="8100" y="2812"/>
                  </a:lnTo>
                  <a:lnTo>
                    <a:pt x="8189" y="2824"/>
                  </a:lnTo>
                  <a:lnTo>
                    <a:pt x="8273" y="2842"/>
                  </a:lnTo>
                  <a:lnTo>
                    <a:pt x="8356" y="2866"/>
                  </a:lnTo>
                  <a:lnTo>
                    <a:pt x="8489" y="2916"/>
                  </a:lnTo>
                  <a:lnTo>
                    <a:pt x="8592" y="2962"/>
                  </a:lnTo>
                  <a:lnTo>
                    <a:pt x="8638" y="2984"/>
                  </a:lnTo>
                  <a:lnTo>
                    <a:pt x="8731" y="3036"/>
                  </a:lnTo>
                  <a:lnTo>
                    <a:pt x="8821" y="3096"/>
                  </a:lnTo>
                  <a:lnTo>
                    <a:pt x="8910" y="3164"/>
                  </a:lnTo>
                  <a:lnTo>
                    <a:pt x="8995" y="3238"/>
                  </a:lnTo>
                  <a:lnTo>
                    <a:pt x="9075" y="3317"/>
                  </a:lnTo>
                  <a:lnTo>
                    <a:pt x="9149" y="3400"/>
                  </a:lnTo>
                  <a:lnTo>
                    <a:pt x="9217" y="3486"/>
                  </a:lnTo>
                  <a:lnTo>
                    <a:pt x="9247" y="3531"/>
                  </a:lnTo>
                  <a:lnTo>
                    <a:pt x="9282" y="3585"/>
                  </a:lnTo>
                  <a:lnTo>
                    <a:pt x="9344" y="3699"/>
                  </a:lnTo>
                  <a:lnTo>
                    <a:pt x="9397" y="3816"/>
                  </a:lnTo>
                  <a:lnTo>
                    <a:pt x="9440" y="3937"/>
                  </a:lnTo>
                  <a:lnTo>
                    <a:pt x="9474" y="4061"/>
                  </a:lnTo>
                  <a:lnTo>
                    <a:pt x="9498" y="4186"/>
                  </a:lnTo>
                  <a:lnTo>
                    <a:pt x="9513" y="4313"/>
                  </a:lnTo>
                  <a:lnTo>
                    <a:pt x="9518" y="4441"/>
                  </a:lnTo>
                  <a:lnTo>
                    <a:pt x="9514" y="4568"/>
                  </a:lnTo>
                  <a:lnTo>
                    <a:pt x="9500" y="4695"/>
                  </a:lnTo>
                  <a:lnTo>
                    <a:pt x="9477" y="4820"/>
                  </a:lnTo>
                  <a:lnTo>
                    <a:pt x="9445" y="4944"/>
                  </a:lnTo>
                  <a:lnTo>
                    <a:pt x="9403" y="5065"/>
                  </a:lnTo>
                  <a:lnTo>
                    <a:pt x="9352" y="5182"/>
                  </a:lnTo>
                  <a:lnTo>
                    <a:pt x="9292" y="5295"/>
                  </a:lnTo>
                  <a:lnTo>
                    <a:pt x="9222" y="5404"/>
                  </a:lnTo>
                  <a:lnTo>
                    <a:pt x="9184" y="5456"/>
                  </a:lnTo>
                  <a:lnTo>
                    <a:pt x="9133" y="5521"/>
                  </a:lnTo>
                  <a:lnTo>
                    <a:pt x="9023" y="5639"/>
                  </a:lnTo>
                  <a:lnTo>
                    <a:pt x="8902" y="5745"/>
                  </a:lnTo>
                  <a:lnTo>
                    <a:pt x="8772" y="5838"/>
                  </a:lnTo>
                  <a:lnTo>
                    <a:pt x="8631" y="5918"/>
                  </a:lnTo>
                  <a:lnTo>
                    <a:pt x="8481" y="5985"/>
                  </a:lnTo>
                  <a:lnTo>
                    <a:pt x="8321" y="6039"/>
                  </a:lnTo>
                  <a:lnTo>
                    <a:pt x="8151" y="6079"/>
                  </a:lnTo>
                  <a:lnTo>
                    <a:pt x="8062" y="6094"/>
                  </a:lnTo>
                  <a:lnTo>
                    <a:pt x="8015" y="6101"/>
                  </a:lnTo>
                  <a:lnTo>
                    <a:pt x="7919" y="6109"/>
                  </a:lnTo>
                  <a:lnTo>
                    <a:pt x="7822" y="6110"/>
                  </a:lnTo>
                  <a:lnTo>
                    <a:pt x="7725" y="6106"/>
                  </a:lnTo>
                  <a:lnTo>
                    <a:pt x="7627" y="6095"/>
                  </a:lnTo>
                  <a:lnTo>
                    <a:pt x="7530" y="6079"/>
                  </a:lnTo>
                  <a:lnTo>
                    <a:pt x="7434" y="6057"/>
                  </a:lnTo>
                  <a:lnTo>
                    <a:pt x="7339" y="6030"/>
                  </a:lnTo>
                  <a:lnTo>
                    <a:pt x="7245" y="5997"/>
                  </a:lnTo>
                  <a:lnTo>
                    <a:pt x="7154" y="5959"/>
                  </a:lnTo>
                  <a:lnTo>
                    <a:pt x="7065" y="5916"/>
                  </a:lnTo>
                  <a:lnTo>
                    <a:pt x="6979" y="5868"/>
                  </a:lnTo>
                  <a:lnTo>
                    <a:pt x="6897" y="5815"/>
                  </a:lnTo>
                  <a:lnTo>
                    <a:pt x="6818" y="5758"/>
                  </a:lnTo>
                  <a:lnTo>
                    <a:pt x="6744" y="5696"/>
                  </a:lnTo>
                  <a:lnTo>
                    <a:pt x="6675" y="5630"/>
                  </a:lnTo>
                  <a:lnTo>
                    <a:pt x="6642" y="5596"/>
                  </a:lnTo>
                  <a:lnTo>
                    <a:pt x="6599" y="5547"/>
                  </a:lnTo>
                  <a:lnTo>
                    <a:pt x="6509" y="5427"/>
                  </a:lnTo>
                  <a:lnTo>
                    <a:pt x="6425" y="5297"/>
                  </a:lnTo>
                  <a:lnTo>
                    <a:pt x="6356" y="5174"/>
                  </a:lnTo>
                  <a:lnTo>
                    <a:pt x="6334" y="5122"/>
                  </a:lnTo>
                  <a:lnTo>
                    <a:pt x="6317" y="5080"/>
                  </a:lnTo>
                  <a:lnTo>
                    <a:pt x="6282" y="5014"/>
                  </a:lnTo>
                  <a:lnTo>
                    <a:pt x="6270" y="5002"/>
                  </a:lnTo>
                  <a:lnTo>
                    <a:pt x="6260" y="4998"/>
                  </a:lnTo>
                  <a:lnTo>
                    <a:pt x="6185" y="4992"/>
                  </a:lnTo>
                  <a:lnTo>
                    <a:pt x="5970" y="4986"/>
                  </a:lnTo>
                  <a:lnTo>
                    <a:pt x="5747" y="4986"/>
                  </a:lnTo>
                  <a:lnTo>
                    <a:pt x="5245" y="4987"/>
                  </a:lnTo>
                  <a:lnTo>
                    <a:pt x="4724" y="5506"/>
                  </a:lnTo>
                  <a:lnTo>
                    <a:pt x="4581" y="5648"/>
                  </a:lnTo>
                  <a:lnTo>
                    <a:pt x="4369" y="5855"/>
                  </a:lnTo>
                  <a:lnTo>
                    <a:pt x="4230" y="5983"/>
                  </a:lnTo>
                  <a:lnTo>
                    <a:pt x="4146" y="6050"/>
                  </a:lnTo>
                  <a:lnTo>
                    <a:pt x="4120" y="6064"/>
                  </a:lnTo>
                  <a:lnTo>
                    <a:pt x="4037" y="6102"/>
                  </a:lnTo>
                  <a:lnTo>
                    <a:pt x="2104" y="6111"/>
                  </a:lnTo>
                  <a:lnTo>
                    <a:pt x="170" y="6119"/>
                  </a:lnTo>
                  <a:lnTo>
                    <a:pt x="150" y="6197"/>
                  </a:lnTo>
                  <a:lnTo>
                    <a:pt x="137" y="6253"/>
                  </a:lnTo>
                  <a:lnTo>
                    <a:pt x="109" y="6398"/>
                  </a:lnTo>
                  <a:lnTo>
                    <a:pt x="67" y="6658"/>
                  </a:lnTo>
                  <a:lnTo>
                    <a:pt x="21" y="7013"/>
                  </a:lnTo>
                  <a:lnTo>
                    <a:pt x="3" y="7210"/>
                  </a:lnTo>
                  <a:lnTo>
                    <a:pt x="3" y="7284"/>
                  </a:lnTo>
                  <a:lnTo>
                    <a:pt x="7" y="7296"/>
                  </a:lnTo>
                  <a:lnTo>
                    <a:pt x="71" y="7299"/>
                  </a:lnTo>
                  <a:lnTo>
                    <a:pt x="758" y="7304"/>
                  </a:lnTo>
                  <a:lnTo>
                    <a:pt x="2802" y="7308"/>
                  </a:lnTo>
                  <a:lnTo>
                    <a:pt x="4844" y="7307"/>
                  </a:lnTo>
                  <a:lnTo>
                    <a:pt x="7580" y="7304"/>
                  </a:lnTo>
                  <a:lnTo>
                    <a:pt x="9297" y="7295"/>
                  </a:lnTo>
                  <a:lnTo>
                    <a:pt x="9600" y="7288"/>
                  </a:lnTo>
                  <a:lnTo>
                    <a:pt x="9674" y="7281"/>
                  </a:lnTo>
                  <a:lnTo>
                    <a:pt x="9680" y="7277"/>
                  </a:lnTo>
                  <a:lnTo>
                    <a:pt x="9702" y="7232"/>
                  </a:lnTo>
                  <a:lnTo>
                    <a:pt x="9747" y="7136"/>
                  </a:lnTo>
                  <a:lnTo>
                    <a:pt x="9777" y="7072"/>
                  </a:lnTo>
                  <a:lnTo>
                    <a:pt x="9845" y="6952"/>
                  </a:lnTo>
                  <a:lnTo>
                    <a:pt x="9921" y="6839"/>
                  </a:lnTo>
                  <a:lnTo>
                    <a:pt x="10005" y="6734"/>
                  </a:lnTo>
                  <a:lnTo>
                    <a:pt x="10098" y="6636"/>
                  </a:lnTo>
                  <a:lnTo>
                    <a:pt x="10199" y="6547"/>
                  </a:lnTo>
                  <a:lnTo>
                    <a:pt x="10309" y="6466"/>
                  </a:lnTo>
                  <a:lnTo>
                    <a:pt x="10427" y="6394"/>
                  </a:lnTo>
                  <a:lnTo>
                    <a:pt x="10489" y="6361"/>
                  </a:lnTo>
                  <a:lnTo>
                    <a:pt x="10535" y="6337"/>
                  </a:lnTo>
                  <a:lnTo>
                    <a:pt x="10607" y="6303"/>
                  </a:lnTo>
                  <a:lnTo>
                    <a:pt x="10713" y="6266"/>
                  </a:lnTo>
                  <a:lnTo>
                    <a:pt x="10820" y="6237"/>
                  </a:lnTo>
                  <a:lnTo>
                    <a:pt x="10879" y="6223"/>
                  </a:lnTo>
                  <a:lnTo>
                    <a:pt x="10999" y="6201"/>
                  </a:lnTo>
                  <a:lnTo>
                    <a:pt x="11123" y="6188"/>
                  </a:lnTo>
                  <a:lnTo>
                    <a:pt x="11250" y="6185"/>
                  </a:lnTo>
                  <a:lnTo>
                    <a:pt x="11378" y="6192"/>
                  </a:lnTo>
                  <a:lnTo>
                    <a:pt x="11507" y="6207"/>
                  </a:lnTo>
                  <a:lnTo>
                    <a:pt x="11634" y="6232"/>
                  </a:lnTo>
                  <a:lnTo>
                    <a:pt x="11759" y="6265"/>
                  </a:lnTo>
                  <a:lnTo>
                    <a:pt x="11820" y="6286"/>
                  </a:lnTo>
                  <a:lnTo>
                    <a:pt x="11864" y="6302"/>
                  </a:lnTo>
                  <a:lnTo>
                    <a:pt x="11967" y="6348"/>
                  </a:lnTo>
                  <a:lnTo>
                    <a:pt x="12076" y="6402"/>
                  </a:lnTo>
                  <a:lnTo>
                    <a:pt x="12174" y="6458"/>
                  </a:lnTo>
                  <a:lnTo>
                    <a:pt x="12212" y="6482"/>
                  </a:lnTo>
                  <a:lnTo>
                    <a:pt x="12251" y="6510"/>
                  </a:lnTo>
                  <a:lnTo>
                    <a:pt x="12330" y="6575"/>
                  </a:lnTo>
                  <a:lnTo>
                    <a:pt x="12409" y="6649"/>
                  </a:lnTo>
                  <a:lnTo>
                    <a:pt x="12486" y="6730"/>
                  </a:lnTo>
                  <a:lnTo>
                    <a:pt x="12559" y="6816"/>
                  </a:lnTo>
                  <a:lnTo>
                    <a:pt x="12625" y="6903"/>
                  </a:lnTo>
                  <a:lnTo>
                    <a:pt x="12684" y="6992"/>
                  </a:lnTo>
                  <a:lnTo>
                    <a:pt x="12732" y="7078"/>
                  </a:lnTo>
                  <a:lnTo>
                    <a:pt x="12752" y="7119"/>
                  </a:lnTo>
                  <a:lnTo>
                    <a:pt x="12792" y="7211"/>
                  </a:lnTo>
                  <a:lnTo>
                    <a:pt x="12838" y="7339"/>
                  </a:lnTo>
                  <a:lnTo>
                    <a:pt x="12861" y="7422"/>
                  </a:lnTo>
                  <a:lnTo>
                    <a:pt x="12879" y="7507"/>
                  </a:lnTo>
                  <a:lnTo>
                    <a:pt x="12892" y="7595"/>
                  </a:lnTo>
                  <a:lnTo>
                    <a:pt x="12902" y="7737"/>
                  </a:lnTo>
                  <a:lnTo>
                    <a:pt x="12904" y="7844"/>
                  </a:lnTo>
                  <a:lnTo>
                    <a:pt x="12903" y="7914"/>
                  </a:lnTo>
                  <a:lnTo>
                    <a:pt x="12896" y="8046"/>
                  </a:lnTo>
                  <a:lnTo>
                    <a:pt x="12880" y="8169"/>
                  </a:lnTo>
                  <a:lnTo>
                    <a:pt x="12857" y="8286"/>
                  </a:lnTo>
                  <a:lnTo>
                    <a:pt x="12824" y="8398"/>
                  </a:lnTo>
                  <a:lnTo>
                    <a:pt x="12782" y="8507"/>
                  </a:lnTo>
                  <a:lnTo>
                    <a:pt x="12730" y="8615"/>
                  </a:lnTo>
                  <a:lnTo>
                    <a:pt x="12668" y="8723"/>
                  </a:lnTo>
                  <a:lnTo>
                    <a:pt x="12632" y="8777"/>
                  </a:lnTo>
                  <a:lnTo>
                    <a:pt x="12588" y="8841"/>
                  </a:lnTo>
                  <a:lnTo>
                    <a:pt x="12491" y="8960"/>
                  </a:lnTo>
                  <a:lnTo>
                    <a:pt x="12384" y="9067"/>
                  </a:lnTo>
                  <a:lnTo>
                    <a:pt x="12267" y="9164"/>
                  </a:lnTo>
                  <a:lnTo>
                    <a:pt x="12140" y="9250"/>
                  </a:lnTo>
                  <a:lnTo>
                    <a:pt x="12004" y="9324"/>
                  </a:lnTo>
                  <a:lnTo>
                    <a:pt x="11858" y="9387"/>
                  </a:lnTo>
                  <a:lnTo>
                    <a:pt x="11702" y="9439"/>
                  </a:lnTo>
                  <a:lnTo>
                    <a:pt x="11620" y="9461"/>
                  </a:lnTo>
                  <a:lnTo>
                    <a:pt x="11584" y="9469"/>
                  </a:lnTo>
                  <a:lnTo>
                    <a:pt x="11502" y="9482"/>
                  </a:lnTo>
                  <a:lnTo>
                    <a:pt x="11361" y="9495"/>
                  </a:lnTo>
                  <a:lnTo>
                    <a:pt x="11161" y="9498"/>
                  </a:lnTo>
                  <a:lnTo>
                    <a:pt x="11020" y="9489"/>
                  </a:lnTo>
                  <a:lnTo>
                    <a:pt x="10937" y="9478"/>
                  </a:lnTo>
                  <a:lnTo>
                    <a:pt x="10900" y="9471"/>
                  </a:lnTo>
                  <a:lnTo>
                    <a:pt x="10851" y="9460"/>
                  </a:lnTo>
                  <a:lnTo>
                    <a:pt x="10756" y="9433"/>
                  </a:lnTo>
                  <a:lnTo>
                    <a:pt x="10662" y="9402"/>
                  </a:lnTo>
                  <a:lnTo>
                    <a:pt x="10572" y="9365"/>
                  </a:lnTo>
                  <a:lnTo>
                    <a:pt x="10484" y="9324"/>
                  </a:lnTo>
                  <a:lnTo>
                    <a:pt x="10399" y="9277"/>
                  </a:lnTo>
                  <a:lnTo>
                    <a:pt x="10317" y="9226"/>
                  </a:lnTo>
                  <a:lnTo>
                    <a:pt x="10239" y="9170"/>
                  </a:lnTo>
                  <a:lnTo>
                    <a:pt x="10164" y="9110"/>
                  </a:lnTo>
                  <a:lnTo>
                    <a:pt x="10093" y="9046"/>
                  </a:lnTo>
                  <a:lnTo>
                    <a:pt x="10026" y="8978"/>
                  </a:lnTo>
                  <a:lnTo>
                    <a:pt x="9963" y="8906"/>
                  </a:lnTo>
                  <a:lnTo>
                    <a:pt x="9905" y="8830"/>
                  </a:lnTo>
                  <a:lnTo>
                    <a:pt x="9851" y="8750"/>
                  </a:lnTo>
                  <a:lnTo>
                    <a:pt x="9802" y="8667"/>
                  </a:lnTo>
                  <a:lnTo>
                    <a:pt x="9757" y="8580"/>
                  </a:lnTo>
                  <a:lnTo>
                    <a:pt x="9737" y="8536"/>
                  </a:lnTo>
                  <a:lnTo>
                    <a:pt x="9695" y="8440"/>
                  </a:lnTo>
                  <a:lnTo>
                    <a:pt x="9674" y="8397"/>
                  </a:lnTo>
                  <a:lnTo>
                    <a:pt x="9653" y="8395"/>
                  </a:lnTo>
                  <a:lnTo>
                    <a:pt x="9438" y="8390"/>
                  </a:lnTo>
                  <a:lnTo>
                    <a:pt x="8799" y="8385"/>
                  </a:lnTo>
                  <a:lnTo>
                    <a:pt x="6648" y="8377"/>
                  </a:lnTo>
                  <a:lnTo>
                    <a:pt x="3028" y="8376"/>
                  </a:lnTo>
                  <a:lnTo>
                    <a:pt x="877" y="8383"/>
                  </a:lnTo>
                  <a:lnTo>
                    <a:pt x="238" y="8388"/>
                  </a:lnTo>
                  <a:lnTo>
                    <a:pt x="24" y="8393"/>
                  </a:lnTo>
                  <a:lnTo>
                    <a:pt x="4" y="8396"/>
                  </a:lnTo>
                  <a:lnTo>
                    <a:pt x="0" y="8409"/>
                  </a:lnTo>
                  <a:lnTo>
                    <a:pt x="3" y="8487"/>
                  </a:lnTo>
                  <a:lnTo>
                    <a:pt x="23" y="8687"/>
                  </a:lnTo>
                  <a:lnTo>
                    <a:pt x="70" y="9043"/>
                  </a:lnTo>
                  <a:lnTo>
                    <a:pt x="126" y="9378"/>
                  </a:lnTo>
                  <a:lnTo>
                    <a:pt x="150" y="9491"/>
                  </a:lnTo>
                  <a:lnTo>
                    <a:pt x="170" y="9569"/>
                  </a:lnTo>
                  <a:lnTo>
                    <a:pt x="2104" y="9577"/>
                  </a:lnTo>
                  <a:lnTo>
                    <a:pt x="4037" y="9586"/>
                  </a:lnTo>
                  <a:lnTo>
                    <a:pt x="4120" y="9626"/>
                  </a:lnTo>
                  <a:lnTo>
                    <a:pt x="4147" y="9640"/>
                  </a:lnTo>
                  <a:lnTo>
                    <a:pt x="4234" y="9710"/>
                  </a:lnTo>
                  <a:lnTo>
                    <a:pt x="4376" y="9842"/>
                  </a:lnTo>
                  <a:lnTo>
                    <a:pt x="4588" y="10049"/>
                  </a:lnTo>
                  <a:lnTo>
                    <a:pt x="4729" y="10189"/>
                  </a:lnTo>
                  <a:lnTo>
                    <a:pt x="5255" y="10711"/>
                  </a:lnTo>
                  <a:lnTo>
                    <a:pt x="5762" y="10707"/>
                  </a:lnTo>
                  <a:lnTo>
                    <a:pt x="6269" y="10702"/>
                  </a:lnTo>
                  <a:lnTo>
                    <a:pt x="6290" y="10661"/>
                  </a:lnTo>
                  <a:lnTo>
                    <a:pt x="6320" y="10600"/>
                  </a:lnTo>
                  <a:lnTo>
                    <a:pt x="6372" y="10494"/>
                  </a:lnTo>
                  <a:lnTo>
                    <a:pt x="6394" y="10450"/>
                  </a:lnTo>
                  <a:lnTo>
                    <a:pt x="6441" y="10365"/>
                  </a:lnTo>
                  <a:lnTo>
                    <a:pt x="6492" y="10285"/>
                  </a:lnTo>
                  <a:lnTo>
                    <a:pt x="6547" y="10208"/>
                  </a:lnTo>
                  <a:lnTo>
                    <a:pt x="6606" y="10135"/>
                  </a:lnTo>
                  <a:lnTo>
                    <a:pt x="6668" y="10067"/>
                  </a:lnTo>
                  <a:lnTo>
                    <a:pt x="6734" y="10003"/>
                  </a:lnTo>
                  <a:lnTo>
                    <a:pt x="6803" y="9943"/>
                  </a:lnTo>
                  <a:lnTo>
                    <a:pt x="6876" y="9887"/>
                  </a:lnTo>
                  <a:lnTo>
                    <a:pt x="6952" y="9836"/>
                  </a:lnTo>
                  <a:lnTo>
                    <a:pt x="7032" y="9789"/>
                  </a:lnTo>
                  <a:lnTo>
                    <a:pt x="7115" y="9746"/>
                  </a:lnTo>
                  <a:lnTo>
                    <a:pt x="7201" y="9708"/>
                  </a:lnTo>
                  <a:lnTo>
                    <a:pt x="7291" y="9674"/>
                  </a:lnTo>
                  <a:lnTo>
                    <a:pt x="7383" y="9644"/>
                  </a:lnTo>
                  <a:lnTo>
                    <a:pt x="7479" y="9620"/>
                  </a:lnTo>
                  <a:lnTo>
                    <a:pt x="7529" y="9609"/>
                  </a:lnTo>
                  <a:lnTo>
                    <a:pt x="7563" y="9602"/>
                  </a:lnTo>
                  <a:lnTo>
                    <a:pt x="7643" y="9593"/>
                  </a:lnTo>
                  <a:lnTo>
                    <a:pt x="7782" y="9586"/>
                  </a:lnTo>
                  <a:lnTo>
                    <a:pt x="7981" y="9591"/>
                  </a:lnTo>
                  <a:lnTo>
                    <a:pt x="8120" y="9606"/>
                  </a:lnTo>
                  <a:lnTo>
                    <a:pt x="8202" y="9619"/>
                  </a:lnTo>
                  <a:lnTo>
                    <a:pt x="8237" y="9627"/>
                  </a:lnTo>
                  <a:lnTo>
                    <a:pt x="8290" y="9641"/>
                  </a:lnTo>
                  <a:lnTo>
                    <a:pt x="8392" y="9673"/>
                  </a:lnTo>
                  <a:lnTo>
                    <a:pt x="8490" y="9709"/>
                  </a:lnTo>
                  <a:lnTo>
                    <a:pt x="8585" y="9750"/>
                  </a:lnTo>
                  <a:lnTo>
                    <a:pt x="8676" y="9796"/>
                  </a:lnTo>
                  <a:lnTo>
                    <a:pt x="8763" y="9847"/>
                  </a:lnTo>
                  <a:lnTo>
                    <a:pt x="8845" y="9902"/>
                  </a:lnTo>
                  <a:lnTo>
                    <a:pt x="8924" y="9962"/>
                  </a:lnTo>
                  <a:lnTo>
                    <a:pt x="8998" y="10027"/>
                  </a:lnTo>
                  <a:lnTo>
                    <a:pt x="9068" y="10096"/>
                  </a:lnTo>
                  <a:lnTo>
                    <a:pt x="9134" y="10169"/>
                  </a:lnTo>
                  <a:lnTo>
                    <a:pt x="9195" y="10247"/>
                  </a:lnTo>
                  <a:lnTo>
                    <a:pt x="9251" y="10328"/>
                  </a:lnTo>
                  <a:lnTo>
                    <a:pt x="9303" y="10414"/>
                  </a:lnTo>
                  <a:lnTo>
                    <a:pt x="9350" y="10504"/>
                  </a:lnTo>
                  <a:lnTo>
                    <a:pt x="9393" y="10599"/>
                  </a:lnTo>
                  <a:lnTo>
                    <a:pt x="9412" y="10647"/>
                  </a:lnTo>
                  <a:lnTo>
                    <a:pt x="9428" y="10693"/>
                  </a:lnTo>
                  <a:lnTo>
                    <a:pt x="9457" y="10791"/>
                  </a:lnTo>
                  <a:lnTo>
                    <a:pt x="9482" y="10899"/>
                  </a:lnTo>
                  <a:lnTo>
                    <a:pt x="9502" y="11021"/>
                  </a:lnTo>
                  <a:lnTo>
                    <a:pt x="9510" y="11089"/>
                  </a:lnTo>
                  <a:lnTo>
                    <a:pt x="9517" y="11155"/>
                  </a:lnTo>
                  <a:lnTo>
                    <a:pt x="9519" y="11290"/>
                  </a:lnTo>
                  <a:lnTo>
                    <a:pt x="9509" y="11429"/>
                  </a:lnTo>
                  <a:lnTo>
                    <a:pt x="9487" y="11569"/>
                  </a:lnTo>
                  <a:lnTo>
                    <a:pt x="9452" y="11707"/>
                  </a:lnTo>
                  <a:lnTo>
                    <a:pt x="9407" y="11843"/>
                  </a:lnTo>
                  <a:lnTo>
                    <a:pt x="9351" y="11974"/>
                  </a:lnTo>
                  <a:lnTo>
                    <a:pt x="9284" y="12099"/>
                  </a:lnTo>
                  <a:lnTo>
                    <a:pt x="9247" y="12157"/>
                  </a:lnTo>
                  <a:lnTo>
                    <a:pt x="9217" y="12201"/>
                  </a:lnTo>
                  <a:lnTo>
                    <a:pt x="9154" y="12284"/>
                  </a:lnTo>
                  <a:lnTo>
                    <a:pt x="9087" y="12362"/>
                  </a:lnTo>
                  <a:lnTo>
                    <a:pt x="9015" y="12435"/>
                  </a:lnTo>
                  <a:lnTo>
                    <a:pt x="8940" y="12504"/>
                  </a:lnTo>
                  <a:lnTo>
                    <a:pt x="8860" y="12567"/>
                  </a:lnTo>
                  <a:lnTo>
                    <a:pt x="8777" y="12625"/>
                  </a:lnTo>
                  <a:lnTo>
                    <a:pt x="8690" y="12677"/>
                  </a:lnTo>
                  <a:lnTo>
                    <a:pt x="8600" y="12724"/>
                  </a:lnTo>
                  <a:lnTo>
                    <a:pt x="8507" y="12766"/>
                  </a:lnTo>
                  <a:lnTo>
                    <a:pt x="8410" y="12802"/>
                  </a:lnTo>
                  <a:lnTo>
                    <a:pt x="8312" y="12832"/>
                  </a:lnTo>
                  <a:lnTo>
                    <a:pt x="8210" y="12856"/>
                  </a:lnTo>
                  <a:lnTo>
                    <a:pt x="8106" y="12875"/>
                  </a:lnTo>
                  <a:lnTo>
                    <a:pt x="8000" y="12887"/>
                  </a:lnTo>
                  <a:lnTo>
                    <a:pt x="7892" y="12893"/>
                  </a:lnTo>
                  <a:lnTo>
                    <a:pt x="7837" y="12894"/>
                  </a:lnTo>
                  <a:lnTo>
                    <a:pt x="7776" y="12893"/>
                  </a:lnTo>
                  <a:lnTo>
                    <a:pt x="7657" y="12886"/>
                  </a:lnTo>
                  <a:lnTo>
                    <a:pt x="7541" y="12870"/>
                  </a:lnTo>
                  <a:lnTo>
                    <a:pt x="7428" y="12847"/>
                  </a:lnTo>
                  <a:lnTo>
                    <a:pt x="7318" y="12816"/>
                  </a:lnTo>
                  <a:lnTo>
                    <a:pt x="7212" y="12779"/>
                  </a:lnTo>
                  <a:lnTo>
                    <a:pt x="7110" y="12734"/>
                  </a:lnTo>
                  <a:lnTo>
                    <a:pt x="7011" y="12682"/>
                  </a:lnTo>
                  <a:lnTo>
                    <a:pt x="6917" y="12623"/>
                  </a:lnTo>
                  <a:lnTo>
                    <a:pt x="6827" y="12557"/>
                  </a:lnTo>
                  <a:lnTo>
                    <a:pt x="6742" y="12485"/>
                  </a:lnTo>
                  <a:lnTo>
                    <a:pt x="6662" y="12406"/>
                  </a:lnTo>
                  <a:lnTo>
                    <a:pt x="6586" y="12321"/>
                  </a:lnTo>
                  <a:lnTo>
                    <a:pt x="6516" y="12229"/>
                  </a:lnTo>
                  <a:lnTo>
                    <a:pt x="6451" y="12132"/>
                  </a:lnTo>
                  <a:lnTo>
                    <a:pt x="6392" y="12028"/>
                  </a:lnTo>
                  <a:lnTo>
                    <a:pt x="6365" y="11974"/>
                  </a:lnTo>
                  <a:lnTo>
                    <a:pt x="6270" y="11779"/>
                  </a:lnTo>
                  <a:lnTo>
                    <a:pt x="5614" y="11777"/>
                  </a:lnTo>
                  <a:lnTo>
                    <a:pt x="5302" y="11777"/>
                  </a:lnTo>
                  <a:lnTo>
                    <a:pt x="5017" y="11770"/>
                  </a:lnTo>
                  <a:lnTo>
                    <a:pt x="4912" y="11762"/>
                  </a:lnTo>
                  <a:lnTo>
                    <a:pt x="4889" y="11757"/>
                  </a:lnTo>
                  <a:lnTo>
                    <a:pt x="4865" y="11750"/>
                  </a:lnTo>
                  <a:lnTo>
                    <a:pt x="4817" y="11729"/>
                  </a:lnTo>
                  <a:lnTo>
                    <a:pt x="4764" y="11697"/>
                  </a:lnTo>
                  <a:lnTo>
                    <a:pt x="4700" y="11650"/>
                  </a:lnTo>
                  <a:lnTo>
                    <a:pt x="4579" y="11544"/>
                  </a:lnTo>
                  <a:lnTo>
                    <a:pt x="4335" y="11309"/>
                  </a:lnTo>
                  <a:lnTo>
                    <a:pt x="4162" y="11136"/>
                  </a:lnTo>
                  <a:lnTo>
                    <a:pt x="3670" y="10644"/>
                  </a:lnTo>
                  <a:lnTo>
                    <a:pt x="2084" y="10644"/>
                  </a:lnTo>
                  <a:lnTo>
                    <a:pt x="1199" y="10644"/>
                  </a:lnTo>
                  <a:lnTo>
                    <a:pt x="627" y="10651"/>
                  </a:lnTo>
                  <a:lnTo>
                    <a:pt x="523" y="10658"/>
                  </a:lnTo>
                  <a:lnTo>
                    <a:pt x="497" y="10664"/>
                  </a:lnTo>
                  <a:lnTo>
                    <a:pt x="495" y="10667"/>
                  </a:lnTo>
                  <a:lnTo>
                    <a:pt x="496" y="10678"/>
                  </a:lnTo>
                  <a:lnTo>
                    <a:pt x="506" y="10697"/>
                  </a:lnTo>
                  <a:lnTo>
                    <a:pt x="512" y="10702"/>
                  </a:lnTo>
                  <a:lnTo>
                    <a:pt x="518" y="10708"/>
                  </a:lnTo>
                  <a:lnTo>
                    <a:pt x="528" y="10726"/>
                  </a:lnTo>
                  <a:lnTo>
                    <a:pt x="529" y="10736"/>
                  </a:lnTo>
                  <a:lnTo>
                    <a:pt x="531" y="10750"/>
                  </a:lnTo>
                  <a:lnTo>
                    <a:pt x="553" y="10811"/>
                  </a:lnTo>
                  <a:lnTo>
                    <a:pt x="569" y="10847"/>
                  </a:lnTo>
                  <a:lnTo>
                    <a:pt x="611" y="10944"/>
                  </a:lnTo>
                  <a:lnTo>
                    <a:pt x="662" y="11061"/>
                  </a:lnTo>
                  <a:lnTo>
                    <a:pt x="691" y="11126"/>
                  </a:lnTo>
                  <a:lnTo>
                    <a:pt x="759" y="11270"/>
                  </a:lnTo>
                  <a:lnTo>
                    <a:pt x="878" y="11503"/>
                  </a:lnTo>
                  <a:lnTo>
                    <a:pt x="1061" y="11830"/>
                  </a:lnTo>
                  <a:lnTo>
                    <a:pt x="1251" y="12141"/>
                  </a:lnTo>
                  <a:lnTo>
                    <a:pt x="1342" y="12277"/>
                  </a:lnTo>
                  <a:lnTo>
                    <a:pt x="1450" y="12433"/>
                  </a:lnTo>
                  <a:lnTo>
                    <a:pt x="1657" y="12710"/>
                  </a:lnTo>
                  <a:lnTo>
                    <a:pt x="1874" y="12970"/>
                  </a:lnTo>
                  <a:lnTo>
                    <a:pt x="2125" y="13243"/>
                  </a:lnTo>
                  <a:lnTo>
                    <a:pt x="2274" y="13396"/>
                  </a:lnTo>
                  <a:lnTo>
                    <a:pt x="2595" y="13721"/>
                  </a:lnTo>
                  <a:lnTo>
                    <a:pt x="2137" y="15551"/>
                  </a:lnTo>
                  <a:lnTo>
                    <a:pt x="1903" y="16490"/>
                  </a:lnTo>
                  <a:lnTo>
                    <a:pt x="1728" y="17221"/>
                  </a:lnTo>
                  <a:lnTo>
                    <a:pt x="1690" y="17401"/>
                  </a:lnTo>
                  <a:lnTo>
                    <a:pt x="1679" y="17468"/>
                  </a:lnTo>
                  <a:lnTo>
                    <a:pt x="1679" y="17486"/>
                  </a:lnTo>
                  <a:lnTo>
                    <a:pt x="1679" y="17515"/>
                  </a:lnTo>
                  <a:lnTo>
                    <a:pt x="1684" y="17565"/>
                  </a:lnTo>
                  <a:lnTo>
                    <a:pt x="1695" y="17611"/>
                  </a:lnTo>
                  <a:lnTo>
                    <a:pt x="1715" y="17661"/>
                  </a:lnTo>
                  <a:lnTo>
                    <a:pt x="1729" y="17691"/>
                  </a:lnTo>
                  <a:lnTo>
                    <a:pt x="1752" y="17735"/>
                  </a:lnTo>
                  <a:lnTo>
                    <a:pt x="1806" y="17809"/>
                  </a:lnTo>
                  <a:lnTo>
                    <a:pt x="1873" y="17871"/>
                  </a:lnTo>
                  <a:lnTo>
                    <a:pt x="1956" y="17923"/>
                  </a:lnTo>
                  <a:lnTo>
                    <a:pt x="2007" y="17947"/>
                  </a:lnTo>
                  <a:lnTo>
                    <a:pt x="2112" y="17994"/>
                  </a:lnTo>
                  <a:lnTo>
                    <a:pt x="5864" y="17994"/>
                  </a:lnTo>
                  <a:lnTo>
                    <a:pt x="9617" y="17994"/>
                  </a:lnTo>
                  <a:lnTo>
                    <a:pt x="9715" y="17959"/>
                  </a:lnTo>
                  <a:lnTo>
                    <a:pt x="9756" y="17942"/>
                  </a:lnTo>
                  <a:lnTo>
                    <a:pt x="9837" y="17895"/>
                  </a:lnTo>
                  <a:lnTo>
                    <a:pt x="9912" y="17834"/>
                  </a:lnTo>
                  <a:lnTo>
                    <a:pt x="9975" y="17766"/>
                  </a:lnTo>
                  <a:lnTo>
                    <a:pt x="9999" y="17731"/>
                  </a:lnTo>
                  <a:lnTo>
                    <a:pt x="10010" y="17706"/>
                  </a:lnTo>
                  <a:lnTo>
                    <a:pt x="10053" y="17567"/>
                  </a:lnTo>
                  <a:lnTo>
                    <a:pt x="10161" y="17167"/>
                  </a:lnTo>
                  <a:lnTo>
                    <a:pt x="10270" y="16736"/>
                  </a:lnTo>
                  <a:lnTo>
                    <a:pt x="10505" y="15802"/>
                  </a:lnTo>
                  <a:lnTo>
                    <a:pt x="10604" y="15806"/>
                  </a:lnTo>
                  <a:lnTo>
                    <a:pt x="10651" y="15808"/>
                  </a:lnTo>
                  <a:lnTo>
                    <a:pt x="10773" y="15820"/>
                  </a:lnTo>
                  <a:lnTo>
                    <a:pt x="10829" y="15827"/>
                  </a:lnTo>
                  <a:lnTo>
                    <a:pt x="11190" y="15881"/>
                  </a:lnTo>
                  <a:lnTo>
                    <a:pt x="11704" y="15954"/>
                  </a:lnTo>
                  <a:lnTo>
                    <a:pt x="12013" y="15997"/>
                  </a:lnTo>
                  <a:lnTo>
                    <a:pt x="12345" y="16044"/>
                  </a:lnTo>
                  <a:lnTo>
                    <a:pt x="12639" y="16087"/>
                  </a:lnTo>
                  <a:lnTo>
                    <a:pt x="12812" y="16111"/>
                  </a:lnTo>
                  <a:lnTo>
                    <a:pt x="12931" y="16128"/>
                  </a:lnTo>
                  <a:lnTo>
                    <a:pt x="13037" y="16144"/>
                  </a:lnTo>
                  <a:lnTo>
                    <a:pt x="13130" y="16157"/>
                  </a:lnTo>
                  <a:lnTo>
                    <a:pt x="13204" y="16169"/>
                  </a:lnTo>
                  <a:lnTo>
                    <a:pt x="13335" y="16187"/>
                  </a:lnTo>
                  <a:lnTo>
                    <a:pt x="13620" y="16229"/>
                  </a:lnTo>
                  <a:lnTo>
                    <a:pt x="13766" y="16250"/>
                  </a:lnTo>
                  <a:lnTo>
                    <a:pt x="14011" y="16278"/>
                  </a:lnTo>
                  <a:lnTo>
                    <a:pt x="14072" y="16281"/>
                  </a:lnTo>
                  <a:lnTo>
                    <a:pt x="14109" y="16280"/>
                  </a:lnTo>
                  <a:lnTo>
                    <a:pt x="14182" y="16271"/>
                  </a:lnTo>
                  <a:lnTo>
                    <a:pt x="14253" y="16251"/>
                  </a:lnTo>
                  <a:lnTo>
                    <a:pt x="14320" y="16223"/>
                  </a:lnTo>
                  <a:lnTo>
                    <a:pt x="14383" y="16186"/>
                  </a:lnTo>
                  <a:lnTo>
                    <a:pt x="14439" y="16141"/>
                  </a:lnTo>
                  <a:lnTo>
                    <a:pt x="14487" y="16090"/>
                  </a:lnTo>
                  <a:lnTo>
                    <a:pt x="14526" y="16032"/>
                  </a:lnTo>
                  <a:lnTo>
                    <a:pt x="14542" y="16001"/>
                  </a:lnTo>
                  <a:lnTo>
                    <a:pt x="14557" y="15954"/>
                  </a:lnTo>
                  <a:lnTo>
                    <a:pt x="14653" y="15595"/>
                  </a:lnTo>
                  <a:lnTo>
                    <a:pt x="14901" y="14626"/>
                  </a:lnTo>
                  <a:lnTo>
                    <a:pt x="15120" y="13756"/>
                  </a:lnTo>
                  <a:lnTo>
                    <a:pt x="15337" y="12888"/>
                  </a:lnTo>
                  <a:lnTo>
                    <a:pt x="15580" y="11939"/>
                  </a:lnTo>
                  <a:lnTo>
                    <a:pt x="15670" y="11600"/>
                  </a:lnTo>
                  <a:lnTo>
                    <a:pt x="15682" y="11564"/>
                  </a:lnTo>
                  <a:lnTo>
                    <a:pt x="15734" y="11525"/>
                  </a:lnTo>
                  <a:lnTo>
                    <a:pt x="16162" y="11234"/>
                  </a:lnTo>
                  <a:lnTo>
                    <a:pt x="16470" y="11027"/>
                  </a:lnTo>
                  <a:lnTo>
                    <a:pt x="16789" y="10814"/>
                  </a:lnTo>
                  <a:lnTo>
                    <a:pt x="17140" y="10570"/>
                  </a:lnTo>
                  <a:lnTo>
                    <a:pt x="17274" y="10470"/>
                  </a:lnTo>
                  <a:lnTo>
                    <a:pt x="17297" y="10449"/>
                  </a:lnTo>
                  <a:lnTo>
                    <a:pt x="17325" y="10416"/>
                  </a:lnTo>
                  <a:lnTo>
                    <a:pt x="17369" y="10344"/>
                  </a:lnTo>
                  <a:lnTo>
                    <a:pt x="17401" y="10265"/>
                  </a:lnTo>
                  <a:lnTo>
                    <a:pt x="17420" y="10182"/>
                  </a:lnTo>
                  <a:lnTo>
                    <a:pt x="17426" y="10097"/>
                  </a:lnTo>
                  <a:lnTo>
                    <a:pt x="17419" y="10013"/>
                  </a:lnTo>
                  <a:lnTo>
                    <a:pt x="17398" y="9932"/>
                  </a:lnTo>
                  <a:lnTo>
                    <a:pt x="17363" y="9856"/>
                  </a:lnTo>
                  <a:lnTo>
                    <a:pt x="17340" y="9821"/>
                  </a:lnTo>
                  <a:lnTo>
                    <a:pt x="17135" y="9544"/>
                  </a:lnTo>
                  <a:lnTo>
                    <a:pt x="16519" y="8719"/>
                  </a:lnTo>
                  <a:lnTo>
                    <a:pt x="15732" y="7669"/>
                  </a:lnTo>
                  <a:lnTo>
                    <a:pt x="15722" y="7511"/>
                  </a:lnTo>
                  <a:lnTo>
                    <a:pt x="15705" y="7285"/>
                  </a:lnTo>
                  <a:lnTo>
                    <a:pt x="15662" y="6864"/>
                  </a:lnTo>
                  <a:lnTo>
                    <a:pt x="15602" y="6463"/>
                  </a:lnTo>
                  <a:lnTo>
                    <a:pt x="15525" y="6065"/>
                  </a:lnTo>
                  <a:lnTo>
                    <a:pt x="15477" y="5861"/>
                  </a:lnTo>
                  <a:lnTo>
                    <a:pt x="15457" y="5781"/>
                  </a:lnTo>
                  <a:lnTo>
                    <a:pt x="15391" y="5552"/>
                  </a:lnTo>
                  <a:lnTo>
                    <a:pt x="15315" y="5303"/>
                  </a:lnTo>
                  <a:lnTo>
                    <a:pt x="15250" y="5105"/>
                  </a:lnTo>
                  <a:lnTo>
                    <a:pt x="15230" y="5052"/>
                  </a:lnTo>
                  <a:lnTo>
                    <a:pt x="15201" y="4982"/>
                  </a:lnTo>
                  <a:lnTo>
                    <a:pt x="15137" y="4819"/>
                  </a:lnTo>
                  <a:lnTo>
                    <a:pt x="15084" y="4688"/>
                  </a:lnTo>
                  <a:lnTo>
                    <a:pt x="14969" y="4429"/>
                  </a:lnTo>
                  <a:lnTo>
                    <a:pt x="14844" y="4174"/>
                  </a:lnTo>
                  <a:lnTo>
                    <a:pt x="14709" y="3924"/>
                  </a:lnTo>
                  <a:lnTo>
                    <a:pt x="14564" y="3679"/>
                  </a:lnTo>
                  <a:lnTo>
                    <a:pt x="14410" y="3440"/>
                  </a:lnTo>
                  <a:lnTo>
                    <a:pt x="14246" y="3206"/>
                  </a:lnTo>
                  <a:lnTo>
                    <a:pt x="14074" y="2979"/>
                  </a:lnTo>
                  <a:lnTo>
                    <a:pt x="13892" y="2757"/>
                  </a:lnTo>
                  <a:lnTo>
                    <a:pt x="13702" y="2543"/>
                  </a:lnTo>
                  <a:lnTo>
                    <a:pt x="13504" y="2335"/>
                  </a:lnTo>
                  <a:lnTo>
                    <a:pt x="13298" y="2135"/>
                  </a:lnTo>
                  <a:lnTo>
                    <a:pt x="13085" y="1943"/>
                  </a:lnTo>
                  <a:lnTo>
                    <a:pt x="12864" y="1759"/>
                  </a:lnTo>
                  <a:lnTo>
                    <a:pt x="12636" y="1583"/>
                  </a:lnTo>
                  <a:lnTo>
                    <a:pt x="12401" y="1415"/>
                  </a:lnTo>
                  <a:lnTo>
                    <a:pt x="12280" y="1336"/>
                  </a:lnTo>
                  <a:lnTo>
                    <a:pt x="12130" y="1240"/>
                  </a:lnTo>
                  <a:lnTo>
                    <a:pt x="11803" y="1046"/>
                  </a:lnTo>
                  <a:lnTo>
                    <a:pt x="11474" y="868"/>
                  </a:lnTo>
                  <a:lnTo>
                    <a:pt x="11249" y="758"/>
                  </a:lnTo>
                  <a:lnTo>
                    <a:pt x="11116" y="699"/>
                  </a:lnTo>
                  <a:lnTo>
                    <a:pt x="11057" y="676"/>
                  </a:lnTo>
                  <a:lnTo>
                    <a:pt x="10980" y="645"/>
                  </a:lnTo>
                  <a:lnTo>
                    <a:pt x="10920" y="619"/>
                  </a:lnTo>
                  <a:lnTo>
                    <a:pt x="10844" y="587"/>
                  </a:lnTo>
                  <a:lnTo>
                    <a:pt x="10628" y="506"/>
                  </a:lnTo>
                  <a:lnTo>
                    <a:pt x="10384" y="421"/>
                  </a:lnTo>
                  <a:lnTo>
                    <a:pt x="10162" y="349"/>
                  </a:lnTo>
                  <a:lnTo>
                    <a:pt x="10079" y="326"/>
                  </a:lnTo>
                  <a:lnTo>
                    <a:pt x="9932" y="286"/>
                  </a:lnTo>
                  <a:lnTo>
                    <a:pt x="9703" y="227"/>
                  </a:lnTo>
                  <a:lnTo>
                    <a:pt x="9637" y="212"/>
                  </a:lnTo>
                  <a:lnTo>
                    <a:pt x="9478" y="179"/>
                  </a:lnTo>
                  <a:lnTo>
                    <a:pt x="9197" y="126"/>
                  </a:lnTo>
                  <a:lnTo>
                    <a:pt x="9020" y="96"/>
                  </a:lnTo>
                  <a:lnTo>
                    <a:pt x="8922" y="81"/>
                  </a:lnTo>
                  <a:lnTo>
                    <a:pt x="8554" y="38"/>
                  </a:lnTo>
                  <a:lnTo>
                    <a:pt x="8362" y="17"/>
                  </a:lnTo>
                  <a:lnTo>
                    <a:pt x="8279" y="11"/>
                  </a:lnTo>
                  <a:lnTo>
                    <a:pt x="7976" y="3"/>
                  </a:lnTo>
                  <a:lnTo>
                    <a:pt x="7630" y="0"/>
                  </a:lnTo>
                  <a:lnTo>
                    <a:pt x="7376" y="4"/>
                  </a:lnTo>
                  <a:lnTo>
                    <a:pt x="7337" y="9"/>
                  </a:lnTo>
                  <a:close/>
                </a:path>
              </a:pathLst>
            </a:custGeom>
            <a:solidFill>
              <a:schemeClr val="bg2">
                <a:lumMod val="50000"/>
              </a:schemeClr>
            </a:solidFill>
            <a:ln>
              <a:noFill/>
            </a:ln>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350" name="Freeform 6"/>
            <p:cNvSpPr>
              <a:spLocks/>
            </p:cNvSpPr>
            <p:nvPr/>
          </p:nvSpPr>
          <p:spPr bwMode="auto">
            <a:xfrm>
              <a:off x="17859355" y="1907058"/>
              <a:ext cx="16869" cy="16782"/>
            </a:xfrm>
            <a:custGeom>
              <a:avLst/>
              <a:gdLst>
                <a:gd name="T0" fmla="*/ 355 w 1170"/>
                <a:gd name="T1" fmla="*/ 42 h 1180"/>
                <a:gd name="T2" fmla="*/ 326 w 1170"/>
                <a:gd name="T3" fmla="*/ 55 h 1180"/>
                <a:gd name="T4" fmla="*/ 272 w 1170"/>
                <a:gd name="T5" fmla="*/ 84 h 1180"/>
                <a:gd name="T6" fmla="*/ 223 w 1170"/>
                <a:gd name="T7" fmla="*/ 118 h 1180"/>
                <a:gd name="T8" fmla="*/ 178 w 1170"/>
                <a:gd name="T9" fmla="*/ 158 h 1180"/>
                <a:gd name="T10" fmla="*/ 138 w 1170"/>
                <a:gd name="T11" fmla="*/ 201 h 1180"/>
                <a:gd name="T12" fmla="*/ 102 w 1170"/>
                <a:gd name="T13" fmla="*/ 248 h 1180"/>
                <a:gd name="T14" fmla="*/ 72 w 1170"/>
                <a:gd name="T15" fmla="*/ 298 h 1180"/>
                <a:gd name="T16" fmla="*/ 46 w 1170"/>
                <a:gd name="T17" fmla="*/ 352 h 1180"/>
                <a:gd name="T18" fmla="*/ 27 w 1170"/>
                <a:gd name="T19" fmla="*/ 408 h 1180"/>
                <a:gd name="T20" fmla="*/ 12 w 1170"/>
                <a:gd name="T21" fmla="*/ 466 h 1180"/>
                <a:gd name="T22" fmla="*/ 3 w 1170"/>
                <a:gd name="T23" fmla="*/ 525 h 1180"/>
                <a:gd name="T24" fmla="*/ 0 w 1170"/>
                <a:gd name="T25" fmla="*/ 586 h 1180"/>
                <a:gd name="T26" fmla="*/ 3 w 1170"/>
                <a:gd name="T27" fmla="*/ 647 h 1180"/>
                <a:gd name="T28" fmla="*/ 12 w 1170"/>
                <a:gd name="T29" fmla="*/ 709 h 1180"/>
                <a:gd name="T30" fmla="*/ 28 w 1170"/>
                <a:gd name="T31" fmla="*/ 770 h 1180"/>
                <a:gd name="T32" fmla="*/ 50 w 1170"/>
                <a:gd name="T33" fmla="*/ 831 h 1180"/>
                <a:gd name="T34" fmla="*/ 63 w 1170"/>
                <a:gd name="T35" fmla="*/ 861 h 1180"/>
                <a:gd name="T36" fmla="*/ 83 w 1170"/>
                <a:gd name="T37" fmla="*/ 900 h 1180"/>
                <a:gd name="T38" fmla="*/ 130 w 1170"/>
                <a:gd name="T39" fmla="*/ 969 h 1180"/>
                <a:gd name="T40" fmla="*/ 185 w 1170"/>
                <a:gd name="T41" fmla="*/ 1029 h 1180"/>
                <a:gd name="T42" fmla="*/ 247 w 1170"/>
                <a:gd name="T43" fmla="*/ 1079 h 1180"/>
                <a:gd name="T44" fmla="*/ 314 w 1170"/>
                <a:gd name="T45" fmla="*/ 1119 h 1180"/>
                <a:gd name="T46" fmla="*/ 386 w 1170"/>
                <a:gd name="T47" fmla="*/ 1149 h 1180"/>
                <a:gd name="T48" fmla="*/ 461 w 1170"/>
                <a:gd name="T49" fmla="*/ 1169 h 1180"/>
                <a:gd name="T50" fmla="*/ 539 w 1170"/>
                <a:gd name="T51" fmla="*/ 1180 h 1180"/>
                <a:gd name="T52" fmla="*/ 617 w 1170"/>
                <a:gd name="T53" fmla="*/ 1180 h 1180"/>
                <a:gd name="T54" fmla="*/ 695 w 1170"/>
                <a:gd name="T55" fmla="*/ 1170 h 1180"/>
                <a:gd name="T56" fmla="*/ 771 w 1170"/>
                <a:gd name="T57" fmla="*/ 1150 h 1180"/>
                <a:gd name="T58" fmla="*/ 845 w 1170"/>
                <a:gd name="T59" fmla="*/ 1121 h 1180"/>
                <a:gd name="T60" fmla="*/ 915 w 1170"/>
                <a:gd name="T61" fmla="*/ 1081 h 1180"/>
                <a:gd name="T62" fmla="*/ 980 w 1170"/>
                <a:gd name="T63" fmla="*/ 1032 h 1180"/>
                <a:gd name="T64" fmla="*/ 1039 w 1170"/>
                <a:gd name="T65" fmla="*/ 972 h 1180"/>
                <a:gd name="T66" fmla="*/ 1091 w 1170"/>
                <a:gd name="T67" fmla="*/ 903 h 1180"/>
                <a:gd name="T68" fmla="*/ 1113 w 1170"/>
                <a:gd name="T69" fmla="*/ 864 h 1180"/>
                <a:gd name="T70" fmla="*/ 1132 w 1170"/>
                <a:gd name="T71" fmla="*/ 829 h 1180"/>
                <a:gd name="T72" fmla="*/ 1155 w 1170"/>
                <a:gd name="T73" fmla="*/ 776 h 1180"/>
                <a:gd name="T74" fmla="*/ 1166 w 1170"/>
                <a:gd name="T75" fmla="*/ 722 h 1180"/>
                <a:gd name="T76" fmla="*/ 1170 w 1170"/>
                <a:gd name="T77" fmla="*/ 647 h 1180"/>
                <a:gd name="T78" fmla="*/ 1170 w 1170"/>
                <a:gd name="T79" fmla="*/ 592 h 1180"/>
                <a:gd name="T80" fmla="*/ 1170 w 1170"/>
                <a:gd name="T81" fmla="*/ 540 h 1180"/>
                <a:gd name="T82" fmla="*/ 1166 w 1170"/>
                <a:gd name="T83" fmla="*/ 465 h 1180"/>
                <a:gd name="T84" fmla="*/ 1156 w 1170"/>
                <a:gd name="T85" fmla="*/ 411 h 1180"/>
                <a:gd name="T86" fmla="*/ 1136 w 1170"/>
                <a:gd name="T87" fmla="*/ 360 h 1180"/>
                <a:gd name="T88" fmla="*/ 1120 w 1170"/>
                <a:gd name="T89" fmla="*/ 329 h 1180"/>
                <a:gd name="T90" fmla="*/ 1108 w 1170"/>
                <a:gd name="T91" fmla="*/ 306 h 1180"/>
                <a:gd name="T92" fmla="*/ 1078 w 1170"/>
                <a:gd name="T93" fmla="*/ 259 h 1180"/>
                <a:gd name="T94" fmla="*/ 1044 w 1170"/>
                <a:gd name="T95" fmla="*/ 215 h 1180"/>
                <a:gd name="T96" fmla="*/ 1004 w 1170"/>
                <a:gd name="T97" fmla="*/ 172 h 1180"/>
                <a:gd name="T98" fmla="*/ 962 w 1170"/>
                <a:gd name="T99" fmla="*/ 133 h 1180"/>
                <a:gd name="T100" fmla="*/ 918 w 1170"/>
                <a:gd name="T101" fmla="*/ 98 h 1180"/>
                <a:gd name="T102" fmla="*/ 872 w 1170"/>
                <a:gd name="T103" fmla="*/ 68 h 1180"/>
                <a:gd name="T104" fmla="*/ 826 w 1170"/>
                <a:gd name="T105" fmla="*/ 45 h 1180"/>
                <a:gd name="T106" fmla="*/ 803 w 1170"/>
                <a:gd name="T107" fmla="*/ 36 h 1180"/>
                <a:gd name="T108" fmla="*/ 778 w 1170"/>
                <a:gd name="T109" fmla="*/ 27 h 1180"/>
                <a:gd name="T110" fmla="*/ 724 w 1170"/>
                <a:gd name="T111" fmla="*/ 13 h 1180"/>
                <a:gd name="T112" fmla="*/ 667 w 1170"/>
                <a:gd name="T113" fmla="*/ 4 h 1180"/>
                <a:gd name="T114" fmla="*/ 608 w 1170"/>
                <a:gd name="T115" fmla="*/ 0 h 1180"/>
                <a:gd name="T116" fmla="*/ 548 w 1170"/>
                <a:gd name="T117" fmla="*/ 1 h 1180"/>
                <a:gd name="T118" fmla="*/ 490 w 1170"/>
                <a:gd name="T119" fmla="*/ 7 h 1180"/>
                <a:gd name="T120" fmla="*/ 433 w 1170"/>
                <a:gd name="T121" fmla="*/ 17 h 1180"/>
                <a:gd name="T122" fmla="*/ 380 w 1170"/>
                <a:gd name="T123" fmla="*/ 33 h 1180"/>
                <a:gd name="T124" fmla="*/ 355 w 1170"/>
                <a:gd name="T125" fmla="*/ 42 h 1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170" h="1180">
                  <a:moveTo>
                    <a:pt x="355" y="42"/>
                  </a:moveTo>
                  <a:lnTo>
                    <a:pt x="326" y="55"/>
                  </a:lnTo>
                  <a:lnTo>
                    <a:pt x="272" y="84"/>
                  </a:lnTo>
                  <a:lnTo>
                    <a:pt x="223" y="118"/>
                  </a:lnTo>
                  <a:lnTo>
                    <a:pt x="178" y="158"/>
                  </a:lnTo>
                  <a:lnTo>
                    <a:pt x="138" y="201"/>
                  </a:lnTo>
                  <a:lnTo>
                    <a:pt x="102" y="248"/>
                  </a:lnTo>
                  <a:lnTo>
                    <a:pt x="72" y="298"/>
                  </a:lnTo>
                  <a:lnTo>
                    <a:pt x="46" y="352"/>
                  </a:lnTo>
                  <a:lnTo>
                    <a:pt x="27" y="408"/>
                  </a:lnTo>
                  <a:lnTo>
                    <a:pt x="12" y="466"/>
                  </a:lnTo>
                  <a:lnTo>
                    <a:pt x="3" y="525"/>
                  </a:lnTo>
                  <a:lnTo>
                    <a:pt x="0" y="586"/>
                  </a:lnTo>
                  <a:lnTo>
                    <a:pt x="3" y="647"/>
                  </a:lnTo>
                  <a:lnTo>
                    <a:pt x="12" y="709"/>
                  </a:lnTo>
                  <a:lnTo>
                    <a:pt x="28" y="770"/>
                  </a:lnTo>
                  <a:lnTo>
                    <a:pt x="50" y="831"/>
                  </a:lnTo>
                  <a:lnTo>
                    <a:pt x="63" y="861"/>
                  </a:lnTo>
                  <a:lnTo>
                    <a:pt x="83" y="900"/>
                  </a:lnTo>
                  <a:lnTo>
                    <a:pt x="130" y="969"/>
                  </a:lnTo>
                  <a:lnTo>
                    <a:pt x="185" y="1029"/>
                  </a:lnTo>
                  <a:lnTo>
                    <a:pt x="247" y="1079"/>
                  </a:lnTo>
                  <a:lnTo>
                    <a:pt x="314" y="1119"/>
                  </a:lnTo>
                  <a:lnTo>
                    <a:pt x="386" y="1149"/>
                  </a:lnTo>
                  <a:lnTo>
                    <a:pt x="461" y="1169"/>
                  </a:lnTo>
                  <a:lnTo>
                    <a:pt x="539" y="1180"/>
                  </a:lnTo>
                  <a:lnTo>
                    <a:pt x="617" y="1180"/>
                  </a:lnTo>
                  <a:lnTo>
                    <a:pt x="695" y="1170"/>
                  </a:lnTo>
                  <a:lnTo>
                    <a:pt x="771" y="1150"/>
                  </a:lnTo>
                  <a:lnTo>
                    <a:pt x="845" y="1121"/>
                  </a:lnTo>
                  <a:lnTo>
                    <a:pt x="915" y="1081"/>
                  </a:lnTo>
                  <a:lnTo>
                    <a:pt x="980" y="1032"/>
                  </a:lnTo>
                  <a:lnTo>
                    <a:pt x="1039" y="972"/>
                  </a:lnTo>
                  <a:lnTo>
                    <a:pt x="1091" y="903"/>
                  </a:lnTo>
                  <a:lnTo>
                    <a:pt x="1113" y="864"/>
                  </a:lnTo>
                  <a:lnTo>
                    <a:pt x="1132" y="829"/>
                  </a:lnTo>
                  <a:lnTo>
                    <a:pt x="1155" y="776"/>
                  </a:lnTo>
                  <a:lnTo>
                    <a:pt x="1166" y="722"/>
                  </a:lnTo>
                  <a:lnTo>
                    <a:pt x="1170" y="647"/>
                  </a:lnTo>
                  <a:lnTo>
                    <a:pt x="1170" y="592"/>
                  </a:lnTo>
                  <a:lnTo>
                    <a:pt x="1170" y="540"/>
                  </a:lnTo>
                  <a:lnTo>
                    <a:pt x="1166" y="465"/>
                  </a:lnTo>
                  <a:lnTo>
                    <a:pt x="1156" y="411"/>
                  </a:lnTo>
                  <a:lnTo>
                    <a:pt x="1136" y="360"/>
                  </a:lnTo>
                  <a:lnTo>
                    <a:pt x="1120" y="329"/>
                  </a:lnTo>
                  <a:lnTo>
                    <a:pt x="1108" y="306"/>
                  </a:lnTo>
                  <a:lnTo>
                    <a:pt x="1078" y="259"/>
                  </a:lnTo>
                  <a:lnTo>
                    <a:pt x="1044" y="215"/>
                  </a:lnTo>
                  <a:lnTo>
                    <a:pt x="1004" y="172"/>
                  </a:lnTo>
                  <a:lnTo>
                    <a:pt x="962" y="133"/>
                  </a:lnTo>
                  <a:lnTo>
                    <a:pt x="918" y="98"/>
                  </a:lnTo>
                  <a:lnTo>
                    <a:pt x="872" y="68"/>
                  </a:lnTo>
                  <a:lnTo>
                    <a:pt x="826" y="45"/>
                  </a:lnTo>
                  <a:lnTo>
                    <a:pt x="803" y="36"/>
                  </a:lnTo>
                  <a:lnTo>
                    <a:pt x="778" y="27"/>
                  </a:lnTo>
                  <a:lnTo>
                    <a:pt x="724" y="13"/>
                  </a:lnTo>
                  <a:lnTo>
                    <a:pt x="667" y="4"/>
                  </a:lnTo>
                  <a:lnTo>
                    <a:pt x="608" y="0"/>
                  </a:lnTo>
                  <a:lnTo>
                    <a:pt x="548" y="1"/>
                  </a:lnTo>
                  <a:lnTo>
                    <a:pt x="490" y="7"/>
                  </a:lnTo>
                  <a:lnTo>
                    <a:pt x="433" y="17"/>
                  </a:lnTo>
                  <a:lnTo>
                    <a:pt x="380" y="33"/>
                  </a:lnTo>
                  <a:lnTo>
                    <a:pt x="355" y="42"/>
                  </a:lnTo>
                  <a:close/>
                </a:path>
              </a:pathLst>
            </a:custGeom>
            <a:solidFill>
              <a:schemeClr val="bg2">
                <a:lumMod val="7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351" name="Freeform 7"/>
            <p:cNvSpPr>
              <a:spLocks/>
            </p:cNvSpPr>
            <p:nvPr/>
          </p:nvSpPr>
          <p:spPr bwMode="auto">
            <a:xfrm>
              <a:off x="17908401" y="1955268"/>
              <a:ext cx="16869" cy="16841"/>
            </a:xfrm>
            <a:custGeom>
              <a:avLst/>
              <a:gdLst>
                <a:gd name="T0" fmla="*/ 450 w 1173"/>
                <a:gd name="T1" fmla="*/ 19 h 1183"/>
                <a:gd name="T2" fmla="*/ 415 w 1173"/>
                <a:gd name="T3" fmla="*/ 28 h 1183"/>
                <a:gd name="T4" fmla="*/ 349 w 1173"/>
                <a:gd name="T5" fmla="*/ 51 h 1183"/>
                <a:gd name="T6" fmla="*/ 290 w 1173"/>
                <a:gd name="T7" fmla="*/ 78 h 1183"/>
                <a:gd name="T8" fmla="*/ 236 w 1173"/>
                <a:gd name="T9" fmla="*/ 110 h 1183"/>
                <a:gd name="T10" fmla="*/ 187 w 1173"/>
                <a:gd name="T11" fmla="*/ 148 h 1183"/>
                <a:gd name="T12" fmla="*/ 144 w 1173"/>
                <a:gd name="T13" fmla="*/ 191 h 1183"/>
                <a:gd name="T14" fmla="*/ 105 w 1173"/>
                <a:gd name="T15" fmla="*/ 240 h 1183"/>
                <a:gd name="T16" fmla="*/ 71 w 1173"/>
                <a:gd name="T17" fmla="*/ 296 h 1183"/>
                <a:gd name="T18" fmla="*/ 55 w 1173"/>
                <a:gd name="T19" fmla="*/ 326 h 1183"/>
                <a:gd name="T20" fmla="*/ 37 w 1173"/>
                <a:gd name="T21" fmla="*/ 362 h 1183"/>
                <a:gd name="T22" fmla="*/ 15 w 1173"/>
                <a:gd name="T23" fmla="*/ 418 h 1183"/>
                <a:gd name="T24" fmla="*/ 4 w 1173"/>
                <a:gd name="T25" fmla="*/ 474 h 1183"/>
                <a:gd name="T26" fmla="*/ 0 w 1173"/>
                <a:gd name="T27" fmla="*/ 550 h 1183"/>
                <a:gd name="T28" fmla="*/ 0 w 1173"/>
                <a:gd name="T29" fmla="*/ 604 h 1183"/>
                <a:gd name="T30" fmla="*/ 1 w 1173"/>
                <a:gd name="T31" fmla="*/ 658 h 1183"/>
                <a:gd name="T32" fmla="*/ 5 w 1173"/>
                <a:gd name="T33" fmla="*/ 733 h 1183"/>
                <a:gd name="T34" fmla="*/ 16 w 1173"/>
                <a:gd name="T35" fmla="*/ 787 h 1183"/>
                <a:gd name="T36" fmla="*/ 37 w 1173"/>
                <a:gd name="T37" fmla="*/ 840 h 1183"/>
                <a:gd name="T38" fmla="*/ 54 w 1173"/>
                <a:gd name="T39" fmla="*/ 873 h 1183"/>
                <a:gd name="T40" fmla="*/ 74 w 1173"/>
                <a:gd name="T41" fmla="*/ 910 h 1183"/>
                <a:gd name="T42" fmla="*/ 121 w 1173"/>
                <a:gd name="T43" fmla="*/ 977 h 1183"/>
                <a:gd name="T44" fmla="*/ 174 w 1173"/>
                <a:gd name="T45" fmla="*/ 1035 h 1183"/>
                <a:gd name="T46" fmla="*/ 235 w 1173"/>
                <a:gd name="T47" fmla="*/ 1084 h 1183"/>
                <a:gd name="T48" fmla="*/ 301 w 1173"/>
                <a:gd name="T49" fmla="*/ 1123 h 1183"/>
                <a:gd name="T50" fmla="*/ 375 w 1173"/>
                <a:gd name="T51" fmla="*/ 1152 h 1183"/>
                <a:gd name="T52" fmla="*/ 454 w 1173"/>
                <a:gd name="T53" fmla="*/ 1172 h 1183"/>
                <a:gd name="T54" fmla="*/ 539 w 1173"/>
                <a:gd name="T55" fmla="*/ 1182 h 1183"/>
                <a:gd name="T56" fmla="*/ 584 w 1173"/>
                <a:gd name="T57" fmla="*/ 1183 h 1183"/>
                <a:gd name="T58" fmla="*/ 614 w 1173"/>
                <a:gd name="T59" fmla="*/ 1183 h 1183"/>
                <a:gd name="T60" fmla="*/ 671 w 1173"/>
                <a:gd name="T61" fmla="*/ 1178 h 1183"/>
                <a:gd name="T62" fmla="*/ 726 w 1173"/>
                <a:gd name="T63" fmla="*/ 1169 h 1183"/>
                <a:gd name="T64" fmla="*/ 777 w 1173"/>
                <a:gd name="T65" fmla="*/ 1155 h 1183"/>
                <a:gd name="T66" fmla="*/ 826 w 1173"/>
                <a:gd name="T67" fmla="*/ 1136 h 1183"/>
                <a:gd name="T68" fmla="*/ 874 w 1173"/>
                <a:gd name="T69" fmla="*/ 1111 h 1183"/>
                <a:gd name="T70" fmla="*/ 920 w 1173"/>
                <a:gd name="T71" fmla="*/ 1080 h 1183"/>
                <a:gd name="T72" fmla="*/ 966 w 1173"/>
                <a:gd name="T73" fmla="*/ 1043 h 1183"/>
                <a:gd name="T74" fmla="*/ 989 w 1173"/>
                <a:gd name="T75" fmla="*/ 1023 h 1183"/>
                <a:gd name="T76" fmla="*/ 1022 w 1173"/>
                <a:gd name="T77" fmla="*/ 990 h 1183"/>
                <a:gd name="T78" fmla="*/ 1078 w 1173"/>
                <a:gd name="T79" fmla="*/ 916 h 1183"/>
                <a:gd name="T80" fmla="*/ 1122 w 1173"/>
                <a:gd name="T81" fmla="*/ 834 h 1183"/>
                <a:gd name="T82" fmla="*/ 1153 w 1173"/>
                <a:gd name="T83" fmla="*/ 747 h 1183"/>
                <a:gd name="T84" fmla="*/ 1170 w 1173"/>
                <a:gd name="T85" fmla="*/ 656 h 1183"/>
                <a:gd name="T86" fmla="*/ 1173 w 1173"/>
                <a:gd name="T87" fmla="*/ 564 h 1183"/>
                <a:gd name="T88" fmla="*/ 1162 w 1173"/>
                <a:gd name="T89" fmla="*/ 471 h 1183"/>
                <a:gd name="T90" fmla="*/ 1136 w 1173"/>
                <a:gd name="T91" fmla="*/ 381 h 1183"/>
                <a:gd name="T92" fmla="*/ 1117 w 1173"/>
                <a:gd name="T93" fmla="*/ 338 h 1183"/>
                <a:gd name="T94" fmla="*/ 1103 w 1173"/>
                <a:gd name="T95" fmla="*/ 311 h 1183"/>
                <a:gd name="T96" fmla="*/ 1069 w 1173"/>
                <a:gd name="T97" fmla="*/ 258 h 1183"/>
                <a:gd name="T98" fmla="*/ 1028 w 1173"/>
                <a:gd name="T99" fmla="*/ 209 h 1183"/>
                <a:gd name="T100" fmla="*/ 981 w 1173"/>
                <a:gd name="T101" fmla="*/ 162 h 1183"/>
                <a:gd name="T102" fmla="*/ 929 w 1173"/>
                <a:gd name="T103" fmla="*/ 120 h 1183"/>
                <a:gd name="T104" fmla="*/ 873 w 1173"/>
                <a:gd name="T105" fmla="*/ 84 h 1183"/>
                <a:gd name="T106" fmla="*/ 814 w 1173"/>
                <a:gd name="T107" fmla="*/ 53 h 1183"/>
                <a:gd name="T108" fmla="*/ 753 w 1173"/>
                <a:gd name="T109" fmla="*/ 28 h 1183"/>
                <a:gd name="T110" fmla="*/ 722 w 1173"/>
                <a:gd name="T111" fmla="*/ 19 h 1183"/>
                <a:gd name="T112" fmla="*/ 684 w 1173"/>
                <a:gd name="T113" fmla="*/ 10 h 1183"/>
                <a:gd name="T114" fmla="*/ 619 w 1173"/>
                <a:gd name="T115" fmla="*/ 0 h 1183"/>
                <a:gd name="T116" fmla="*/ 558 w 1173"/>
                <a:gd name="T117" fmla="*/ 0 h 1183"/>
                <a:gd name="T118" fmla="*/ 490 w 1173"/>
                <a:gd name="T119" fmla="*/ 10 h 1183"/>
                <a:gd name="T120" fmla="*/ 450 w 1173"/>
                <a:gd name="T121" fmla="*/ 19 h 11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173" h="1183">
                  <a:moveTo>
                    <a:pt x="450" y="19"/>
                  </a:moveTo>
                  <a:lnTo>
                    <a:pt x="415" y="28"/>
                  </a:lnTo>
                  <a:lnTo>
                    <a:pt x="349" y="51"/>
                  </a:lnTo>
                  <a:lnTo>
                    <a:pt x="290" y="78"/>
                  </a:lnTo>
                  <a:lnTo>
                    <a:pt x="236" y="110"/>
                  </a:lnTo>
                  <a:lnTo>
                    <a:pt x="187" y="148"/>
                  </a:lnTo>
                  <a:lnTo>
                    <a:pt x="144" y="191"/>
                  </a:lnTo>
                  <a:lnTo>
                    <a:pt x="105" y="240"/>
                  </a:lnTo>
                  <a:lnTo>
                    <a:pt x="71" y="296"/>
                  </a:lnTo>
                  <a:lnTo>
                    <a:pt x="55" y="326"/>
                  </a:lnTo>
                  <a:lnTo>
                    <a:pt x="37" y="362"/>
                  </a:lnTo>
                  <a:lnTo>
                    <a:pt x="15" y="418"/>
                  </a:lnTo>
                  <a:lnTo>
                    <a:pt x="4" y="474"/>
                  </a:lnTo>
                  <a:lnTo>
                    <a:pt x="0" y="550"/>
                  </a:lnTo>
                  <a:lnTo>
                    <a:pt x="0" y="604"/>
                  </a:lnTo>
                  <a:lnTo>
                    <a:pt x="1" y="658"/>
                  </a:lnTo>
                  <a:lnTo>
                    <a:pt x="5" y="733"/>
                  </a:lnTo>
                  <a:lnTo>
                    <a:pt x="16" y="787"/>
                  </a:lnTo>
                  <a:lnTo>
                    <a:pt x="37" y="840"/>
                  </a:lnTo>
                  <a:lnTo>
                    <a:pt x="54" y="873"/>
                  </a:lnTo>
                  <a:lnTo>
                    <a:pt x="74" y="910"/>
                  </a:lnTo>
                  <a:lnTo>
                    <a:pt x="121" y="977"/>
                  </a:lnTo>
                  <a:lnTo>
                    <a:pt x="174" y="1035"/>
                  </a:lnTo>
                  <a:lnTo>
                    <a:pt x="235" y="1084"/>
                  </a:lnTo>
                  <a:lnTo>
                    <a:pt x="301" y="1123"/>
                  </a:lnTo>
                  <a:lnTo>
                    <a:pt x="375" y="1152"/>
                  </a:lnTo>
                  <a:lnTo>
                    <a:pt x="454" y="1172"/>
                  </a:lnTo>
                  <a:lnTo>
                    <a:pt x="539" y="1182"/>
                  </a:lnTo>
                  <a:lnTo>
                    <a:pt x="584" y="1183"/>
                  </a:lnTo>
                  <a:lnTo>
                    <a:pt x="614" y="1183"/>
                  </a:lnTo>
                  <a:lnTo>
                    <a:pt x="671" y="1178"/>
                  </a:lnTo>
                  <a:lnTo>
                    <a:pt x="726" y="1169"/>
                  </a:lnTo>
                  <a:lnTo>
                    <a:pt x="777" y="1155"/>
                  </a:lnTo>
                  <a:lnTo>
                    <a:pt x="826" y="1136"/>
                  </a:lnTo>
                  <a:lnTo>
                    <a:pt x="874" y="1111"/>
                  </a:lnTo>
                  <a:lnTo>
                    <a:pt x="920" y="1080"/>
                  </a:lnTo>
                  <a:lnTo>
                    <a:pt x="966" y="1043"/>
                  </a:lnTo>
                  <a:lnTo>
                    <a:pt x="989" y="1023"/>
                  </a:lnTo>
                  <a:lnTo>
                    <a:pt x="1022" y="990"/>
                  </a:lnTo>
                  <a:lnTo>
                    <a:pt x="1078" y="916"/>
                  </a:lnTo>
                  <a:lnTo>
                    <a:pt x="1122" y="834"/>
                  </a:lnTo>
                  <a:lnTo>
                    <a:pt x="1153" y="747"/>
                  </a:lnTo>
                  <a:lnTo>
                    <a:pt x="1170" y="656"/>
                  </a:lnTo>
                  <a:lnTo>
                    <a:pt x="1173" y="564"/>
                  </a:lnTo>
                  <a:lnTo>
                    <a:pt x="1162" y="471"/>
                  </a:lnTo>
                  <a:lnTo>
                    <a:pt x="1136" y="381"/>
                  </a:lnTo>
                  <a:lnTo>
                    <a:pt x="1117" y="338"/>
                  </a:lnTo>
                  <a:lnTo>
                    <a:pt x="1103" y="311"/>
                  </a:lnTo>
                  <a:lnTo>
                    <a:pt x="1069" y="258"/>
                  </a:lnTo>
                  <a:lnTo>
                    <a:pt x="1028" y="209"/>
                  </a:lnTo>
                  <a:lnTo>
                    <a:pt x="981" y="162"/>
                  </a:lnTo>
                  <a:lnTo>
                    <a:pt x="929" y="120"/>
                  </a:lnTo>
                  <a:lnTo>
                    <a:pt x="873" y="84"/>
                  </a:lnTo>
                  <a:lnTo>
                    <a:pt x="814" y="53"/>
                  </a:lnTo>
                  <a:lnTo>
                    <a:pt x="753" y="28"/>
                  </a:lnTo>
                  <a:lnTo>
                    <a:pt x="722" y="19"/>
                  </a:lnTo>
                  <a:lnTo>
                    <a:pt x="684" y="10"/>
                  </a:lnTo>
                  <a:lnTo>
                    <a:pt x="619" y="0"/>
                  </a:lnTo>
                  <a:lnTo>
                    <a:pt x="558" y="0"/>
                  </a:lnTo>
                  <a:lnTo>
                    <a:pt x="490" y="10"/>
                  </a:lnTo>
                  <a:lnTo>
                    <a:pt x="450" y="19"/>
                  </a:lnTo>
                  <a:close/>
                </a:path>
              </a:pathLst>
            </a:custGeom>
            <a:solidFill>
              <a:schemeClr val="bg2">
                <a:lumMod val="7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352" name="Freeform 8"/>
            <p:cNvSpPr>
              <a:spLocks/>
            </p:cNvSpPr>
            <p:nvPr/>
          </p:nvSpPr>
          <p:spPr bwMode="auto">
            <a:xfrm>
              <a:off x="17859415" y="2003656"/>
              <a:ext cx="16809" cy="16841"/>
            </a:xfrm>
            <a:custGeom>
              <a:avLst/>
              <a:gdLst>
                <a:gd name="T0" fmla="*/ 403 w 1165"/>
                <a:gd name="T1" fmla="*/ 27 h 1182"/>
                <a:gd name="T2" fmla="*/ 370 w 1165"/>
                <a:gd name="T3" fmla="*/ 38 h 1182"/>
                <a:gd name="T4" fmla="*/ 310 w 1165"/>
                <a:gd name="T5" fmla="*/ 63 h 1182"/>
                <a:gd name="T6" fmla="*/ 256 w 1165"/>
                <a:gd name="T7" fmla="*/ 92 h 1182"/>
                <a:gd name="T8" fmla="*/ 207 w 1165"/>
                <a:gd name="T9" fmla="*/ 126 h 1182"/>
                <a:gd name="T10" fmla="*/ 163 w 1165"/>
                <a:gd name="T11" fmla="*/ 164 h 1182"/>
                <a:gd name="T12" fmla="*/ 124 w 1165"/>
                <a:gd name="T13" fmla="*/ 208 h 1182"/>
                <a:gd name="T14" fmla="*/ 89 w 1165"/>
                <a:gd name="T15" fmla="*/ 257 h 1182"/>
                <a:gd name="T16" fmla="*/ 58 w 1165"/>
                <a:gd name="T17" fmla="*/ 313 h 1182"/>
                <a:gd name="T18" fmla="*/ 43 w 1165"/>
                <a:gd name="T19" fmla="*/ 343 h 1182"/>
                <a:gd name="T20" fmla="*/ 32 w 1165"/>
                <a:gd name="T21" fmla="*/ 371 h 1182"/>
                <a:gd name="T22" fmla="*/ 15 w 1165"/>
                <a:gd name="T23" fmla="*/ 420 h 1182"/>
                <a:gd name="T24" fmla="*/ 5 w 1165"/>
                <a:gd name="T25" fmla="*/ 473 h 1182"/>
                <a:gd name="T26" fmla="*/ 1 w 1165"/>
                <a:gd name="T27" fmla="*/ 537 h 1182"/>
                <a:gd name="T28" fmla="*/ 0 w 1165"/>
                <a:gd name="T29" fmla="*/ 578 h 1182"/>
                <a:gd name="T30" fmla="*/ 1 w 1165"/>
                <a:gd name="T31" fmla="*/ 636 h 1182"/>
                <a:gd name="T32" fmla="*/ 10 w 1165"/>
                <a:gd name="T33" fmla="*/ 732 h 1182"/>
                <a:gd name="T34" fmla="*/ 33 w 1165"/>
                <a:gd name="T35" fmla="*/ 814 h 1182"/>
                <a:gd name="T36" fmla="*/ 73 w 1165"/>
                <a:gd name="T37" fmla="*/ 895 h 1182"/>
                <a:gd name="T38" fmla="*/ 102 w 1165"/>
                <a:gd name="T39" fmla="*/ 940 h 1182"/>
                <a:gd name="T40" fmla="*/ 129 w 1165"/>
                <a:gd name="T41" fmla="*/ 978 h 1182"/>
                <a:gd name="T42" fmla="*/ 195 w 1165"/>
                <a:gd name="T43" fmla="*/ 1044 h 1182"/>
                <a:gd name="T44" fmla="*/ 273 w 1165"/>
                <a:gd name="T45" fmla="*/ 1099 h 1182"/>
                <a:gd name="T46" fmla="*/ 361 w 1165"/>
                <a:gd name="T47" fmla="*/ 1141 h 1182"/>
                <a:gd name="T48" fmla="*/ 455 w 1165"/>
                <a:gd name="T49" fmla="*/ 1169 h 1182"/>
                <a:gd name="T50" fmla="*/ 553 w 1165"/>
                <a:gd name="T51" fmla="*/ 1182 h 1182"/>
                <a:gd name="T52" fmla="*/ 651 w 1165"/>
                <a:gd name="T53" fmla="*/ 1181 h 1182"/>
                <a:gd name="T54" fmla="*/ 747 w 1165"/>
                <a:gd name="T55" fmla="*/ 1163 h 1182"/>
                <a:gd name="T56" fmla="*/ 793 w 1165"/>
                <a:gd name="T57" fmla="*/ 1147 h 1182"/>
                <a:gd name="T58" fmla="*/ 817 w 1165"/>
                <a:gd name="T59" fmla="*/ 1137 h 1182"/>
                <a:gd name="T60" fmla="*/ 865 w 1165"/>
                <a:gd name="T61" fmla="*/ 1112 h 1182"/>
                <a:gd name="T62" fmla="*/ 912 w 1165"/>
                <a:gd name="T63" fmla="*/ 1082 h 1182"/>
                <a:gd name="T64" fmla="*/ 957 w 1165"/>
                <a:gd name="T65" fmla="*/ 1046 h 1182"/>
                <a:gd name="T66" fmla="*/ 1000 w 1165"/>
                <a:gd name="T67" fmla="*/ 1007 h 1182"/>
                <a:gd name="T68" fmla="*/ 1039 w 1165"/>
                <a:gd name="T69" fmla="*/ 965 h 1182"/>
                <a:gd name="T70" fmla="*/ 1073 w 1165"/>
                <a:gd name="T71" fmla="*/ 920 h 1182"/>
                <a:gd name="T72" fmla="*/ 1103 w 1165"/>
                <a:gd name="T73" fmla="*/ 873 h 1182"/>
                <a:gd name="T74" fmla="*/ 1115 w 1165"/>
                <a:gd name="T75" fmla="*/ 850 h 1182"/>
                <a:gd name="T76" fmla="*/ 1131 w 1165"/>
                <a:gd name="T77" fmla="*/ 819 h 1182"/>
                <a:gd name="T78" fmla="*/ 1151 w 1165"/>
                <a:gd name="T79" fmla="*/ 768 h 1182"/>
                <a:gd name="T80" fmla="*/ 1161 w 1165"/>
                <a:gd name="T81" fmla="*/ 714 h 1182"/>
                <a:gd name="T82" fmla="*/ 1165 w 1165"/>
                <a:gd name="T83" fmla="*/ 640 h 1182"/>
                <a:gd name="T84" fmla="*/ 1165 w 1165"/>
                <a:gd name="T85" fmla="*/ 587 h 1182"/>
                <a:gd name="T86" fmla="*/ 1164 w 1165"/>
                <a:gd name="T87" fmla="*/ 523 h 1182"/>
                <a:gd name="T88" fmla="*/ 1157 w 1165"/>
                <a:gd name="T89" fmla="*/ 446 h 1182"/>
                <a:gd name="T90" fmla="*/ 1148 w 1165"/>
                <a:gd name="T91" fmla="*/ 402 h 1182"/>
                <a:gd name="T92" fmla="*/ 1134 w 1165"/>
                <a:gd name="T93" fmla="*/ 360 h 1182"/>
                <a:gd name="T94" fmla="*/ 1114 w 1165"/>
                <a:gd name="T95" fmla="*/ 320 h 1182"/>
                <a:gd name="T96" fmla="*/ 1075 w 1165"/>
                <a:gd name="T97" fmla="*/ 258 h 1182"/>
                <a:gd name="T98" fmla="*/ 1038 w 1165"/>
                <a:gd name="T99" fmla="*/ 210 h 1182"/>
                <a:gd name="T100" fmla="*/ 1011 w 1165"/>
                <a:gd name="T101" fmla="*/ 177 h 1182"/>
                <a:gd name="T102" fmla="*/ 947 w 1165"/>
                <a:gd name="T103" fmla="*/ 120 h 1182"/>
                <a:gd name="T104" fmla="*/ 875 w 1165"/>
                <a:gd name="T105" fmla="*/ 72 h 1182"/>
                <a:gd name="T106" fmla="*/ 796 w 1165"/>
                <a:gd name="T107" fmla="*/ 37 h 1182"/>
                <a:gd name="T108" fmla="*/ 712 w 1165"/>
                <a:gd name="T109" fmla="*/ 12 h 1182"/>
                <a:gd name="T110" fmla="*/ 624 w 1165"/>
                <a:gd name="T111" fmla="*/ 0 h 1182"/>
                <a:gd name="T112" fmla="*/ 535 w 1165"/>
                <a:gd name="T113" fmla="*/ 0 h 1182"/>
                <a:gd name="T114" fmla="*/ 447 w 1165"/>
                <a:gd name="T115" fmla="*/ 14 h 1182"/>
                <a:gd name="T116" fmla="*/ 403 w 1165"/>
                <a:gd name="T117" fmla="*/ 27 h 1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165" h="1182">
                  <a:moveTo>
                    <a:pt x="403" y="27"/>
                  </a:moveTo>
                  <a:lnTo>
                    <a:pt x="370" y="38"/>
                  </a:lnTo>
                  <a:lnTo>
                    <a:pt x="310" y="63"/>
                  </a:lnTo>
                  <a:lnTo>
                    <a:pt x="256" y="92"/>
                  </a:lnTo>
                  <a:lnTo>
                    <a:pt x="207" y="126"/>
                  </a:lnTo>
                  <a:lnTo>
                    <a:pt x="163" y="164"/>
                  </a:lnTo>
                  <a:lnTo>
                    <a:pt x="124" y="208"/>
                  </a:lnTo>
                  <a:lnTo>
                    <a:pt x="89" y="257"/>
                  </a:lnTo>
                  <a:lnTo>
                    <a:pt x="58" y="313"/>
                  </a:lnTo>
                  <a:lnTo>
                    <a:pt x="43" y="343"/>
                  </a:lnTo>
                  <a:lnTo>
                    <a:pt x="32" y="371"/>
                  </a:lnTo>
                  <a:lnTo>
                    <a:pt x="15" y="420"/>
                  </a:lnTo>
                  <a:lnTo>
                    <a:pt x="5" y="473"/>
                  </a:lnTo>
                  <a:lnTo>
                    <a:pt x="1" y="537"/>
                  </a:lnTo>
                  <a:lnTo>
                    <a:pt x="0" y="578"/>
                  </a:lnTo>
                  <a:lnTo>
                    <a:pt x="1" y="636"/>
                  </a:lnTo>
                  <a:lnTo>
                    <a:pt x="10" y="732"/>
                  </a:lnTo>
                  <a:lnTo>
                    <a:pt x="33" y="814"/>
                  </a:lnTo>
                  <a:lnTo>
                    <a:pt x="73" y="895"/>
                  </a:lnTo>
                  <a:lnTo>
                    <a:pt x="102" y="940"/>
                  </a:lnTo>
                  <a:lnTo>
                    <a:pt x="129" y="978"/>
                  </a:lnTo>
                  <a:lnTo>
                    <a:pt x="195" y="1044"/>
                  </a:lnTo>
                  <a:lnTo>
                    <a:pt x="273" y="1099"/>
                  </a:lnTo>
                  <a:lnTo>
                    <a:pt x="361" y="1141"/>
                  </a:lnTo>
                  <a:lnTo>
                    <a:pt x="455" y="1169"/>
                  </a:lnTo>
                  <a:lnTo>
                    <a:pt x="553" y="1182"/>
                  </a:lnTo>
                  <a:lnTo>
                    <a:pt x="651" y="1181"/>
                  </a:lnTo>
                  <a:lnTo>
                    <a:pt x="747" y="1163"/>
                  </a:lnTo>
                  <a:lnTo>
                    <a:pt x="793" y="1147"/>
                  </a:lnTo>
                  <a:lnTo>
                    <a:pt x="817" y="1137"/>
                  </a:lnTo>
                  <a:lnTo>
                    <a:pt x="865" y="1112"/>
                  </a:lnTo>
                  <a:lnTo>
                    <a:pt x="912" y="1082"/>
                  </a:lnTo>
                  <a:lnTo>
                    <a:pt x="957" y="1046"/>
                  </a:lnTo>
                  <a:lnTo>
                    <a:pt x="1000" y="1007"/>
                  </a:lnTo>
                  <a:lnTo>
                    <a:pt x="1039" y="965"/>
                  </a:lnTo>
                  <a:lnTo>
                    <a:pt x="1073" y="920"/>
                  </a:lnTo>
                  <a:lnTo>
                    <a:pt x="1103" y="873"/>
                  </a:lnTo>
                  <a:lnTo>
                    <a:pt x="1115" y="850"/>
                  </a:lnTo>
                  <a:lnTo>
                    <a:pt x="1131" y="819"/>
                  </a:lnTo>
                  <a:lnTo>
                    <a:pt x="1151" y="768"/>
                  </a:lnTo>
                  <a:lnTo>
                    <a:pt x="1161" y="714"/>
                  </a:lnTo>
                  <a:lnTo>
                    <a:pt x="1165" y="640"/>
                  </a:lnTo>
                  <a:lnTo>
                    <a:pt x="1165" y="587"/>
                  </a:lnTo>
                  <a:lnTo>
                    <a:pt x="1164" y="523"/>
                  </a:lnTo>
                  <a:lnTo>
                    <a:pt x="1157" y="446"/>
                  </a:lnTo>
                  <a:lnTo>
                    <a:pt x="1148" y="402"/>
                  </a:lnTo>
                  <a:lnTo>
                    <a:pt x="1134" y="360"/>
                  </a:lnTo>
                  <a:lnTo>
                    <a:pt x="1114" y="320"/>
                  </a:lnTo>
                  <a:lnTo>
                    <a:pt x="1075" y="258"/>
                  </a:lnTo>
                  <a:lnTo>
                    <a:pt x="1038" y="210"/>
                  </a:lnTo>
                  <a:lnTo>
                    <a:pt x="1011" y="177"/>
                  </a:lnTo>
                  <a:lnTo>
                    <a:pt x="947" y="120"/>
                  </a:lnTo>
                  <a:lnTo>
                    <a:pt x="875" y="72"/>
                  </a:lnTo>
                  <a:lnTo>
                    <a:pt x="796" y="37"/>
                  </a:lnTo>
                  <a:lnTo>
                    <a:pt x="712" y="12"/>
                  </a:lnTo>
                  <a:lnTo>
                    <a:pt x="624" y="0"/>
                  </a:lnTo>
                  <a:lnTo>
                    <a:pt x="535" y="0"/>
                  </a:lnTo>
                  <a:lnTo>
                    <a:pt x="447" y="14"/>
                  </a:lnTo>
                  <a:lnTo>
                    <a:pt x="403" y="27"/>
                  </a:lnTo>
                  <a:close/>
                </a:path>
              </a:pathLst>
            </a:custGeom>
            <a:solidFill>
              <a:schemeClr val="bg2">
                <a:lumMod val="7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344" name="Freeform 5"/>
            <p:cNvSpPr>
              <a:spLocks/>
            </p:cNvSpPr>
            <p:nvPr/>
          </p:nvSpPr>
          <p:spPr bwMode="auto">
            <a:xfrm>
              <a:off x="20768037" y="1773338"/>
              <a:ext cx="251052" cy="256112"/>
            </a:xfrm>
            <a:custGeom>
              <a:avLst/>
              <a:gdLst>
                <a:gd name="T0" fmla="*/ 6745 w 17426"/>
                <a:gd name="T1" fmla="*/ 69 h 17994"/>
                <a:gd name="T2" fmla="*/ 4827 w 17426"/>
                <a:gd name="T3" fmla="*/ 564 h 17994"/>
                <a:gd name="T4" fmla="*/ 2990 w 17426"/>
                <a:gd name="T5" fmla="*/ 1624 h 17994"/>
                <a:gd name="T6" fmla="*/ 1316 w 17426"/>
                <a:gd name="T7" fmla="*/ 3448 h 17994"/>
                <a:gd name="T8" fmla="*/ 585 w 17426"/>
                <a:gd name="T9" fmla="*/ 4819 h 17994"/>
                <a:gd name="T10" fmla="*/ 4557 w 17426"/>
                <a:gd name="T11" fmla="*/ 4164 h 17994"/>
                <a:gd name="T12" fmla="*/ 6409 w 17426"/>
                <a:gd name="T13" fmla="*/ 3625 h 17994"/>
                <a:gd name="T14" fmla="*/ 7054 w 17426"/>
                <a:gd name="T15" fmla="*/ 2988 h 17994"/>
                <a:gd name="T16" fmla="*/ 7951 w 17426"/>
                <a:gd name="T17" fmla="*/ 2803 h 17994"/>
                <a:gd name="T18" fmla="*/ 8821 w 17426"/>
                <a:gd name="T19" fmla="*/ 3096 h 17994"/>
                <a:gd name="T20" fmla="*/ 9397 w 17426"/>
                <a:gd name="T21" fmla="*/ 3816 h 17994"/>
                <a:gd name="T22" fmla="*/ 9445 w 17426"/>
                <a:gd name="T23" fmla="*/ 4944 h 17994"/>
                <a:gd name="T24" fmla="*/ 8772 w 17426"/>
                <a:gd name="T25" fmla="*/ 5838 h 17994"/>
                <a:gd name="T26" fmla="*/ 7725 w 17426"/>
                <a:gd name="T27" fmla="*/ 6106 h 17994"/>
                <a:gd name="T28" fmla="*/ 6897 w 17426"/>
                <a:gd name="T29" fmla="*/ 5815 h 17994"/>
                <a:gd name="T30" fmla="*/ 6334 w 17426"/>
                <a:gd name="T31" fmla="*/ 5122 h 17994"/>
                <a:gd name="T32" fmla="*/ 4724 w 17426"/>
                <a:gd name="T33" fmla="*/ 5506 h 17994"/>
                <a:gd name="T34" fmla="*/ 150 w 17426"/>
                <a:gd name="T35" fmla="*/ 6197 h 17994"/>
                <a:gd name="T36" fmla="*/ 758 w 17426"/>
                <a:gd name="T37" fmla="*/ 7304 h 17994"/>
                <a:gd name="T38" fmla="*/ 9747 w 17426"/>
                <a:gd name="T39" fmla="*/ 7136 h 17994"/>
                <a:gd name="T40" fmla="*/ 10489 w 17426"/>
                <a:gd name="T41" fmla="*/ 6361 h 17994"/>
                <a:gd name="T42" fmla="*/ 11378 w 17426"/>
                <a:gd name="T43" fmla="*/ 6192 h 17994"/>
                <a:gd name="T44" fmla="*/ 12212 w 17426"/>
                <a:gd name="T45" fmla="*/ 6482 h 17994"/>
                <a:gd name="T46" fmla="*/ 12752 w 17426"/>
                <a:gd name="T47" fmla="*/ 7119 h 17994"/>
                <a:gd name="T48" fmla="*/ 12896 w 17426"/>
                <a:gd name="T49" fmla="*/ 8046 h 17994"/>
                <a:gd name="T50" fmla="*/ 12491 w 17426"/>
                <a:gd name="T51" fmla="*/ 8960 h 17994"/>
                <a:gd name="T52" fmla="*/ 11502 w 17426"/>
                <a:gd name="T53" fmla="*/ 9482 h 17994"/>
                <a:gd name="T54" fmla="*/ 10572 w 17426"/>
                <a:gd name="T55" fmla="*/ 9365 h 17994"/>
                <a:gd name="T56" fmla="*/ 9905 w 17426"/>
                <a:gd name="T57" fmla="*/ 8830 h 17994"/>
                <a:gd name="T58" fmla="*/ 8799 w 17426"/>
                <a:gd name="T59" fmla="*/ 8385 h 17994"/>
                <a:gd name="T60" fmla="*/ 23 w 17426"/>
                <a:gd name="T61" fmla="*/ 8687 h 17994"/>
                <a:gd name="T62" fmla="*/ 4234 w 17426"/>
                <a:gd name="T63" fmla="*/ 9710 h 17994"/>
                <a:gd name="T64" fmla="*/ 6372 w 17426"/>
                <a:gd name="T65" fmla="*/ 10494 h 17994"/>
                <a:gd name="T66" fmla="*/ 6876 w 17426"/>
                <a:gd name="T67" fmla="*/ 9887 h 17994"/>
                <a:gd name="T68" fmla="*/ 7563 w 17426"/>
                <a:gd name="T69" fmla="*/ 9602 h 17994"/>
                <a:gd name="T70" fmla="*/ 8490 w 17426"/>
                <a:gd name="T71" fmla="*/ 9709 h 17994"/>
                <a:gd name="T72" fmla="*/ 9195 w 17426"/>
                <a:gd name="T73" fmla="*/ 10247 h 17994"/>
                <a:gd name="T74" fmla="*/ 9502 w 17426"/>
                <a:gd name="T75" fmla="*/ 11021 h 17994"/>
                <a:gd name="T76" fmla="*/ 9284 w 17426"/>
                <a:gd name="T77" fmla="*/ 12099 h 17994"/>
                <a:gd name="T78" fmla="*/ 8690 w 17426"/>
                <a:gd name="T79" fmla="*/ 12677 h 17994"/>
                <a:gd name="T80" fmla="*/ 7837 w 17426"/>
                <a:gd name="T81" fmla="*/ 12894 h 17994"/>
                <a:gd name="T82" fmla="*/ 6917 w 17426"/>
                <a:gd name="T83" fmla="*/ 12623 h 17994"/>
                <a:gd name="T84" fmla="*/ 6270 w 17426"/>
                <a:gd name="T85" fmla="*/ 11779 h 17994"/>
                <a:gd name="T86" fmla="*/ 4700 w 17426"/>
                <a:gd name="T87" fmla="*/ 11650 h 17994"/>
                <a:gd name="T88" fmla="*/ 497 w 17426"/>
                <a:gd name="T89" fmla="*/ 10664 h 17994"/>
                <a:gd name="T90" fmla="*/ 553 w 17426"/>
                <a:gd name="T91" fmla="*/ 10811 h 17994"/>
                <a:gd name="T92" fmla="*/ 1342 w 17426"/>
                <a:gd name="T93" fmla="*/ 12277 h 17994"/>
                <a:gd name="T94" fmla="*/ 1728 w 17426"/>
                <a:gd name="T95" fmla="*/ 17221 h 17994"/>
                <a:gd name="T96" fmla="*/ 1752 w 17426"/>
                <a:gd name="T97" fmla="*/ 17735 h 17994"/>
                <a:gd name="T98" fmla="*/ 9756 w 17426"/>
                <a:gd name="T99" fmla="*/ 17942 h 17994"/>
                <a:gd name="T100" fmla="*/ 10505 w 17426"/>
                <a:gd name="T101" fmla="*/ 15802 h 17994"/>
                <a:gd name="T102" fmla="*/ 12639 w 17426"/>
                <a:gd name="T103" fmla="*/ 16087 h 17994"/>
                <a:gd name="T104" fmla="*/ 14011 w 17426"/>
                <a:gd name="T105" fmla="*/ 16278 h 17994"/>
                <a:gd name="T106" fmla="*/ 14526 w 17426"/>
                <a:gd name="T107" fmla="*/ 16032 h 17994"/>
                <a:gd name="T108" fmla="*/ 15682 w 17426"/>
                <a:gd name="T109" fmla="*/ 11564 h 17994"/>
                <a:gd name="T110" fmla="*/ 17369 w 17426"/>
                <a:gd name="T111" fmla="*/ 10344 h 17994"/>
                <a:gd name="T112" fmla="*/ 16519 w 17426"/>
                <a:gd name="T113" fmla="*/ 8719 h 17994"/>
                <a:gd name="T114" fmla="*/ 15391 w 17426"/>
                <a:gd name="T115" fmla="*/ 5552 h 17994"/>
                <a:gd name="T116" fmla="*/ 14709 w 17426"/>
                <a:gd name="T117" fmla="*/ 3924 h 17994"/>
                <a:gd name="T118" fmla="*/ 13085 w 17426"/>
                <a:gd name="T119" fmla="*/ 1943 h 17994"/>
                <a:gd name="T120" fmla="*/ 11116 w 17426"/>
                <a:gd name="T121" fmla="*/ 699 h 17994"/>
                <a:gd name="T122" fmla="*/ 9932 w 17426"/>
                <a:gd name="T123" fmla="*/ 286 h 17994"/>
                <a:gd name="T124" fmla="*/ 8279 w 17426"/>
                <a:gd name="T125" fmla="*/ 11 h 179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7426" h="17994">
                  <a:moveTo>
                    <a:pt x="7337" y="9"/>
                  </a:moveTo>
                  <a:lnTo>
                    <a:pt x="7317" y="14"/>
                  </a:lnTo>
                  <a:lnTo>
                    <a:pt x="7230" y="24"/>
                  </a:lnTo>
                  <a:lnTo>
                    <a:pt x="7179" y="26"/>
                  </a:lnTo>
                  <a:lnTo>
                    <a:pt x="7123" y="28"/>
                  </a:lnTo>
                  <a:lnTo>
                    <a:pt x="6996" y="38"/>
                  </a:lnTo>
                  <a:lnTo>
                    <a:pt x="6945" y="44"/>
                  </a:lnTo>
                  <a:lnTo>
                    <a:pt x="6840" y="57"/>
                  </a:lnTo>
                  <a:lnTo>
                    <a:pt x="6745" y="69"/>
                  </a:lnTo>
                  <a:lnTo>
                    <a:pt x="6628" y="84"/>
                  </a:lnTo>
                  <a:lnTo>
                    <a:pt x="6284" y="140"/>
                  </a:lnTo>
                  <a:lnTo>
                    <a:pt x="6179" y="161"/>
                  </a:lnTo>
                  <a:lnTo>
                    <a:pt x="6036" y="193"/>
                  </a:lnTo>
                  <a:lnTo>
                    <a:pt x="5767" y="259"/>
                  </a:lnTo>
                  <a:lnTo>
                    <a:pt x="5515" y="328"/>
                  </a:lnTo>
                  <a:lnTo>
                    <a:pt x="5277" y="401"/>
                  </a:lnTo>
                  <a:lnTo>
                    <a:pt x="5049" y="479"/>
                  </a:lnTo>
                  <a:lnTo>
                    <a:pt x="4827" y="564"/>
                  </a:lnTo>
                  <a:lnTo>
                    <a:pt x="4609" y="656"/>
                  </a:lnTo>
                  <a:lnTo>
                    <a:pt x="4390" y="758"/>
                  </a:lnTo>
                  <a:lnTo>
                    <a:pt x="4279" y="812"/>
                  </a:lnTo>
                  <a:lnTo>
                    <a:pt x="4153" y="876"/>
                  </a:lnTo>
                  <a:lnTo>
                    <a:pt x="3908" y="1010"/>
                  </a:lnTo>
                  <a:lnTo>
                    <a:pt x="3669" y="1152"/>
                  </a:lnTo>
                  <a:lnTo>
                    <a:pt x="3436" y="1302"/>
                  </a:lnTo>
                  <a:lnTo>
                    <a:pt x="3210" y="1459"/>
                  </a:lnTo>
                  <a:lnTo>
                    <a:pt x="2990" y="1624"/>
                  </a:lnTo>
                  <a:lnTo>
                    <a:pt x="2777" y="1797"/>
                  </a:lnTo>
                  <a:lnTo>
                    <a:pt x="2571" y="1977"/>
                  </a:lnTo>
                  <a:lnTo>
                    <a:pt x="2371" y="2165"/>
                  </a:lnTo>
                  <a:lnTo>
                    <a:pt x="2178" y="2360"/>
                  </a:lnTo>
                  <a:lnTo>
                    <a:pt x="1992" y="2563"/>
                  </a:lnTo>
                  <a:lnTo>
                    <a:pt x="1813" y="2773"/>
                  </a:lnTo>
                  <a:lnTo>
                    <a:pt x="1640" y="2991"/>
                  </a:lnTo>
                  <a:lnTo>
                    <a:pt x="1475" y="3216"/>
                  </a:lnTo>
                  <a:lnTo>
                    <a:pt x="1316" y="3448"/>
                  </a:lnTo>
                  <a:lnTo>
                    <a:pt x="1165" y="3688"/>
                  </a:lnTo>
                  <a:lnTo>
                    <a:pt x="1092" y="3811"/>
                  </a:lnTo>
                  <a:lnTo>
                    <a:pt x="1038" y="3905"/>
                  </a:lnTo>
                  <a:lnTo>
                    <a:pt x="905" y="4151"/>
                  </a:lnTo>
                  <a:lnTo>
                    <a:pt x="772" y="4410"/>
                  </a:lnTo>
                  <a:lnTo>
                    <a:pt x="671" y="4618"/>
                  </a:lnTo>
                  <a:lnTo>
                    <a:pt x="645" y="4677"/>
                  </a:lnTo>
                  <a:lnTo>
                    <a:pt x="619" y="4741"/>
                  </a:lnTo>
                  <a:lnTo>
                    <a:pt x="585" y="4819"/>
                  </a:lnTo>
                  <a:lnTo>
                    <a:pt x="517" y="4977"/>
                  </a:lnTo>
                  <a:lnTo>
                    <a:pt x="495" y="5037"/>
                  </a:lnTo>
                  <a:lnTo>
                    <a:pt x="585" y="5040"/>
                  </a:lnTo>
                  <a:lnTo>
                    <a:pt x="1447" y="5044"/>
                  </a:lnTo>
                  <a:lnTo>
                    <a:pt x="2082" y="5044"/>
                  </a:lnTo>
                  <a:lnTo>
                    <a:pt x="3669" y="5044"/>
                  </a:lnTo>
                  <a:lnTo>
                    <a:pt x="4187" y="4529"/>
                  </a:lnTo>
                  <a:lnTo>
                    <a:pt x="4342" y="4375"/>
                  </a:lnTo>
                  <a:lnTo>
                    <a:pt x="4557" y="4164"/>
                  </a:lnTo>
                  <a:lnTo>
                    <a:pt x="4690" y="4043"/>
                  </a:lnTo>
                  <a:lnTo>
                    <a:pt x="4772" y="3982"/>
                  </a:lnTo>
                  <a:lnTo>
                    <a:pt x="4804" y="3966"/>
                  </a:lnTo>
                  <a:lnTo>
                    <a:pt x="4904" y="3919"/>
                  </a:lnTo>
                  <a:lnTo>
                    <a:pt x="5589" y="3914"/>
                  </a:lnTo>
                  <a:lnTo>
                    <a:pt x="6272" y="3909"/>
                  </a:lnTo>
                  <a:lnTo>
                    <a:pt x="6335" y="3771"/>
                  </a:lnTo>
                  <a:lnTo>
                    <a:pt x="6358" y="3722"/>
                  </a:lnTo>
                  <a:lnTo>
                    <a:pt x="6409" y="3625"/>
                  </a:lnTo>
                  <a:lnTo>
                    <a:pt x="6467" y="3531"/>
                  </a:lnTo>
                  <a:lnTo>
                    <a:pt x="6531" y="3440"/>
                  </a:lnTo>
                  <a:lnTo>
                    <a:pt x="6599" y="3354"/>
                  </a:lnTo>
                  <a:lnTo>
                    <a:pt x="6672" y="3273"/>
                  </a:lnTo>
                  <a:lnTo>
                    <a:pt x="6749" y="3199"/>
                  </a:lnTo>
                  <a:lnTo>
                    <a:pt x="6828" y="3131"/>
                  </a:lnTo>
                  <a:lnTo>
                    <a:pt x="6869" y="3101"/>
                  </a:lnTo>
                  <a:lnTo>
                    <a:pt x="6922" y="3063"/>
                  </a:lnTo>
                  <a:lnTo>
                    <a:pt x="7054" y="2988"/>
                  </a:lnTo>
                  <a:lnTo>
                    <a:pt x="7200" y="2918"/>
                  </a:lnTo>
                  <a:lnTo>
                    <a:pt x="7346" y="2862"/>
                  </a:lnTo>
                  <a:lnTo>
                    <a:pt x="7412" y="2842"/>
                  </a:lnTo>
                  <a:lnTo>
                    <a:pt x="7456" y="2831"/>
                  </a:lnTo>
                  <a:lnTo>
                    <a:pt x="7534" y="2815"/>
                  </a:lnTo>
                  <a:lnTo>
                    <a:pt x="7624" y="2806"/>
                  </a:lnTo>
                  <a:lnTo>
                    <a:pt x="7745" y="2803"/>
                  </a:lnTo>
                  <a:lnTo>
                    <a:pt x="7829" y="2802"/>
                  </a:lnTo>
                  <a:lnTo>
                    <a:pt x="7951" y="2803"/>
                  </a:lnTo>
                  <a:lnTo>
                    <a:pt x="8100" y="2812"/>
                  </a:lnTo>
                  <a:lnTo>
                    <a:pt x="8189" y="2824"/>
                  </a:lnTo>
                  <a:lnTo>
                    <a:pt x="8273" y="2842"/>
                  </a:lnTo>
                  <a:lnTo>
                    <a:pt x="8356" y="2866"/>
                  </a:lnTo>
                  <a:lnTo>
                    <a:pt x="8489" y="2916"/>
                  </a:lnTo>
                  <a:lnTo>
                    <a:pt x="8592" y="2962"/>
                  </a:lnTo>
                  <a:lnTo>
                    <a:pt x="8638" y="2984"/>
                  </a:lnTo>
                  <a:lnTo>
                    <a:pt x="8731" y="3036"/>
                  </a:lnTo>
                  <a:lnTo>
                    <a:pt x="8821" y="3096"/>
                  </a:lnTo>
                  <a:lnTo>
                    <a:pt x="8910" y="3164"/>
                  </a:lnTo>
                  <a:lnTo>
                    <a:pt x="8995" y="3238"/>
                  </a:lnTo>
                  <a:lnTo>
                    <a:pt x="9075" y="3317"/>
                  </a:lnTo>
                  <a:lnTo>
                    <a:pt x="9149" y="3400"/>
                  </a:lnTo>
                  <a:lnTo>
                    <a:pt x="9217" y="3486"/>
                  </a:lnTo>
                  <a:lnTo>
                    <a:pt x="9247" y="3531"/>
                  </a:lnTo>
                  <a:lnTo>
                    <a:pt x="9282" y="3585"/>
                  </a:lnTo>
                  <a:lnTo>
                    <a:pt x="9344" y="3699"/>
                  </a:lnTo>
                  <a:lnTo>
                    <a:pt x="9397" y="3816"/>
                  </a:lnTo>
                  <a:lnTo>
                    <a:pt x="9440" y="3937"/>
                  </a:lnTo>
                  <a:lnTo>
                    <a:pt x="9474" y="4061"/>
                  </a:lnTo>
                  <a:lnTo>
                    <a:pt x="9498" y="4186"/>
                  </a:lnTo>
                  <a:lnTo>
                    <a:pt x="9513" y="4313"/>
                  </a:lnTo>
                  <a:lnTo>
                    <a:pt x="9518" y="4441"/>
                  </a:lnTo>
                  <a:lnTo>
                    <a:pt x="9514" y="4568"/>
                  </a:lnTo>
                  <a:lnTo>
                    <a:pt x="9500" y="4695"/>
                  </a:lnTo>
                  <a:lnTo>
                    <a:pt x="9477" y="4820"/>
                  </a:lnTo>
                  <a:lnTo>
                    <a:pt x="9445" y="4944"/>
                  </a:lnTo>
                  <a:lnTo>
                    <a:pt x="9403" y="5065"/>
                  </a:lnTo>
                  <a:lnTo>
                    <a:pt x="9352" y="5182"/>
                  </a:lnTo>
                  <a:lnTo>
                    <a:pt x="9292" y="5295"/>
                  </a:lnTo>
                  <a:lnTo>
                    <a:pt x="9222" y="5404"/>
                  </a:lnTo>
                  <a:lnTo>
                    <a:pt x="9184" y="5456"/>
                  </a:lnTo>
                  <a:lnTo>
                    <a:pt x="9133" y="5521"/>
                  </a:lnTo>
                  <a:lnTo>
                    <a:pt x="9023" y="5639"/>
                  </a:lnTo>
                  <a:lnTo>
                    <a:pt x="8902" y="5745"/>
                  </a:lnTo>
                  <a:lnTo>
                    <a:pt x="8772" y="5838"/>
                  </a:lnTo>
                  <a:lnTo>
                    <a:pt x="8631" y="5918"/>
                  </a:lnTo>
                  <a:lnTo>
                    <a:pt x="8481" y="5985"/>
                  </a:lnTo>
                  <a:lnTo>
                    <a:pt x="8321" y="6039"/>
                  </a:lnTo>
                  <a:lnTo>
                    <a:pt x="8151" y="6079"/>
                  </a:lnTo>
                  <a:lnTo>
                    <a:pt x="8062" y="6094"/>
                  </a:lnTo>
                  <a:lnTo>
                    <a:pt x="8015" y="6101"/>
                  </a:lnTo>
                  <a:lnTo>
                    <a:pt x="7919" y="6109"/>
                  </a:lnTo>
                  <a:lnTo>
                    <a:pt x="7822" y="6110"/>
                  </a:lnTo>
                  <a:lnTo>
                    <a:pt x="7725" y="6106"/>
                  </a:lnTo>
                  <a:lnTo>
                    <a:pt x="7627" y="6095"/>
                  </a:lnTo>
                  <a:lnTo>
                    <a:pt x="7530" y="6079"/>
                  </a:lnTo>
                  <a:lnTo>
                    <a:pt x="7434" y="6057"/>
                  </a:lnTo>
                  <a:lnTo>
                    <a:pt x="7339" y="6030"/>
                  </a:lnTo>
                  <a:lnTo>
                    <a:pt x="7245" y="5997"/>
                  </a:lnTo>
                  <a:lnTo>
                    <a:pt x="7154" y="5959"/>
                  </a:lnTo>
                  <a:lnTo>
                    <a:pt x="7065" y="5916"/>
                  </a:lnTo>
                  <a:lnTo>
                    <a:pt x="6979" y="5868"/>
                  </a:lnTo>
                  <a:lnTo>
                    <a:pt x="6897" y="5815"/>
                  </a:lnTo>
                  <a:lnTo>
                    <a:pt x="6818" y="5758"/>
                  </a:lnTo>
                  <a:lnTo>
                    <a:pt x="6744" y="5696"/>
                  </a:lnTo>
                  <a:lnTo>
                    <a:pt x="6675" y="5630"/>
                  </a:lnTo>
                  <a:lnTo>
                    <a:pt x="6642" y="5596"/>
                  </a:lnTo>
                  <a:lnTo>
                    <a:pt x="6599" y="5547"/>
                  </a:lnTo>
                  <a:lnTo>
                    <a:pt x="6509" y="5427"/>
                  </a:lnTo>
                  <a:lnTo>
                    <a:pt x="6425" y="5297"/>
                  </a:lnTo>
                  <a:lnTo>
                    <a:pt x="6356" y="5174"/>
                  </a:lnTo>
                  <a:lnTo>
                    <a:pt x="6334" y="5122"/>
                  </a:lnTo>
                  <a:lnTo>
                    <a:pt x="6317" y="5080"/>
                  </a:lnTo>
                  <a:lnTo>
                    <a:pt x="6282" y="5014"/>
                  </a:lnTo>
                  <a:lnTo>
                    <a:pt x="6270" y="5002"/>
                  </a:lnTo>
                  <a:lnTo>
                    <a:pt x="6260" y="4998"/>
                  </a:lnTo>
                  <a:lnTo>
                    <a:pt x="6185" y="4992"/>
                  </a:lnTo>
                  <a:lnTo>
                    <a:pt x="5970" y="4986"/>
                  </a:lnTo>
                  <a:lnTo>
                    <a:pt x="5747" y="4986"/>
                  </a:lnTo>
                  <a:lnTo>
                    <a:pt x="5245" y="4987"/>
                  </a:lnTo>
                  <a:lnTo>
                    <a:pt x="4724" y="5506"/>
                  </a:lnTo>
                  <a:lnTo>
                    <a:pt x="4581" y="5648"/>
                  </a:lnTo>
                  <a:lnTo>
                    <a:pt x="4369" y="5855"/>
                  </a:lnTo>
                  <a:lnTo>
                    <a:pt x="4230" y="5983"/>
                  </a:lnTo>
                  <a:lnTo>
                    <a:pt x="4146" y="6050"/>
                  </a:lnTo>
                  <a:lnTo>
                    <a:pt x="4120" y="6064"/>
                  </a:lnTo>
                  <a:lnTo>
                    <a:pt x="4037" y="6102"/>
                  </a:lnTo>
                  <a:lnTo>
                    <a:pt x="2104" y="6111"/>
                  </a:lnTo>
                  <a:lnTo>
                    <a:pt x="170" y="6119"/>
                  </a:lnTo>
                  <a:lnTo>
                    <a:pt x="150" y="6197"/>
                  </a:lnTo>
                  <a:lnTo>
                    <a:pt x="137" y="6253"/>
                  </a:lnTo>
                  <a:lnTo>
                    <a:pt x="109" y="6398"/>
                  </a:lnTo>
                  <a:lnTo>
                    <a:pt x="67" y="6658"/>
                  </a:lnTo>
                  <a:lnTo>
                    <a:pt x="21" y="7013"/>
                  </a:lnTo>
                  <a:lnTo>
                    <a:pt x="3" y="7210"/>
                  </a:lnTo>
                  <a:lnTo>
                    <a:pt x="3" y="7284"/>
                  </a:lnTo>
                  <a:lnTo>
                    <a:pt x="7" y="7296"/>
                  </a:lnTo>
                  <a:lnTo>
                    <a:pt x="71" y="7299"/>
                  </a:lnTo>
                  <a:lnTo>
                    <a:pt x="758" y="7304"/>
                  </a:lnTo>
                  <a:lnTo>
                    <a:pt x="2802" y="7308"/>
                  </a:lnTo>
                  <a:lnTo>
                    <a:pt x="4844" y="7307"/>
                  </a:lnTo>
                  <a:lnTo>
                    <a:pt x="7580" y="7304"/>
                  </a:lnTo>
                  <a:lnTo>
                    <a:pt x="9297" y="7295"/>
                  </a:lnTo>
                  <a:lnTo>
                    <a:pt x="9600" y="7288"/>
                  </a:lnTo>
                  <a:lnTo>
                    <a:pt x="9674" y="7281"/>
                  </a:lnTo>
                  <a:lnTo>
                    <a:pt x="9680" y="7277"/>
                  </a:lnTo>
                  <a:lnTo>
                    <a:pt x="9702" y="7232"/>
                  </a:lnTo>
                  <a:lnTo>
                    <a:pt x="9747" y="7136"/>
                  </a:lnTo>
                  <a:lnTo>
                    <a:pt x="9777" y="7072"/>
                  </a:lnTo>
                  <a:lnTo>
                    <a:pt x="9845" y="6952"/>
                  </a:lnTo>
                  <a:lnTo>
                    <a:pt x="9921" y="6839"/>
                  </a:lnTo>
                  <a:lnTo>
                    <a:pt x="10005" y="6734"/>
                  </a:lnTo>
                  <a:lnTo>
                    <a:pt x="10098" y="6636"/>
                  </a:lnTo>
                  <a:lnTo>
                    <a:pt x="10199" y="6547"/>
                  </a:lnTo>
                  <a:lnTo>
                    <a:pt x="10309" y="6466"/>
                  </a:lnTo>
                  <a:lnTo>
                    <a:pt x="10427" y="6394"/>
                  </a:lnTo>
                  <a:lnTo>
                    <a:pt x="10489" y="6361"/>
                  </a:lnTo>
                  <a:lnTo>
                    <a:pt x="10535" y="6337"/>
                  </a:lnTo>
                  <a:lnTo>
                    <a:pt x="10607" y="6303"/>
                  </a:lnTo>
                  <a:lnTo>
                    <a:pt x="10713" y="6266"/>
                  </a:lnTo>
                  <a:lnTo>
                    <a:pt x="10820" y="6237"/>
                  </a:lnTo>
                  <a:lnTo>
                    <a:pt x="10879" y="6223"/>
                  </a:lnTo>
                  <a:lnTo>
                    <a:pt x="10999" y="6201"/>
                  </a:lnTo>
                  <a:lnTo>
                    <a:pt x="11123" y="6188"/>
                  </a:lnTo>
                  <a:lnTo>
                    <a:pt x="11250" y="6185"/>
                  </a:lnTo>
                  <a:lnTo>
                    <a:pt x="11378" y="6192"/>
                  </a:lnTo>
                  <a:lnTo>
                    <a:pt x="11507" y="6207"/>
                  </a:lnTo>
                  <a:lnTo>
                    <a:pt x="11634" y="6232"/>
                  </a:lnTo>
                  <a:lnTo>
                    <a:pt x="11759" y="6265"/>
                  </a:lnTo>
                  <a:lnTo>
                    <a:pt x="11820" y="6286"/>
                  </a:lnTo>
                  <a:lnTo>
                    <a:pt x="11864" y="6302"/>
                  </a:lnTo>
                  <a:lnTo>
                    <a:pt x="11967" y="6348"/>
                  </a:lnTo>
                  <a:lnTo>
                    <a:pt x="12076" y="6402"/>
                  </a:lnTo>
                  <a:lnTo>
                    <a:pt x="12174" y="6458"/>
                  </a:lnTo>
                  <a:lnTo>
                    <a:pt x="12212" y="6482"/>
                  </a:lnTo>
                  <a:lnTo>
                    <a:pt x="12251" y="6510"/>
                  </a:lnTo>
                  <a:lnTo>
                    <a:pt x="12330" y="6575"/>
                  </a:lnTo>
                  <a:lnTo>
                    <a:pt x="12409" y="6649"/>
                  </a:lnTo>
                  <a:lnTo>
                    <a:pt x="12486" y="6730"/>
                  </a:lnTo>
                  <a:lnTo>
                    <a:pt x="12559" y="6816"/>
                  </a:lnTo>
                  <a:lnTo>
                    <a:pt x="12625" y="6903"/>
                  </a:lnTo>
                  <a:lnTo>
                    <a:pt x="12684" y="6992"/>
                  </a:lnTo>
                  <a:lnTo>
                    <a:pt x="12732" y="7078"/>
                  </a:lnTo>
                  <a:lnTo>
                    <a:pt x="12752" y="7119"/>
                  </a:lnTo>
                  <a:lnTo>
                    <a:pt x="12792" y="7211"/>
                  </a:lnTo>
                  <a:lnTo>
                    <a:pt x="12838" y="7339"/>
                  </a:lnTo>
                  <a:lnTo>
                    <a:pt x="12861" y="7422"/>
                  </a:lnTo>
                  <a:lnTo>
                    <a:pt x="12879" y="7507"/>
                  </a:lnTo>
                  <a:lnTo>
                    <a:pt x="12892" y="7595"/>
                  </a:lnTo>
                  <a:lnTo>
                    <a:pt x="12902" y="7737"/>
                  </a:lnTo>
                  <a:lnTo>
                    <a:pt x="12904" y="7844"/>
                  </a:lnTo>
                  <a:lnTo>
                    <a:pt x="12903" y="7914"/>
                  </a:lnTo>
                  <a:lnTo>
                    <a:pt x="12896" y="8046"/>
                  </a:lnTo>
                  <a:lnTo>
                    <a:pt x="12880" y="8169"/>
                  </a:lnTo>
                  <a:lnTo>
                    <a:pt x="12857" y="8286"/>
                  </a:lnTo>
                  <a:lnTo>
                    <a:pt x="12824" y="8398"/>
                  </a:lnTo>
                  <a:lnTo>
                    <a:pt x="12782" y="8507"/>
                  </a:lnTo>
                  <a:lnTo>
                    <a:pt x="12730" y="8615"/>
                  </a:lnTo>
                  <a:lnTo>
                    <a:pt x="12668" y="8723"/>
                  </a:lnTo>
                  <a:lnTo>
                    <a:pt x="12632" y="8777"/>
                  </a:lnTo>
                  <a:lnTo>
                    <a:pt x="12588" y="8841"/>
                  </a:lnTo>
                  <a:lnTo>
                    <a:pt x="12491" y="8960"/>
                  </a:lnTo>
                  <a:lnTo>
                    <a:pt x="12384" y="9067"/>
                  </a:lnTo>
                  <a:lnTo>
                    <a:pt x="12267" y="9164"/>
                  </a:lnTo>
                  <a:lnTo>
                    <a:pt x="12140" y="9250"/>
                  </a:lnTo>
                  <a:lnTo>
                    <a:pt x="12004" y="9324"/>
                  </a:lnTo>
                  <a:lnTo>
                    <a:pt x="11858" y="9387"/>
                  </a:lnTo>
                  <a:lnTo>
                    <a:pt x="11702" y="9439"/>
                  </a:lnTo>
                  <a:lnTo>
                    <a:pt x="11620" y="9461"/>
                  </a:lnTo>
                  <a:lnTo>
                    <a:pt x="11584" y="9469"/>
                  </a:lnTo>
                  <a:lnTo>
                    <a:pt x="11502" y="9482"/>
                  </a:lnTo>
                  <a:lnTo>
                    <a:pt x="11361" y="9495"/>
                  </a:lnTo>
                  <a:lnTo>
                    <a:pt x="11161" y="9498"/>
                  </a:lnTo>
                  <a:lnTo>
                    <a:pt x="11020" y="9489"/>
                  </a:lnTo>
                  <a:lnTo>
                    <a:pt x="10937" y="9478"/>
                  </a:lnTo>
                  <a:lnTo>
                    <a:pt x="10900" y="9471"/>
                  </a:lnTo>
                  <a:lnTo>
                    <a:pt x="10851" y="9460"/>
                  </a:lnTo>
                  <a:lnTo>
                    <a:pt x="10756" y="9433"/>
                  </a:lnTo>
                  <a:lnTo>
                    <a:pt x="10662" y="9402"/>
                  </a:lnTo>
                  <a:lnTo>
                    <a:pt x="10572" y="9365"/>
                  </a:lnTo>
                  <a:lnTo>
                    <a:pt x="10484" y="9324"/>
                  </a:lnTo>
                  <a:lnTo>
                    <a:pt x="10399" y="9277"/>
                  </a:lnTo>
                  <a:lnTo>
                    <a:pt x="10317" y="9226"/>
                  </a:lnTo>
                  <a:lnTo>
                    <a:pt x="10239" y="9170"/>
                  </a:lnTo>
                  <a:lnTo>
                    <a:pt x="10164" y="9110"/>
                  </a:lnTo>
                  <a:lnTo>
                    <a:pt x="10093" y="9046"/>
                  </a:lnTo>
                  <a:lnTo>
                    <a:pt x="10026" y="8978"/>
                  </a:lnTo>
                  <a:lnTo>
                    <a:pt x="9963" y="8906"/>
                  </a:lnTo>
                  <a:lnTo>
                    <a:pt x="9905" y="8830"/>
                  </a:lnTo>
                  <a:lnTo>
                    <a:pt x="9851" y="8750"/>
                  </a:lnTo>
                  <a:lnTo>
                    <a:pt x="9802" y="8667"/>
                  </a:lnTo>
                  <a:lnTo>
                    <a:pt x="9757" y="8580"/>
                  </a:lnTo>
                  <a:lnTo>
                    <a:pt x="9737" y="8536"/>
                  </a:lnTo>
                  <a:lnTo>
                    <a:pt x="9695" y="8440"/>
                  </a:lnTo>
                  <a:lnTo>
                    <a:pt x="9674" y="8397"/>
                  </a:lnTo>
                  <a:lnTo>
                    <a:pt x="9653" y="8395"/>
                  </a:lnTo>
                  <a:lnTo>
                    <a:pt x="9438" y="8390"/>
                  </a:lnTo>
                  <a:lnTo>
                    <a:pt x="8799" y="8385"/>
                  </a:lnTo>
                  <a:lnTo>
                    <a:pt x="6648" y="8377"/>
                  </a:lnTo>
                  <a:lnTo>
                    <a:pt x="3028" y="8376"/>
                  </a:lnTo>
                  <a:lnTo>
                    <a:pt x="877" y="8383"/>
                  </a:lnTo>
                  <a:lnTo>
                    <a:pt x="238" y="8388"/>
                  </a:lnTo>
                  <a:lnTo>
                    <a:pt x="24" y="8393"/>
                  </a:lnTo>
                  <a:lnTo>
                    <a:pt x="4" y="8396"/>
                  </a:lnTo>
                  <a:lnTo>
                    <a:pt x="0" y="8409"/>
                  </a:lnTo>
                  <a:lnTo>
                    <a:pt x="3" y="8487"/>
                  </a:lnTo>
                  <a:lnTo>
                    <a:pt x="23" y="8687"/>
                  </a:lnTo>
                  <a:lnTo>
                    <a:pt x="70" y="9043"/>
                  </a:lnTo>
                  <a:lnTo>
                    <a:pt x="126" y="9378"/>
                  </a:lnTo>
                  <a:lnTo>
                    <a:pt x="150" y="9491"/>
                  </a:lnTo>
                  <a:lnTo>
                    <a:pt x="170" y="9569"/>
                  </a:lnTo>
                  <a:lnTo>
                    <a:pt x="2104" y="9577"/>
                  </a:lnTo>
                  <a:lnTo>
                    <a:pt x="4037" y="9586"/>
                  </a:lnTo>
                  <a:lnTo>
                    <a:pt x="4120" y="9626"/>
                  </a:lnTo>
                  <a:lnTo>
                    <a:pt x="4147" y="9640"/>
                  </a:lnTo>
                  <a:lnTo>
                    <a:pt x="4234" y="9710"/>
                  </a:lnTo>
                  <a:lnTo>
                    <a:pt x="4376" y="9842"/>
                  </a:lnTo>
                  <a:lnTo>
                    <a:pt x="4588" y="10049"/>
                  </a:lnTo>
                  <a:lnTo>
                    <a:pt x="4729" y="10189"/>
                  </a:lnTo>
                  <a:lnTo>
                    <a:pt x="5255" y="10711"/>
                  </a:lnTo>
                  <a:lnTo>
                    <a:pt x="5762" y="10707"/>
                  </a:lnTo>
                  <a:lnTo>
                    <a:pt x="6269" y="10702"/>
                  </a:lnTo>
                  <a:lnTo>
                    <a:pt x="6290" y="10661"/>
                  </a:lnTo>
                  <a:lnTo>
                    <a:pt x="6320" y="10600"/>
                  </a:lnTo>
                  <a:lnTo>
                    <a:pt x="6372" y="10494"/>
                  </a:lnTo>
                  <a:lnTo>
                    <a:pt x="6394" y="10450"/>
                  </a:lnTo>
                  <a:lnTo>
                    <a:pt x="6441" y="10365"/>
                  </a:lnTo>
                  <a:lnTo>
                    <a:pt x="6492" y="10285"/>
                  </a:lnTo>
                  <a:lnTo>
                    <a:pt x="6547" y="10208"/>
                  </a:lnTo>
                  <a:lnTo>
                    <a:pt x="6606" y="10135"/>
                  </a:lnTo>
                  <a:lnTo>
                    <a:pt x="6668" y="10067"/>
                  </a:lnTo>
                  <a:lnTo>
                    <a:pt x="6734" y="10003"/>
                  </a:lnTo>
                  <a:lnTo>
                    <a:pt x="6803" y="9943"/>
                  </a:lnTo>
                  <a:lnTo>
                    <a:pt x="6876" y="9887"/>
                  </a:lnTo>
                  <a:lnTo>
                    <a:pt x="6952" y="9836"/>
                  </a:lnTo>
                  <a:lnTo>
                    <a:pt x="7032" y="9789"/>
                  </a:lnTo>
                  <a:lnTo>
                    <a:pt x="7115" y="9746"/>
                  </a:lnTo>
                  <a:lnTo>
                    <a:pt x="7201" y="9708"/>
                  </a:lnTo>
                  <a:lnTo>
                    <a:pt x="7291" y="9674"/>
                  </a:lnTo>
                  <a:lnTo>
                    <a:pt x="7383" y="9644"/>
                  </a:lnTo>
                  <a:lnTo>
                    <a:pt x="7479" y="9620"/>
                  </a:lnTo>
                  <a:lnTo>
                    <a:pt x="7529" y="9609"/>
                  </a:lnTo>
                  <a:lnTo>
                    <a:pt x="7563" y="9602"/>
                  </a:lnTo>
                  <a:lnTo>
                    <a:pt x="7643" y="9593"/>
                  </a:lnTo>
                  <a:lnTo>
                    <a:pt x="7782" y="9586"/>
                  </a:lnTo>
                  <a:lnTo>
                    <a:pt x="7981" y="9591"/>
                  </a:lnTo>
                  <a:lnTo>
                    <a:pt x="8120" y="9606"/>
                  </a:lnTo>
                  <a:lnTo>
                    <a:pt x="8202" y="9619"/>
                  </a:lnTo>
                  <a:lnTo>
                    <a:pt x="8237" y="9627"/>
                  </a:lnTo>
                  <a:lnTo>
                    <a:pt x="8290" y="9641"/>
                  </a:lnTo>
                  <a:lnTo>
                    <a:pt x="8392" y="9673"/>
                  </a:lnTo>
                  <a:lnTo>
                    <a:pt x="8490" y="9709"/>
                  </a:lnTo>
                  <a:lnTo>
                    <a:pt x="8585" y="9750"/>
                  </a:lnTo>
                  <a:lnTo>
                    <a:pt x="8676" y="9796"/>
                  </a:lnTo>
                  <a:lnTo>
                    <a:pt x="8763" y="9847"/>
                  </a:lnTo>
                  <a:lnTo>
                    <a:pt x="8845" y="9902"/>
                  </a:lnTo>
                  <a:lnTo>
                    <a:pt x="8924" y="9962"/>
                  </a:lnTo>
                  <a:lnTo>
                    <a:pt x="8998" y="10027"/>
                  </a:lnTo>
                  <a:lnTo>
                    <a:pt x="9068" y="10096"/>
                  </a:lnTo>
                  <a:lnTo>
                    <a:pt x="9134" y="10169"/>
                  </a:lnTo>
                  <a:lnTo>
                    <a:pt x="9195" y="10247"/>
                  </a:lnTo>
                  <a:lnTo>
                    <a:pt x="9251" y="10328"/>
                  </a:lnTo>
                  <a:lnTo>
                    <a:pt x="9303" y="10414"/>
                  </a:lnTo>
                  <a:lnTo>
                    <a:pt x="9350" y="10504"/>
                  </a:lnTo>
                  <a:lnTo>
                    <a:pt x="9393" y="10599"/>
                  </a:lnTo>
                  <a:lnTo>
                    <a:pt x="9412" y="10647"/>
                  </a:lnTo>
                  <a:lnTo>
                    <a:pt x="9428" y="10693"/>
                  </a:lnTo>
                  <a:lnTo>
                    <a:pt x="9457" y="10791"/>
                  </a:lnTo>
                  <a:lnTo>
                    <a:pt x="9482" y="10899"/>
                  </a:lnTo>
                  <a:lnTo>
                    <a:pt x="9502" y="11021"/>
                  </a:lnTo>
                  <a:lnTo>
                    <a:pt x="9510" y="11089"/>
                  </a:lnTo>
                  <a:lnTo>
                    <a:pt x="9517" y="11155"/>
                  </a:lnTo>
                  <a:lnTo>
                    <a:pt x="9519" y="11290"/>
                  </a:lnTo>
                  <a:lnTo>
                    <a:pt x="9509" y="11429"/>
                  </a:lnTo>
                  <a:lnTo>
                    <a:pt x="9487" y="11569"/>
                  </a:lnTo>
                  <a:lnTo>
                    <a:pt x="9452" y="11707"/>
                  </a:lnTo>
                  <a:lnTo>
                    <a:pt x="9407" y="11843"/>
                  </a:lnTo>
                  <a:lnTo>
                    <a:pt x="9351" y="11974"/>
                  </a:lnTo>
                  <a:lnTo>
                    <a:pt x="9284" y="12099"/>
                  </a:lnTo>
                  <a:lnTo>
                    <a:pt x="9247" y="12157"/>
                  </a:lnTo>
                  <a:lnTo>
                    <a:pt x="9217" y="12201"/>
                  </a:lnTo>
                  <a:lnTo>
                    <a:pt x="9154" y="12284"/>
                  </a:lnTo>
                  <a:lnTo>
                    <a:pt x="9087" y="12362"/>
                  </a:lnTo>
                  <a:lnTo>
                    <a:pt x="9015" y="12435"/>
                  </a:lnTo>
                  <a:lnTo>
                    <a:pt x="8940" y="12504"/>
                  </a:lnTo>
                  <a:lnTo>
                    <a:pt x="8860" y="12567"/>
                  </a:lnTo>
                  <a:lnTo>
                    <a:pt x="8777" y="12625"/>
                  </a:lnTo>
                  <a:lnTo>
                    <a:pt x="8690" y="12677"/>
                  </a:lnTo>
                  <a:lnTo>
                    <a:pt x="8600" y="12724"/>
                  </a:lnTo>
                  <a:lnTo>
                    <a:pt x="8507" y="12766"/>
                  </a:lnTo>
                  <a:lnTo>
                    <a:pt x="8410" y="12802"/>
                  </a:lnTo>
                  <a:lnTo>
                    <a:pt x="8312" y="12832"/>
                  </a:lnTo>
                  <a:lnTo>
                    <a:pt x="8210" y="12856"/>
                  </a:lnTo>
                  <a:lnTo>
                    <a:pt x="8106" y="12875"/>
                  </a:lnTo>
                  <a:lnTo>
                    <a:pt x="8000" y="12887"/>
                  </a:lnTo>
                  <a:lnTo>
                    <a:pt x="7892" y="12893"/>
                  </a:lnTo>
                  <a:lnTo>
                    <a:pt x="7837" y="12894"/>
                  </a:lnTo>
                  <a:lnTo>
                    <a:pt x="7776" y="12893"/>
                  </a:lnTo>
                  <a:lnTo>
                    <a:pt x="7657" y="12886"/>
                  </a:lnTo>
                  <a:lnTo>
                    <a:pt x="7541" y="12870"/>
                  </a:lnTo>
                  <a:lnTo>
                    <a:pt x="7428" y="12847"/>
                  </a:lnTo>
                  <a:lnTo>
                    <a:pt x="7318" y="12816"/>
                  </a:lnTo>
                  <a:lnTo>
                    <a:pt x="7212" y="12779"/>
                  </a:lnTo>
                  <a:lnTo>
                    <a:pt x="7110" y="12734"/>
                  </a:lnTo>
                  <a:lnTo>
                    <a:pt x="7011" y="12682"/>
                  </a:lnTo>
                  <a:lnTo>
                    <a:pt x="6917" y="12623"/>
                  </a:lnTo>
                  <a:lnTo>
                    <a:pt x="6827" y="12557"/>
                  </a:lnTo>
                  <a:lnTo>
                    <a:pt x="6742" y="12485"/>
                  </a:lnTo>
                  <a:lnTo>
                    <a:pt x="6662" y="12406"/>
                  </a:lnTo>
                  <a:lnTo>
                    <a:pt x="6586" y="12321"/>
                  </a:lnTo>
                  <a:lnTo>
                    <a:pt x="6516" y="12229"/>
                  </a:lnTo>
                  <a:lnTo>
                    <a:pt x="6451" y="12132"/>
                  </a:lnTo>
                  <a:lnTo>
                    <a:pt x="6392" y="12028"/>
                  </a:lnTo>
                  <a:lnTo>
                    <a:pt x="6365" y="11974"/>
                  </a:lnTo>
                  <a:lnTo>
                    <a:pt x="6270" y="11779"/>
                  </a:lnTo>
                  <a:lnTo>
                    <a:pt x="5614" y="11777"/>
                  </a:lnTo>
                  <a:lnTo>
                    <a:pt x="5302" y="11777"/>
                  </a:lnTo>
                  <a:lnTo>
                    <a:pt x="5017" y="11770"/>
                  </a:lnTo>
                  <a:lnTo>
                    <a:pt x="4912" y="11762"/>
                  </a:lnTo>
                  <a:lnTo>
                    <a:pt x="4889" y="11757"/>
                  </a:lnTo>
                  <a:lnTo>
                    <a:pt x="4865" y="11750"/>
                  </a:lnTo>
                  <a:lnTo>
                    <a:pt x="4817" y="11729"/>
                  </a:lnTo>
                  <a:lnTo>
                    <a:pt x="4764" y="11697"/>
                  </a:lnTo>
                  <a:lnTo>
                    <a:pt x="4700" y="11650"/>
                  </a:lnTo>
                  <a:lnTo>
                    <a:pt x="4579" y="11544"/>
                  </a:lnTo>
                  <a:lnTo>
                    <a:pt x="4335" y="11309"/>
                  </a:lnTo>
                  <a:lnTo>
                    <a:pt x="4162" y="11136"/>
                  </a:lnTo>
                  <a:lnTo>
                    <a:pt x="3670" y="10644"/>
                  </a:lnTo>
                  <a:lnTo>
                    <a:pt x="2084" y="10644"/>
                  </a:lnTo>
                  <a:lnTo>
                    <a:pt x="1199" y="10644"/>
                  </a:lnTo>
                  <a:lnTo>
                    <a:pt x="627" y="10651"/>
                  </a:lnTo>
                  <a:lnTo>
                    <a:pt x="523" y="10658"/>
                  </a:lnTo>
                  <a:lnTo>
                    <a:pt x="497" y="10664"/>
                  </a:lnTo>
                  <a:lnTo>
                    <a:pt x="495" y="10667"/>
                  </a:lnTo>
                  <a:lnTo>
                    <a:pt x="496" y="10678"/>
                  </a:lnTo>
                  <a:lnTo>
                    <a:pt x="506" y="10697"/>
                  </a:lnTo>
                  <a:lnTo>
                    <a:pt x="512" y="10702"/>
                  </a:lnTo>
                  <a:lnTo>
                    <a:pt x="518" y="10708"/>
                  </a:lnTo>
                  <a:lnTo>
                    <a:pt x="528" y="10726"/>
                  </a:lnTo>
                  <a:lnTo>
                    <a:pt x="529" y="10736"/>
                  </a:lnTo>
                  <a:lnTo>
                    <a:pt x="531" y="10750"/>
                  </a:lnTo>
                  <a:lnTo>
                    <a:pt x="553" y="10811"/>
                  </a:lnTo>
                  <a:lnTo>
                    <a:pt x="569" y="10847"/>
                  </a:lnTo>
                  <a:lnTo>
                    <a:pt x="611" y="10944"/>
                  </a:lnTo>
                  <a:lnTo>
                    <a:pt x="662" y="11061"/>
                  </a:lnTo>
                  <a:lnTo>
                    <a:pt x="691" y="11126"/>
                  </a:lnTo>
                  <a:lnTo>
                    <a:pt x="759" y="11270"/>
                  </a:lnTo>
                  <a:lnTo>
                    <a:pt x="878" y="11503"/>
                  </a:lnTo>
                  <a:lnTo>
                    <a:pt x="1061" y="11830"/>
                  </a:lnTo>
                  <a:lnTo>
                    <a:pt x="1251" y="12141"/>
                  </a:lnTo>
                  <a:lnTo>
                    <a:pt x="1342" y="12277"/>
                  </a:lnTo>
                  <a:lnTo>
                    <a:pt x="1450" y="12433"/>
                  </a:lnTo>
                  <a:lnTo>
                    <a:pt x="1657" y="12710"/>
                  </a:lnTo>
                  <a:lnTo>
                    <a:pt x="1874" y="12970"/>
                  </a:lnTo>
                  <a:lnTo>
                    <a:pt x="2125" y="13243"/>
                  </a:lnTo>
                  <a:lnTo>
                    <a:pt x="2274" y="13396"/>
                  </a:lnTo>
                  <a:lnTo>
                    <a:pt x="2595" y="13721"/>
                  </a:lnTo>
                  <a:lnTo>
                    <a:pt x="2137" y="15551"/>
                  </a:lnTo>
                  <a:lnTo>
                    <a:pt x="1903" y="16490"/>
                  </a:lnTo>
                  <a:lnTo>
                    <a:pt x="1728" y="17221"/>
                  </a:lnTo>
                  <a:lnTo>
                    <a:pt x="1690" y="17401"/>
                  </a:lnTo>
                  <a:lnTo>
                    <a:pt x="1679" y="17468"/>
                  </a:lnTo>
                  <a:lnTo>
                    <a:pt x="1679" y="17486"/>
                  </a:lnTo>
                  <a:lnTo>
                    <a:pt x="1679" y="17515"/>
                  </a:lnTo>
                  <a:lnTo>
                    <a:pt x="1684" y="17565"/>
                  </a:lnTo>
                  <a:lnTo>
                    <a:pt x="1695" y="17611"/>
                  </a:lnTo>
                  <a:lnTo>
                    <a:pt x="1715" y="17661"/>
                  </a:lnTo>
                  <a:lnTo>
                    <a:pt x="1729" y="17691"/>
                  </a:lnTo>
                  <a:lnTo>
                    <a:pt x="1752" y="17735"/>
                  </a:lnTo>
                  <a:lnTo>
                    <a:pt x="1806" y="17809"/>
                  </a:lnTo>
                  <a:lnTo>
                    <a:pt x="1873" y="17871"/>
                  </a:lnTo>
                  <a:lnTo>
                    <a:pt x="1956" y="17923"/>
                  </a:lnTo>
                  <a:lnTo>
                    <a:pt x="2007" y="17947"/>
                  </a:lnTo>
                  <a:lnTo>
                    <a:pt x="2112" y="17994"/>
                  </a:lnTo>
                  <a:lnTo>
                    <a:pt x="5864" y="17994"/>
                  </a:lnTo>
                  <a:lnTo>
                    <a:pt x="9617" y="17994"/>
                  </a:lnTo>
                  <a:lnTo>
                    <a:pt x="9715" y="17959"/>
                  </a:lnTo>
                  <a:lnTo>
                    <a:pt x="9756" y="17942"/>
                  </a:lnTo>
                  <a:lnTo>
                    <a:pt x="9837" y="17895"/>
                  </a:lnTo>
                  <a:lnTo>
                    <a:pt x="9912" y="17834"/>
                  </a:lnTo>
                  <a:lnTo>
                    <a:pt x="9975" y="17766"/>
                  </a:lnTo>
                  <a:lnTo>
                    <a:pt x="9999" y="17731"/>
                  </a:lnTo>
                  <a:lnTo>
                    <a:pt x="10010" y="17706"/>
                  </a:lnTo>
                  <a:lnTo>
                    <a:pt x="10053" y="17567"/>
                  </a:lnTo>
                  <a:lnTo>
                    <a:pt x="10161" y="17167"/>
                  </a:lnTo>
                  <a:lnTo>
                    <a:pt x="10270" y="16736"/>
                  </a:lnTo>
                  <a:lnTo>
                    <a:pt x="10505" y="15802"/>
                  </a:lnTo>
                  <a:lnTo>
                    <a:pt x="10604" y="15806"/>
                  </a:lnTo>
                  <a:lnTo>
                    <a:pt x="10651" y="15808"/>
                  </a:lnTo>
                  <a:lnTo>
                    <a:pt x="10773" y="15820"/>
                  </a:lnTo>
                  <a:lnTo>
                    <a:pt x="10829" y="15827"/>
                  </a:lnTo>
                  <a:lnTo>
                    <a:pt x="11190" y="15881"/>
                  </a:lnTo>
                  <a:lnTo>
                    <a:pt x="11704" y="15954"/>
                  </a:lnTo>
                  <a:lnTo>
                    <a:pt x="12013" y="15997"/>
                  </a:lnTo>
                  <a:lnTo>
                    <a:pt x="12345" y="16044"/>
                  </a:lnTo>
                  <a:lnTo>
                    <a:pt x="12639" y="16087"/>
                  </a:lnTo>
                  <a:lnTo>
                    <a:pt x="12812" y="16111"/>
                  </a:lnTo>
                  <a:lnTo>
                    <a:pt x="12931" y="16128"/>
                  </a:lnTo>
                  <a:lnTo>
                    <a:pt x="13037" y="16144"/>
                  </a:lnTo>
                  <a:lnTo>
                    <a:pt x="13130" y="16157"/>
                  </a:lnTo>
                  <a:lnTo>
                    <a:pt x="13204" y="16169"/>
                  </a:lnTo>
                  <a:lnTo>
                    <a:pt x="13335" y="16187"/>
                  </a:lnTo>
                  <a:lnTo>
                    <a:pt x="13620" y="16229"/>
                  </a:lnTo>
                  <a:lnTo>
                    <a:pt x="13766" y="16250"/>
                  </a:lnTo>
                  <a:lnTo>
                    <a:pt x="14011" y="16278"/>
                  </a:lnTo>
                  <a:lnTo>
                    <a:pt x="14072" y="16281"/>
                  </a:lnTo>
                  <a:lnTo>
                    <a:pt x="14109" y="16280"/>
                  </a:lnTo>
                  <a:lnTo>
                    <a:pt x="14182" y="16271"/>
                  </a:lnTo>
                  <a:lnTo>
                    <a:pt x="14253" y="16251"/>
                  </a:lnTo>
                  <a:lnTo>
                    <a:pt x="14320" y="16223"/>
                  </a:lnTo>
                  <a:lnTo>
                    <a:pt x="14383" y="16186"/>
                  </a:lnTo>
                  <a:lnTo>
                    <a:pt x="14439" y="16141"/>
                  </a:lnTo>
                  <a:lnTo>
                    <a:pt x="14487" y="16090"/>
                  </a:lnTo>
                  <a:lnTo>
                    <a:pt x="14526" y="16032"/>
                  </a:lnTo>
                  <a:lnTo>
                    <a:pt x="14542" y="16001"/>
                  </a:lnTo>
                  <a:lnTo>
                    <a:pt x="14557" y="15954"/>
                  </a:lnTo>
                  <a:lnTo>
                    <a:pt x="14653" y="15595"/>
                  </a:lnTo>
                  <a:lnTo>
                    <a:pt x="14901" y="14626"/>
                  </a:lnTo>
                  <a:lnTo>
                    <a:pt x="15120" y="13756"/>
                  </a:lnTo>
                  <a:lnTo>
                    <a:pt x="15337" y="12888"/>
                  </a:lnTo>
                  <a:lnTo>
                    <a:pt x="15580" y="11939"/>
                  </a:lnTo>
                  <a:lnTo>
                    <a:pt x="15670" y="11600"/>
                  </a:lnTo>
                  <a:lnTo>
                    <a:pt x="15682" y="11564"/>
                  </a:lnTo>
                  <a:lnTo>
                    <a:pt x="15734" y="11525"/>
                  </a:lnTo>
                  <a:lnTo>
                    <a:pt x="16162" y="11234"/>
                  </a:lnTo>
                  <a:lnTo>
                    <a:pt x="16470" y="11027"/>
                  </a:lnTo>
                  <a:lnTo>
                    <a:pt x="16789" y="10814"/>
                  </a:lnTo>
                  <a:lnTo>
                    <a:pt x="17140" y="10570"/>
                  </a:lnTo>
                  <a:lnTo>
                    <a:pt x="17274" y="10470"/>
                  </a:lnTo>
                  <a:lnTo>
                    <a:pt x="17297" y="10449"/>
                  </a:lnTo>
                  <a:lnTo>
                    <a:pt x="17325" y="10416"/>
                  </a:lnTo>
                  <a:lnTo>
                    <a:pt x="17369" y="10344"/>
                  </a:lnTo>
                  <a:lnTo>
                    <a:pt x="17401" y="10265"/>
                  </a:lnTo>
                  <a:lnTo>
                    <a:pt x="17420" y="10182"/>
                  </a:lnTo>
                  <a:lnTo>
                    <a:pt x="17426" y="10097"/>
                  </a:lnTo>
                  <a:lnTo>
                    <a:pt x="17419" y="10013"/>
                  </a:lnTo>
                  <a:lnTo>
                    <a:pt x="17398" y="9932"/>
                  </a:lnTo>
                  <a:lnTo>
                    <a:pt x="17363" y="9856"/>
                  </a:lnTo>
                  <a:lnTo>
                    <a:pt x="17340" y="9821"/>
                  </a:lnTo>
                  <a:lnTo>
                    <a:pt x="17135" y="9544"/>
                  </a:lnTo>
                  <a:lnTo>
                    <a:pt x="16519" y="8719"/>
                  </a:lnTo>
                  <a:lnTo>
                    <a:pt x="15732" y="7669"/>
                  </a:lnTo>
                  <a:lnTo>
                    <a:pt x="15722" y="7511"/>
                  </a:lnTo>
                  <a:lnTo>
                    <a:pt x="15705" y="7285"/>
                  </a:lnTo>
                  <a:lnTo>
                    <a:pt x="15662" y="6864"/>
                  </a:lnTo>
                  <a:lnTo>
                    <a:pt x="15602" y="6463"/>
                  </a:lnTo>
                  <a:lnTo>
                    <a:pt x="15525" y="6065"/>
                  </a:lnTo>
                  <a:lnTo>
                    <a:pt x="15477" y="5861"/>
                  </a:lnTo>
                  <a:lnTo>
                    <a:pt x="15457" y="5781"/>
                  </a:lnTo>
                  <a:lnTo>
                    <a:pt x="15391" y="5552"/>
                  </a:lnTo>
                  <a:lnTo>
                    <a:pt x="15315" y="5303"/>
                  </a:lnTo>
                  <a:lnTo>
                    <a:pt x="15250" y="5105"/>
                  </a:lnTo>
                  <a:lnTo>
                    <a:pt x="15230" y="5052"/>
                  </a:lnTo>
                  <a:lnTo>
                    <a:pt x="15201" y="4982"/>
                  </a:lnTo>
                  <a:lnTo>
                    <a:pt x="15137" y="4819"/>
                  </a:lnTo>
                  <a:lnTo>
                    <a:pt x="15084" y="4688"/>
                  </a:lnTo>
                  <a:lnTo>
                    <a:pt x="14969" y="4429"/>
                  </a:lnTo>
                  <a:lnTo>
                    <a:pt x="14844" y="4174"/>
                  </a:lnTo>
                  <a:lnTo>
                    <a:pt x="14709" y="3924"/>
                  </a:lnTo>
                  <a:lnTo>
                    <a:pt x="14564" y="3679"/>
                  </a:lnTo>
                  <a:lnTo>
                    <a:pt x="14410" y="3440"/>
                  </a:lnTo>
                  <a:lnTo>
                    <a:pt x="14246" y="3206"/>
                  </a:lnTo>
                  <a:lnTo>
                    <a:pt x="14074" y="2979"/>
                  </a:lnTo>
                  <a:lnTo>
                    <a:pt x="13892" y="2757"/>
                  </a:lnTo>
                  <a:lnTo>
                    <a:pt x="13702" y="2543"/>
                  </a:lnTo>
                  <a:lnTo>
                    <a:pt x="13504" y="2335"/>
                  </a:lnTo>
                  <a:lnTo>
                    <a:pt x="13298" y="2135"/>
                  </a:lnTo>
                  <a:lnTo>
                    <a:pt x="13085" y="1943"/>
                  </a:lnTo>
                  <a:lnTo>
                    <a:pt x="12864" y="1759"/>
                  </a:lnTo>
                  <a:lnTo>
                    <a:pt x="12636" y="1583"/>
                  </a:lnTo>
                  <a:lnTo>
                    <a:pt x="12401" y="1415"/>
                  </a:lnTo>
                  <a:lnTo>
                    <a:pt x="12280" y="1336"/>
                  </a:lnTo>
                  <a:lnTo>
                    <a:pt x="12130" y="1240"/>
                  </a:lnTo>
                  <a:lnTo>
                    <a:pt x="11803" y="1046"/>
                  </a:lnTo>
                  <a:lnTo>
                    <a:pt x="11474" y="868"/>
                  </a:lnTo>
                  <a:lnTo>
                    <a:pt x="11249" y="758"/>
                  </a:lnTo>
                  <a:lnTo>
                    <a:pt x="11116" y="699"/>
                  </a:lnTo>
                  <a:lnTo>
                    <a:pt x="11057" y="676"/>
                  </a:lnTo>
                  <a:lnTo>
                    <a:pt x="10980" y="645"/>
                  </a:lnTo>
                  <a:lnTo>
                    <a:pt x="10920" y="619"/>
                  </a:lnTo>
                  <a:lnTo>
                    <a:pt x="10844" y="587"/>
                  </a:lnTo>
                  <a:lnTo>
                    <a:pt x="10628" y="506"/>
                  </a:lnTo>
                  <a:lnTo>
                    <a:pt x="10384" y="421"/>
                  </a:lnTo>
                  <a:lnTo>
                    <a:pt x="10162" y="349"/>
                  </a:lnTo>
                  <a:lnTo>
                    <a:pt x="10079" y="326"/>
                  </a:lnTo>
                  <a:lnTo>
                    <a:pt x="9932" y="286"/>
                  </a:lnTo>
                  <a:lnTo>
                    <a:pt x="9703" y="227"/>
                  </a:lnTo>
                  <a:lnTo>
                    <a:pt x="9637" y="212"/>
                  </a:lnTo>
                  <a:lnTo>
                    <a:pt x="9478" y="179"/>
                  </a:lnTo>
                  <a:lnTo>
                    <a:pt x="9197" y="126"/>
                  </a:lnTo>
                  <a:lnTo>
                    <a:pt x="9020" y="96"/>
                  </a:lnTo>
                  <a:lnTo>
                    <a:pt x="8922" y="81"/>
                  </a:lnTo>
                  <a:lnTo>
                    <a:pt x="8554" y="38"/>
                  </a:lnTo>
                  <a:lnTo>
                    <a:pt x="8362" y="17"/>
                  </a:lnTo>
                  <a:lnTo>
                    <a:pt x="8279" y="11"/>
                  </a:lnTo>
                  <a:lnTo>
                    <a:pt x="7976" y="3"/>
                  </a:lnTo>
                  <a:lnTo>
                    <a:pt x="7630" y="0"/>
                  </a:lnTo>
                  <a:lnTo>
                    <a:pt x="7376" y="4"/>
                  </a:lnTo>
                  <a:lnTo>
                    <a:pt x="7337" y="9"/>
                  </a:lnTo>
                  <a:close/>
                </a:path>
              </a:pathLst>
            </a:custGeom>
            <a:solidFill>
              <a:schemeClr val="bg2">
                <a:lumMod val="50000"/>
              </a:schemeClr>
            </a:solidFill>
            <a:ln>
              <a:noFill/>
            </a:ln>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345" name="Freeform 6"/>
            <p:cNvSpPr>
              <a:spLocks/>
            </p:cNvSpPr>
            <p:nvPr/>
          </p:nvSpPr>
          <p:spPr bwMode="auto">
            <a:xfrm>
              <a:off x="20872732" y="1828308"/>
              <a:ext cx="16869" cy="16782"/>
            </a:xfrm>
            <a:custGeom>
              <a:avLst/>
              <a:gdLst>
                <a:gd name="T0" fmla="*/ 355 w 1170"/>
                <a:gd name="T1" fmla="*/ 42 h 1180"/>
                <a:gd name="T2" fmla="*/ 326 w 1170"/>
                <a:gd name="T3" fmla="*/ 55 h 1180"/>
                <a:gd name="T4" fmla="*/ 272 w 1170"/>
                <a:gd name="T5" fmla="*/ 84 h 1180"/>
                <a:gd name="T6" fmla="*/ 223 w 1170"/>
                <a:gd name="T7" fmla="*/ 118 h 1180"/>
                <a:gd name="T8" fmla="*/ 178 w 1170"/>
                <a:gd name="T9" fmla="*/ 158 h 1180"/>
                <a:gd name="T10" fmla="*/ 138 w 1170"/>
                <a:gd name="T11" fmla="*/ 201 h 1180"/>
                <a:gd name="T12" fmla="*/ 102 w 1170"/>
                <a:gd name="T13" fmla="*/ 248 h 1180"/>
                <a:gd name="T14" fmla="*/ 72 w 1170"/>
                <a:gd name="T15" fmla="*/ 298 h 1180"/>
                <a:gd name="T16" fmla="*/ 46 w 1170"/>
                <a:gd name="T17" fmla="*/ 352 h 1180"/>
                <a:gd name="T18" fmla="*/ 27 w 1170"/>
                <a:gd name="T19" fmla="*/ 408 h 1180"/>
                <a:gd name="T20" fmla="*/ 12 w 1170"/>
                <a:gd name="T21" fmla="*/ 466 h 1180"/>
                <a:gd name="T22" fmla="*/ 3 w 1170"/>
                <a:gd name="T23" fmla="*/ 525 h 1180"/>
                <a:gd name="T24" fmla="*/ 0 w 1170"/>
                <a:gd name="T25" fmla="*/ 586 h 1180"/>
                <a:gd name="T26" fmla="*/ 3 w 1170"/>
                <a:gd name="T27" fmla="*/ 647 h 1180"/>
                <a:gd name="T28" fmla="*/ 12 w 1170"/>
                <a:gd name="T29" fmla="*/ 709 h 1180"/>
                <a:gd name="T30" fmla="*/ 28 w 1170"/>
                <a:gd name="T31" fmla="*/ 770 h 1180"/>
                <a:gd name="T32" fmla="*/ 50 w 1170"/>
                <a:gd name="T33" fmla="*/ 831 h 1180"/>
                <a:gd name="T34" fmla="*/ 63 w 1170"/>
                <a:gd name="T35" fmla="*/ 861 h 1180"/>
                <a:gd name="T36" fmla="*/ 83 w 1170"/>
                <a:gd name="T37" fmla="*/ 900 h 1180"/>
                <a:gd name="T38" fmla="*/ 130 w 1170"/>
                <a:gd name="T39" fmla="*/ 969 h 1180"/>
                <a:gd name="T40" fmla="*/ 185 w 1170"/>
                <a:gd name="T41" fmla="*/ 1029 h 1180"/>
                <a:gd name="T42" fmla="*/ 247 w 1170"/>
                <a:gd name="T43" fmla="*/ 1079 h 1180"/>
                <a:gd name="T44" fmla="*/ 314 w 1170"/>
                <a:gd name="T45" fmla="*/ 1119 h 1180"/>
                <a:gd name="T46" fmla="*/ 386 w 1170"/>
                <a:gd name="T47" fmla="*/ 1149 h 1180"/>
                <a:gd name="T48" fmla="*/ 461 w 1170"/>
                <a:gd name="T49" fmla="*/ 1169 h 1180"/>
                <a:gd name="T50" fmla="*/ 539 w 1170"/>
                <a:gd name="T51" fmla="*/ 1180 h 1180"/>
                <a:gd name="T52" fmla="*/ 617 w 1170"/>
                <a:gd name="T53" fmla="*/ 1180 h 1180"/>
                <a:gd name="T54" fmla="*/ 695 w 1170"/>
                <a:gd name="T55" fmla="*/ 1170 h 1180"/>
                <a:gd name="T56" fmla="*/ 771 w 1170"/>
                <a:gd name="T57" fmla="*/ 1150 h 1180"/>
                <a:gd name="T58" fmla="*/ 845 w 1170"/>
                <a:gd name="T59" fmla="*/ 1121 h 1180"/>
                <a:gd name="T60" fmla="*/ 915 w 1170"/>
                <a:gd name="T61" fmla="*/ 1081 h 1180"/>
                <a:gd name="T62" fmla="*/ 980 w 1170"/>
                <a:gd name="T63" fmla="*/ 1032 h 1180"/>
                <a:gd name="T64" fmla="*/ 1039 w 1170"/>
                <a:gd name="T65" fmla="*/ 972 h 1180"/>
                <a:gd name="T66" fmla="*/ 1091 w 1170"/>
                <a:gd name="T67" fmla="*/ 903 h 1180"/>
                <a:gd name="T68" fmla="*/ 1113 w 1170"/>
                <a:gd name="T69" fmla="*/ 864 h 1180"/>
                <a:gd name="T70" fmla="*/ 1132 w 1170"/>
                <a:gd name="T71" fmla="*/ 829 h 1180"/>
                <a:gd name="T72" fmla="*/ 1155 w 1170"/>
                <a:gd name="T73" fmla="*/ 776 h 1180"/>
                <a:gd name="T74" fmla="*/ 1166 w 1170"/>
                <a:gd name="T75" fmla="*/ 722 h 1180"/>
                <a:gd name="T76" fmla="*/ 1170 w 1170"/>
                <a:gd name="T77" fmla="*/ 647 h 1180"/>
                <a:gd name="T78" fmla="*/ 1170 w 1170"/>
                <a:gd name="T79" fmla="*/ 592 h 1180"/>
                <a:gd name="T80" fmla="*/ 1170 w 1170"/>
                <a:gd name="T81" fmla="*/ 540 h 1180"/>
                <a:gd name="T82" fmla="*/ 1166 w 1170"/>
                <a:gd name="T83" fmla="*/ 465 h 1180"/>
                <a:gd name="T84" fmla="*/ 1156 w 1170"/>
                <a:gd name="T85" fmla="*/ 411 h 1180"/>
                <a:gd name="T86" fmla="*/ 1136 w 1170"/>
                <a:gd name="T87" fmla="*/ 360 h 1180"/>
                <a:gd name="T88" fmla="*/ 1120 w 1170"/>
                <a:gd name="T89" fmla="*/ 329 h 1180"/>
                <a:gd name="T90" fmla="*/ 1108 w 1170"/>
                <a:gd name="T91" fmla="*/ 306 h 1180"/>
                <a:gd name="T92" fmla="*/ 1078 w 1170"/>
                <a:gd name="T93" fmla="*/ 259 h 1180"/>
                <a:gd name="T94" fmla="*/ 1044 w 1170"/>
                <a:gd name="T95" fmla="*/ 215 h 1180"/>
                <a:gd name="T96" fmla="*/ 1004 w 1170"/>
                <a:gd name="T97" fmla="*/ 172 h 1180"/>
                <a:gd name="T98" fmla="*/ 962 w 1170"/>
                <a:gd name="T99" fmla="*/ 133 h 1180"/>
                <a:gd name="T100" fmla="*/ 918 w 1170"/>
                <a:gd name="T101" fmla="*/ 98 h 1180"/>
                <a:gd name="T102" fmla="*/ 872 w 1170"/>
                <a:gd name="T103" fmla="*/ 68 h 1180"/>
                <a:gd name="T104" fmla="*/ 826 w 1170"/>
                <a:gd name="T105" fmla="*/ 45 h 1180"/>
                <a:gd name="T106" fmla="*/ 803 w 1170"/>
                <a:gd name="T107" fmla="*/ 36 h 1180"/>
                <a:gd name="T108" fmla="*/ 778 w 1170"/>
                <a:gd name="T109" fmla="*/ 27 h 1180"/>
                <a:gd name="T110" fmla="*/ 724 w 1170"/>
                <a:gd name="T111" fmla="*/ 13 h 1180"/>
                <a:gd name="T112" fmla="*/ 667 w 1170"/>
                <a:gd name="T113" fmla="*/ 4 h 1180"/>
                <a:gd name="T114" fmla="*/ 608 w 1170"/>
                <a:gd name="T115" fmla="*/ 0 h 1180"/>
                <a:gd name="T116" fmla="*/ 548 w 1170"/>
                <a:gd name="T117" fmla="*/ 1 h 1180"/>
                <a:gd name="T118" fmla="*/ 490 w 1170"/>
                <a:gd name="T119" fmla="*/ 7 h 1180"/>
                <a:gd name="T120" fmla="*/ 433 w 1170"/>
                <a:gd name="T121" fmla="*/ 17 h 1180"/>
                <a:gd name="T122" fmla="*/ 380 w 1170"/>
                <a:gd name="T123" fmla="*/ 33 h 1180"/>
                <a:gd name="T124" fmla="*/ 355 w 1170"/>
                <a:gd name="T125" fmla="*/ 42 h 1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170" h="1180">
                  <a:moveTo>
                    <a:pt x="355" y="42"/>
                  </a:moveTo>
                  <a:lnTo>
                    <a:pt x="326" y="55"/>
                  </a:lnTo>
                  <a:lnTo>
                    <a:pt x="272" y="84"/>
                  </a:lnTo>
                  <a:lnTo>
                    <a:pt x="223" y="118"/>
                  </a:lnTo>
                  <a:lnTo>
                    <a:pt x="178" y="158"/>
                  </a:lnTo>
                  <a:lnTo>
                    <a:pt x="138" y="201"/>
                  </a:lnTo>
                  <a:lnTo>
                    <a:pt x="102" y="248"/>
                  </a:lnTo>
                  <a:lnTo>
                    <a:pt x="72" y="298"/>
                  </a:lnTo>
                  <a:lnTo>
                    <a:pt x="46" y="352"/>
                  </a:lnTo>
                  <a:lnTo>
                    <a:pt x="27" y="408"/>
                  </a:lnTo>
                  <a:lnTo>
                    <a:pt x="12" y="466"/>
                  </a:lnTo>
                  <a:lnTo>
                    <a:pt x="3" y="525"/>
                  </a:lnTo>
                  <a:lnTo>
                    <a:pt x="0" y="586"/>
                  </a:lnTo>
                  <a:lnTo>
                    <a:pt x="3" y="647"/>
                  </a:lnTo>
                  <a:lnTo>
                    <a:pt x="12" y="709"/>
                  </a:lnTo>
                  <a:lnTo>
                    <a:pt x="28" y="770"/>
                  </a:lnTo>
                  <a:lnTo>
                    <a:pt x="50" y="831"/>
                  </a:lnTo>
                  <a:lnTo>
                    <a:pt x="63" y="861"/>
                  </a:lnTo>
                  <a:lnTo>
                    <a:pt x="83" y="900"/>
                  </a:lnTo>
                  <a:lnTo>
                    <a:pt x="130" y="969"/>
                  </a:lnTo>
                  <a:lnTo>
                    <a:pt x="185" y="1029"/>
                  </a:lnTo>
                  <a:lnTo>
                    <a:pt x="247" y="1079"/>
                  </a:lnTo>
                  <a:lnTo>
                    <a:pt x="314" y="1119"/>
                  </a:lnTo>
                  <a:lnTo>
                    <a:pt x="386" y="1149"/>
                  </a:lnTo>
                  <a:lnTo>
                    <a:pt x="461" y="1169"/>
                  </a:lnTo>
                  <a:lnTo>
                    <a:pt x="539" y="1180"/>
                  </a:lnTo>
                  <a:lnTo>
                    <a:pt x="617" y="1180"/>
                  </a:lnTo>
                  <a:lnTo>
                    <a:pt x="695" y="1170"/>
                  </a:lnTo>
                  <a:lnTo>
                    <a:pt x="771" y="1150"/>
                  </a:lnTo>
                  <a:lnTo>
                    <a:pt x="845" y="1121"/>
                  </a:lnTo>
                  <a:lnTo>
                    <a:pt x="915" y="1081"/>
                  </a:lnTo>
                  <a:lnTo>
                    <a:pt x="980" y="1032"/>
                  </a:lnTo>
                  <a:lnTo>
                    <a:pt x="1039" y="972"/>
                  </a:lnTo>
                  <a:lnTo>
                    <a:pt x="1091" y="903"/>
                  </a:lnTo>
                  <a:lnTo>
                    <a:pt x="1113" y="864"/>
                  </a:lnTo>
                  <a:lnTo>
                    <a:pt x="1132" y="829"/>
                  </a:lnTo>
                  <a:lnTo>
                    <a:pt x="1155" y="776"/>
                  </a:lnTo>
                  <a:lnTo>
                    <a:pt x="1166" y="722"/>
                  </a:lnTo>
                  <a:lnTo>
                    <a:pt x="1170" y="647"/>
                  </a:lnTo>
                  <a:lnTo>
                    <a:pt x="1170" y="592"/>
                  </a:lnTo>
                  <a:lnTo>
                    <a:pt x="1170" y="540"/>
                  </a:lnTo>
                  <a:lnTo>
                    <a:pt x="1166" y="465"/>
                  </a:lnTo>
                  <a:lnTo>
                    <a:pt x="1156" y="411"/>
                  </a:lnTo>
                  <a:lnTo>
                    <a:pt x="1136" y="360"/>
                  </a:lnTo>
                  <a:lnTo>
                    <a:pt x="1120" y="329"/>
                  </a:lnTo>
                  <a:lnTo>
                    <a:pt x="1108" y="306"/>
                  </a:lnTo>
                  <a:lnTo>
                    <a:pt x="1078" y="259"/>
                  </a:lnTo>
                  <a:lnTo>
                    <a:pt x="1044" y="215"/>
                  </a:lnTo>
                  <a:lnTo>
                    <a:pt x="1004" y="172"/>
                  </a:lnTo>
                  <a:lnTo>
                    <a:pt x="962" y="133"/>
                  </a:lnTo>
                  <a:lnTo>
                    <a:pt x="918" y="98"/>
                  </a:lnTo>
                  <a:lnTo>
                    <a:pt x="872" y="68"/>
                  </a:lnTo>
                  <a:lnTo>
                    <a:pt x="826" y="45"/>
                  </a:lnTo>
                  <a:lnTo>
                    <a:pt x="803" y="36"/>
                  </a:lnTo>
                  <a:lnTo>
                    <a:pt x="778" y="27"/>
                  </a:lnTo>
                  <a:lnTo>
                    <a:pt x="724" y="13"/>
                  </a:lnTo>
                  <a:lnTo>
                    <a:pt x="667" y="4"/>
                  </a:lnTo>
                  <a:lnTo>
                    <a:pt x="608" y="0"/>
                  </a:lnTo>
                  <a:lnTo>
                    <a:pt x="548" y="1"/>
                  </a:lnTo>
                  <a:lnTo>
                    <a:pt x="490" y="7"/>
                  </a:lnTo>
                  <a:lnTo>
                    <a:pt x="433" y="17"/>
                  </a:lnTo>
                  <a:lnTo>
                    <a:pt x="380" y="33"/>
                  </a:lnTo>
                  <a:lnTo>
                    <a:pt x="355" y="42"/>
                  </a:lnTo>
                  <a:close/>
                </a:path>
              </a:pathLst>
            </a:custGeom>
            <a:solidFill>
              <a:schemeClr val="bg2">
                <a:lumMod val="7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346" name="Freeform 7"/>
            <p:cNvSpPr>
              <a:spLocks/>
            </p:cNvSpPr>
            <p:nvPr/>
          </p:nvSpPr>
          <p:spPr bwMode="auto">
            <a:xfrm>
              <a:off x="20921778" y="1876518"/>
              <a:ext cx="16869" cy="16841"/>
            </a:xfrm>
            <a:custGeom>
              <a:avLst/>
              <a:gdLst>
                <a:gd name="T0" fmla="*/ 450 w 1173"/>
                <a:gd name="T1" fmla="*/ 19 h 1183"/>
                <a:gd name="T2" fmla="*/ 415 w 1173"/>
                <a:gd name="T3" fmla="*/ 28 h 1183"/>
                <a:gd name="T4" fmla="*/ 349 w 1173"/>
                <a:gd name="T5" fmla="*/ 51 h 1183"/>
                <a:gd name="T6" fmla="*/ 290 w 1173"/>
                <a:gd name="T7" fmla="*/ 78 h 1183"/>
                <a:gd name="T8" fmla="*/ 236 w 1173"/>
                <a:gd name="T9" fmla="*/ 110 h 1183"/>
                <a:gd name="T10" fmla="*/ 187 w 1173"/>
                <a:gd name="T11" fmla="*/ 148 h 1183"/>
                <a:gd name="T12" fmla="*/ 144 w 1173"/>
                <a:gd name="T13" fmla="*/ 191 h 1183"/>
                <a:gd name="T14" fmla="*/ 105 w 1173"/>
                <a:gd name="T15" fmla="*/ 240 h 1183"/>
                <a:gd name="T16" fmla="*/ 71 w 1173"/>
                <a:gd name="T17" fmla="*/ 296 h 1183"/>
                <a:gd name="T18" fmla="*/ 55 w 1173"/>
                <a:gd name="T19" fmla="*/ 326 h 1183"/>
                <a:gd name="T20" fmla="*/ 37 w 1173"/>
                <a:gd name="T21" fmla="*/ 362 h 1183"/>
                <a:gd name="T22" fmla="*/ 15 w 1173"/>
                <a:gd name="T23" fmla="*/ 418 h 1183"/>
                <a:gd name="T24" fmla="*/ 4 w 1173"/>
                <a:gd name="T25" fmla="*/ 474 h 1183"/>
                <a:gd name="T26" fmla="*/ 0 w 1173"/>
                <a:gd name="T27" fmla="*/ 550 h 1183"/>
                <a:gd name="T28" fmla="*/ 0 w 1173"/>
                <a:gd name="T29" fmla="*/ 604 h 1183"/>
                <a:gd name="T30" fmla="*/ 1 w 1173"/>
                <a:gd name="T31" fmla="*/ 658 h 1183"/>
                <a:gd name="T32" fmla="*/ 5 w 1173"/>
                <a:gd name="T33" fmla="*/ 733 h 1183"/>
                <a:gd name="T34" fmla="*/ 16 w 1173"/>
                <a:gd name="T35" fmla="*/ 787 h 1183"/>
                <a:gd name="T36" fmla="*/ 37 w 1173"/>
                <a:gd name="T37" fmla="*/ 840 h 1183"/>
                <a:gd name="T38" fmla="*/ 54 w 1173"/>
                <a:gd name="T39" fmla="*/ 873 h 1183"/>
                <a:gd name="T40" fmla="*/ 74 w 1173"/>
                <a:gd name="T41" fmla="*/ 910 h 1183"/>
                <a:gd name="T42" fmla="*/ 121 w 1173"/>
                <a:gd name="T43" fmla="*/ 977 h 1183"/>
                <a:gd name="T44" fmla="*/ 174 w 1173"/>
                <a:gd name="T45" fmla="*/ 1035 h 1183"/>
                <a:gd name="T46" fmla="*/ 235 w 1173"/>
                <a:gd name="T47" fmla="*/ 1084 h 1183"/>
                <a:gd name="T48" fmla="*/ 301 w 1173"/>
                <a:gd name="T49" fmla="*/ 1123 h 1183"/>
                <a:gd name="T50" fmla="*/ 375 w 1173"/>
                <a:gd name="T51" fmla="*/ 1152 h 1183"/>
                <a:gd name="T52" fmla="*/ 454 w 1173"/>
                <a:gd name="T53" fmla="*/ 1172 h 1183"/>
                <a:gd name="T54" fmla="*/ 539 w 1173"/>
                <a:gd name="T55" fmla="*/ 1182 h 1183"/>
                <a:gd name="T56" fmla="*/ 584 w 1173"/>
                <a:gd name="T57" fmla="*/ 1183 h 1183"/>
                <a:gd name="T58" fmla="*/ 614 w 1173"/>
                <a:gd name="T59" fmla="*/ 1183 h 1183"/>
                <a:gd name="T60" fmla="*/ 671 w 1173"/>
                <a:gd name="T61" fmla="*/ 1178 h 1183"/>
                <a:gd name="T62" fmla="*/ 726 w 1173"/>
                <a:gd name="T63" fmla="*/ 1169 h 1183"/>
                <a:gd name="T64" fmla="*/ 777 w 1173"/>
                <a:gd name="T65" fmla="*/ 1155 h 1183"/>
                <a:gd name="T66" fmla="*/ 826 w 1173"/>
                <a:gd name="T67" fmla="*/ 1136 h 1183"/>
                <a:gd name="T68" fmla="*/ 874 w 1173"/>
                <a:gd name="T69" fmla="*/ 1111 h 1183"/>
                <a:gd name="T70" fmla="*/ 920 w 1173"/>
                <a:gd name="T71" fmla="*/ 1080 h 1183"/>
                <a:gd name="T72" fmla="*/ 966 w 1173"/>
                <a:gd name="T73" fmla="*/ 1043 h 1183"/>
                <a:gd name="T74" fmla="*/ 989 w 1173"/>
                <a:gd name="T75" fmla="*/ 1023 h 1183"/>
                <a:gd name="T76" fmla="*/ 1022 w 1173"/>
                <a:gd name="T77" fmla="*/ 990 h 1183"/>
                <a:gd name="T78" fmla="*/ 1078 w 1173"/>
                <a:gd name="T79" fmla="*/ 916 h 1183"/>
                <a:gd name="T80" fmla="*/ 1122 w 1173"/>
                <a:gd name="T81" fmla="*/ 834 h 1183"/>
                <a:gd name="T82" fmla="*/ 1153 w 1173"/>
                <a:gd name="T83" fmla="*/ 747 h 1183"/>
                <a:gd name="T84" fmla="*/ 1170 w 1173"/>
                <a:gd name="T85" fmla="*/ 656 h 1183"/>
                <a:gd name="T86" fmla="*/ 1173 w 1173"/>
                <a:gd name="T87" fmla="*/ 564 h 1183"/>
                <a:gd name="T88" fmla="*/ 1162 w 1173"/>
                <a:gd name="T89" fmla="*/ 471 h 1183"/>
                <a:gd name="T90" fmla="*/ 1136 w 1173"/>
                <a:gd name="T91" fmla="*/ 381 h 1183"/>
                <a:gd name="T92" fmla="*/ 1117 w 1173"/>
                <a:gd name="T93" fmla="*/ 338 h 1183"/>
                <a:gd name="T94" fmla="*/ 1103 w 1173"/>
                <a:gd name="T95" fmla="*/ 311 h 1183"/>
                <a:gd name="T96" fmla="*/ 1069 w 1173"/>
                <a:gd name="T97" fmla="*/ 258 h 1183"/>
                <a:gd name="T98" fmla="*/ 1028 w 1173"/>
                <a:gd name="T99" fmla="*/ 209 h 1183"/>
                <a:gd name="T100" fmla="*/ 981 w 1173"/>
                <a:gd name="T101" fmla="*/ 162 h 1183"/>
                <a:gd name="T102" fmla="*/ 929 w 1173"/>
                <a:gd name="T103" fmla="*/ 120 h 1183"/>
                <a:gd name="T104" fmla="*/ 873 w 1173"/>
                <a:gd name="T105" fmla="*/ 84 h 1183"/>
                <a:gd name="T106" fmla="*/ 814 w 1173"/>
                <a:gd name="T107" fmla="*/ 53 h 1183"/>
                <a:gd name="T108" fmla="*/ 753 w 1173"/>
                <a:gd name="T109" fmla="*/ 28 h 1183"/>
                <a:gd name="T110" fmla="*/ 722 w 1173"/>
                <a:gd name="T111" fmla="*/ 19 h 1183"/>
                <a:gd name="T112" fmla="*/ 684 w 1173"/>
                <a:gd name="T113" fmla="*/ 10 h 1183"/>
                <a:gd name="T114" fmla="*/ 619 w 1173"/>
                <a:gd name="T115" fmla="*/ 0 h 1183"/>
                <a:gd name="T116" fmla="*/ 558 w 1173"/>
                <a:gd name="T117" fmla="*/ 0 h 1183"/>
                <a:gd name="T118" fmla="*/ 490 w 1173"/>
                <a:gd name="T119" fmla="*/ 10 h 1183"/>
                <a:gd name="T120" fmla="*/ 450 w 1173"/>
                <a:gd name="T121" fmla="*/ 19 h 11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173" h="1183">
                  <a:moveTo>
                    <a:pt x="450" y="19"/>
                  </a:moveTo>
                  <a:lnTo>
                    <a:pt x="415" y="28"/>
                  </a:lnTo>
                  <a:lnTo>
                    <a:pt x="349" y="51"/>
                  </a:lnTo>
                  <a:lnTo>
                    <a:pt x="290" y="78"/>
                  </a:lnTo>
                  <a:lnTo>
                    <a:pt x="236" y="110"/>
                  </a:lnTo>
                  <a:lnTo>
                    <a:pt x="187" y="148"/>
                  </a:lnTo>
                  <a:lnTo>
                    <a:pt x="144" y="191"/>
                  </a:lnTo>
                  <a:lnTo>
                    <a:pt x="105" y="240"/>
                  </a:lnTo>
                  <a:lnTo>
                    <a:pt x="71" y="296"/>
                  </a:lnTo>
                  <a:lnTo>
                    <a:pt x="55" y="326"/>
                  </a:lnTo>
                  <a:lnTo>
                    <a:pt x="37" y="362"/>
                  </a:lnTo>
                  <a:lnTo>
                    <a:pt x="15" y="418"/>
                  </a:lnTo>
                  <a:lnTo>
                    <a:pt x="4" y="474"/>
                  </a:lnTo>
                  <a:lnTo>
                    <a:pt x="0" y="550"/>
                  </a:lnTo>
                  <a:lnTo>
                    <a:pt x="0" y="604"/>
                  </a:lnTo>
                  <a:lnTo>
                    <a:pt x="1" y="658"/>
                  </a:lnTo>
                  <a:lnTo>
                    <a:pt x="5" y="733"/>
                  </a:lnTo>
                  <a:lnTo>
                    <a:pt x="16" y="787"/>
                  </a:lnTo>
                  <a:lnTo>
                    <a:pt x="37" y="840"/>
                  </a:lnTo>
                  <a:lnTo>
                    <a:pt x="54" y="873"/>
                  </a:lnTo>
                  <a:lnTo>
                    <a:pt x="74" y="910"/>
                  </a:lnTo>
                  <a:lnTo>
                    <a:pt x="121" y="977"/>
                  </a:lnTo>
                  <a:lnTo>
                    <a:pt x="174" y="1035"/>
                  </a:lnTo>
                  <a:lnTo>
                    <a:pt x="235" y="1084"/>
                  </a:lnTo>
                  <a:lnTo>
                    <a:pt x="301" y="1123"/>
                  </a:lnTo>
                  <a:lnTo>
                    <a:pt x="375" y="1152"/>
                  </a:lnTo>
                  <a:lnTo>
                    <a:pt x="454" y="1172"/>
                  </a:lnTo>
                  <a:lnTo>
                    <a:pt x="539" y="1182"/>
                  </a:lnTo>
                  <a:lnTo>
                    <a:pt x="584" y="1183"/>
                  </a:lnTo>
                  <a:lnTo>
                    <a:pt x="614" y="1183"/>
                  </a:lnTo>
                  <a:lnTo>
                    <a:pt x="671" y="1178"/>
                  </a:lnTo>
                  <a:lnTo>
                    <a:pt x="726" y="1169"/>
                  </a:lnTo>
                  <a:lnTo>
                    <a:pt x="777" y="1155"/>
                  </a:lnTo>
                  <a:lnTo>
                    <a:pt x="826" y="1136"/>
                  </a:lnTo>
                  <a:lnTo>
                    <a:pt x="874" y="1111"/>
                  </a:lnTo>
                  <a:lnTo>
                    <a:pt x="920" y="1080"/>
                  </a:lnTo>
                  <a:lnTo>
                    <a:pt x="966" y="1043"/>
                  </a:lnTo>
                  <a:lnTo>
                    <a:pt x="989" y="1023"/>
                  </a:lnTo>
                  <a:lnTo>
                    <a:pt x="1022" y="990"/>
                  </a:lnTo>
                  <a:lnTo>
                    <a:pt x="1078" y="916"/>
                  </a:lnTo>
                  <a:lnTo>
                    <a:pt x="1122" y="834"/>
                  </a:lnTo>
                  <a:lnTo>
                    <a:pt x="1153" y="747"/>
                  </a:lnTo>
                  <a:lnTo>
                    <a:pt x="1170" y="656"/>
                  </a:lnTo>
                  <a:lnTo>
                    <a:pt x="1173" y="564"/>
                  </a:lnTo>
                  <a:lnTo>
                    <a:pt x="1162" y="471"/>
                  </a:lnTo>
                  <a:lnTo>
                    <a:pt x="1136" y="381"/>
                  </a:lnTo>
                  <a:lnTo>
                    <a:pt x="1117" y="338"/>
                  </a:lnTo>
                  <a:lnTo>
                    <a:pt x="1103" y="311"/>
                  </a:lnTo>
                  <a:lnTo>
                    <a:pt x="1069" y="258"/>
                  </a:lnTo>
                  <a:lnTo>
                    <a:pt x="1028" y="209"/>
                  </a:lnTo>
                  <a:lnTo>
                    <a:pt x="981" y="162"/>
                  </a:lnTo>
                  <a:lnTo>
                    <a:pt x="929" y="120"/>
                  </a:lnTo>
                  <a:lnTo>
                    <a:pt x="873" y="84"/>
                  </a:lnTo>
                  <a:lnTo>
                    <a:pt x="814" y="53"/>
                  </a:lnTo>
                  <a:lnTo>
                    <a:pt x="753" y="28"/>
                  </a:lnTo>
                  <a:lnTo>
                    <a:pt x="722" y="19"/>
                  </a:lnTo>
                  <a:lnTo>
                    <a:pt x="684" y="10"/>
                  </a:lnTo>
                  <a:lnTo>
                    <a:pt x="619" y="0"/>
                  </a:lnTo>
                  <a:lnTo>
                    <a:pt x="558" y="0"/>
                  </a:lnTo>
                  <a:lnTo>
                    <a:pt x="490" y="10"/>
                  </a:lnTo>
                  <a:lnTo>
                    <a:pt x="450" y="19"/>
                  </a:lnTo>
                  <a:close/>
                </a:path>
              </a:pathLst>
            </a:custGeom>
            <a:solidFill>
              <a:schemeClr val="bg2">
                <a:lumMod val="7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347" name="Freeform 8"/>
            <p:cNvSpPr>
              <a:spLocks/>
            </p:cNvSpPr>
            <p:nvPr/>
          </p:nvSpPr>
          <p:spPr bwMode="auto">
            <a:xfrm>
              <a:off x="20872792" y="1924906"/>
              <a:ext cx="16809" cy="16841"/>
            </a:xfrm>
            <a:custGeom>
              <a:avLst/>
              <a:gdLst>
                <a:gd name="T0" fmla="*/ 403 w 1165"/>
                <a:gd name="T1" fmla="*/ 27 h 1182"/>
                <a:gd name="T2" fmla="*/ 370 w 1165"/>
                <a:gd name="T3" fmla="*/ 38 h 1182"/>
                <a:gd name="T4" fmla="*/ 310 w 1165"/>
                <a:gd name="T5" fmla="*/ 63 h 1182"/>
                <a:gd name="T6" fmla="*/ 256 w 1165"/>
                <a:gd name="T7" fmla="*/ 92 h 1182"/>
                <a:gd name="T8" fmla="*/ 207 w 1165"/>
                <a:gd name="T9" fmla="*/ 126 h 1182"/>
                <a:gd name="T10" fmla="*/ 163 w 1165"/>
                <a:gd name="T11" fmla="*/ 164 h 1182"/>
                <a:gd name="T12" fmla="*/ 124 w 1165"/>
                <a:gd name="T13" fmla="*/ 208 h 1182"/>
                <a:gd name="T14" fmla="*/ 89 w 1165"/>
                <a:gd name="T15" fmla="*/ 257 h 1182"/>
                <a:gd name="T16" fmla="*/ 58 w 1165"/>
                <a:gd name="T17" fmla="*/ 313 h 1182"/>
                <a:gd name="T18" fmla="*/ 43 w 1165"/>
                <a:gd name="T19" fmla="*/ 343 h 1182"/>
                <a:gd name="T20" fmla="*/ 32 w 1165"/>
                <a:gd name="T21" fmla="*/ 371 h 1182"/>
                <a:gd name="T22" fmla="*/ 15 w 1165"/>
                <a:gd name="T23" fmla="*/ 420 h 1182"/>
                <a:gd name="T24" fmla="*/ 5 w 1165"/>
                <a:gd name="T25" fmla="*/ 473 h 1182"/>
                <a:gd name="T26" fmla="*/ 1 w 1165"/>
                <a:gd name="T27" fmla="*/ 537 h 1182"/>
                <a:gd name="T28" fmla="*/ 0 w 1165"/>
                <a:gd name="T29" fmla="*/ 578 h 1182"/>
                <a:gd name="T30" fmla="*/ 1 w 1165"/>
                <a:gd name="T31" fmla="*/ 636 h 1182"/>
                <a:gd name="T32" fmla="*/ 10 w 1165"/>
                <a:gd name="T33" fmla="*/ 732 h 1182"/>
                <a:gd name="T34" fmla="*/ 33 w 1165"/>
                <a:gd name="T35" fmla="*/ 814 h 1182"/>
                <a:gd name="T36" fmla="*/ 73 w 1165"/>
                <a:gd name="T37" fmla="*/ 895 h 1182"/>
                <a:gd name="T38" fmla="*/ 102 w 1165"/>
                <a:gd name="T39" fmla="*/ 940 h 1182"/>
                <a:gd name="T40" fmla="*/ 129 w 1165"/>
                <a:gd name="T41" fmla="*/ 978 h 1182"/>
                <a:gd name="T42" fmla="*/ 195 w 1165"/>
                <a:gd name="T43" fmla="*/ 1044 h 1182"/>
                <a:gd name="T44" fmla="*/ 273 w 1165"/>
                <a:gd name="T45" fmla="*/ 1099 h 1182"/>
                <a:gd name="T46" fmla="*/ 361 w 1165"/>
                <a:gd name="T47" fmla="*/ 1141 h 1182"/>
                <a:gd name="T48" fmla="*/ 455 w 1165"/>
                <a:gd name="T49" fmla="*/ 1169 h 1182"/>
                <a:gd name="T50" fmla="*/ 553 w 1165"/>
                <a:gd name="T51" fmla="*/ 1182 h 1182"/>
                <a:gd name="T52" fmla="*/ 651 w 1165"/>
                <a:gd name="T53" fmla="*/ 1181 h 1182"/>
                <a:gd name="T54" fmla="*/ 747 w 1165"/>
                <a:gd name="T55" fmla="*/ 1163 h 1182"/>
                <a:gd name="T56" fmla="*/ 793 w 1165"/>
                <a:gd name="T57" fmla="*/ 1147 h 1182"/>
                <a:gd name="T58" fmla="*/ 817 w 1165"/>
                <a:gd name="T59" fmla="*/ 1137 h 1182"/>
                <a:gd name="T60" fmla="*/ 865 w 1165"/>
                <a:gd name="T61" fmla="*/ 1112 h 1182"/>
                <a:gd name="T62" fmla="*/ 912 w 1165"/>
                <a:gd name="T63" fmla="*/ 1082 h 1182"/>
                <a:gd name="T64" fmla="*/ 957 w 1165"/>
                <a:gd name="T65" fmla="*/ 1046 h 1182"/>
                <a:gd name="T66" fmla="*/ 1000 w 1165"/>
                <a:gd name="T67" fmla="*/ 1007 h 1182"/>
                <a:gd name="T68" fmla="*/ 1039 w 1165"/>
                <a:gd name="T69" fmla="*/ 965 h 1182"/>
                <a:gd name="T70" fmla="*/ 1073 w 1165"/>
                <a:gd name="T71" fmla="*/ 920 h 1182"/>
                <a:gd name="T72" fmla="*/ 1103 w 1165"/>
                <a:gd name="T73" fmla="*/ 873 h 1182"/>
                <a:gd name="T74" fmla="*/ 1115 w 1165"/>
                <a:gd name="T75" fmla="*/ 850 h 1182"/>
                <a:gd name="T76" fmla="*/ 1131 w 1165"/>
                <a:gd name="T77" fmla="*/ 819 h 1182"/>
                <a:gd name="T78" fmla="*/ 1151 w 1165"/>
                <a:gd name="T79" fmla="*/ 768 h 1182"/>
                <a:gd name="T80" fmla="*/ 1161 w 1165"/>
                <a:gd name="T81" fmla="*/ 714 h 1182"/>
                <a:gd name="T82" fmla="*/ 1165 w 1165"/>
                <a:gd name="T83" fmla="*/ 640 h 1182"/>
                <a:gd name="T84" fmla="*/ 1165 w 1165"/>
                <a:gd name="T85" fmla="*/ 587 h 1182"/>
                <a:gd name="T86" fmla="*/ 1164 w 1165"/>
                <a:gd name="T87" fmla="*/ 523 h 1182"/>
                <a:gd name="T88" fmla="*/ 1157 w 1165"/>
                <a:gd name="T89" fmla="*/ 446 h 1182"/>
                <a:gd name="T90" fmla="*/ 1148 w 1165"/>
                <a:gd name="T91" fmla="*/ 402 h 1182"/>
                <a:gd name="T92" fmla="*/ 1134 w 1165"/>
                <a:gd name="T93" fmla="*/ 360 h 1182"/>
                <a:gd name="T94" fmla="*/ 1114 w 1165"/>
                <a:gd name="T95" fmla="*/ 320 h 1182"/>
                <a:gd name="T96" fmla="*/ 1075 w 1165"/>
                <a:gd name="T97" fmla="*/ 258 h 1182"/>
                <a:gd name="T98" fmla="*/ 1038 w 1165"/>
                <a:gd name="T99" fmla="*/ 210 h 1182"/>
                <a:gd name="T100" fmla="*/ 1011 w 1165"/>
                <a:gd name="T101" fmla="*/ 177 h 1182"/>
                <a:gd name="T102" fmla="*/ 947 w 1165"/>
                <a:gd name="T103" fmla="*/ 120 h 1182"/>
                <a:gd name="T104" fmla="*/ 875 w 1165"/>
                <a:gd name="T105" fmla="*/ 72 h 1182"/>
                <a:gd name="T106" fmla="*/ 796 w 1165"/>
                <a:gd name="T107" fmla="*/ 37 h 1182"/>
                <a:gd name="T108" fmla="*/ 712 w 1165"/>
                <a:gd name="T109" fmla="*/ 12 h 1182"/>
                <a:gd name="T110" fmla="*/ 624 w 1165"/>
                <a:gd name="T111" fmla="*/ 0 h 1182"/>
                <a:gd name="T112" fmla="*/ 535 w 1165"/>
                <a:gd name="T113" fmla="*/ 0 h 1182"/>
                <a:gd name="T114" fmla="*/ 447 w 1165"/>
                <a:gd name="T115" fmla="*/ 14 h 1182"/>
                <a:gd name="T116" fmla="*/ 403 w 1165"/>
                <a:gd name="T117" fmla="*/ 27 h 1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165" h="1182">
                  <a:moveTo>
                    <a:pt x="403" y="27"/>
                  </a:moveTo>
                  <a:lnTo>
                    <a:pt x="370" y="38"/>
                  </a:lnTo>
                  <a:lnTo>
                    <a:pt x="310" y="63"/>
                  </a:lnTo>
                  <a:lnTo>
                    <a:pt x="256" y="92"/>
                  </a:lnTo>
                  <a:lnTo>
                    <a:pt x="207" y="126"/>
                  </a:lnTo>
                  <a:lnTo>
                    <a:pt x="163" y="164"/>
                  </a:lnTo>
                  <a:lnTo>
                    <a:pt x="124" y="208"/>
                  </a:lnTo>
                  <a:lnTo>
                    <a:pt x="89" y="257"/>
                  </a:lnTo>
                  <a:lnTo>
                    <a:pt x="58" y="313"/>
                  </a:lnTo>
                  <a:lnTo>
                    <a:pt x="43" y="343"/>
                  </a:lnTo>
                  <a:lnTo>
                    <a:pt x="32" y="371"/>
                  </a:lnTo>
                  <a:lnTo>
                    <a:pt x="15" y="420"/>
                  </a:lnTo>
                  <a:lnTo>
                    <a:pt x="5" y="473"/>
                  </a:lnTo>
                  <a:lnTo>
                    <a:pt x="1" y="537"/>
                  </a:lnTo>
                  <a:lnTo>
                    <a:pt x="0" y="578"/>
                  </a:lnTo>
                  <a:lnTo>
                    <a:pt x="1" y="636"/>
                  </a:lnTo>
                  <a:lnTo>
                    <a:pt x="10" y="732"/>
                  </a:lnTo>
                  <a:lnTo>
                    <a:pt x="33" y="814"/>
                  </a:lnTo>
                  <a:lnTo>
                    <a:pt x="73" y="895"/>
                  </a:lnTo>
                  <a:lnTo>
                    <a:pt x="102" y="940"/>
                  </a:lnTo>
                  <a:lnTo>
                    <a:pt x="129" y="978"/>
                  </a:lnTo>
                  <a:lnTo>
                    <a:pt x="195" y="1044"/>
                  </a:lnTo>
                  <a:lnTo>
                    <a:pt x="273" y="1099"/>
                  </a:lnTo>
                  <a:lnTo>
                    <a:pt x="361" y="1141"/>
                  </a:lnTo>
                  <a:lnTo>
                    <a:pt x="455" y="1169"/>
                  </a:lnTo>
                  <a:lnTo>
                    <a:pt x="553" y="1182"/>
                  </a:lnTo>
                  <a:lnTo>
                    <a:pt x="651" y="1181"/>
                  </a:lnTo>
                  <a:lnTo>
                    <a:pt x="747" y="1163"/>
                  </a:lnTo>
                  <a:lnTo>
                    <a:pt x="793" y="1147"/>
                  </a:lnTo>
                  <a:lnTo>
                    <a:pt x="817" y="1137"/>
                  </a:lnTo>
                  <a:lnTo>
                    <a:pt x="865" y="1112"/>
                  </a:lnTo>
                  <a:lnTo>
                    <a:pt x="912" y="1082"/>
                  </a:lnTo>
                  <a:lnTo>
                    <a:pt x="957" y="1046"/>
                  </a:lnTo>
                  <a:lnTo>
                    <a:pt x="1000" y="1007"/>
                  </a:lnTo>
                  <a:lnTo>
                    <a:pt x="1039" y="965"/>
                  </a:lnTo>
                  <a:lnTo>
                    <a:pt x="1073" y="920"/>
                  </a:lnTo>
                  <a:lnTo>
                    <a:pt x="1103" y="873"/>
                  </a:lnTo>
                  <a:lnTo>
                    <a:pt x="1115" y="850"/>
                  </a:lnTo>
                  <a:lnTo>
                    <a:pt x="1131" y="819"/>
                  </a:lnTo>
                  <a:lnTo>
                    <a:pt x="1151" y="768"/>
                  </a:lnTo>
                  <a:lnTo>
                    <a:pt x="1161" y="714"/>
                  </a:lnTo>
                  <a:lnTo>
                    <a:pt x="1165" y="640"/>
                  </a:lnTo>
                  <a:lnTo>
                    <a:pt x="1165" y="587"/>
                  </a:lnTo>
                  <a:lnTo>
                    <a:pt x="1164" y="523"/>
                  </a:lnTo>
                  <a:lnTo>
                    <a:pt x="1157" y="446"/>
                  </a:lnTo>
                  <a:lnTo>
                    <a:pt x="1148" y="402"/>
                  </a:lnTo>
                  <a:lnTo>
                    <a:pt x="1134" y="360"/>
                  </a:lnTo>
                  <a:lnTo>
                    <a:pt x="1114" y="320"/>
                  </a:lnTo>
                  <a:lnTo>
                    <a:pt x="1075" y="258"/>
                  </a:lnTo>
                  <a:lnTo>
                    <a:pt x="1038" y="210"/>
                  </a:lnTo>
                  <a:lnTo>
                    <a:pt x="1011" y="177"/>
                  </a:lnTo>
                  <a:lnTo>
                    <a:pt x="947" y="120"/>
                  </a:lnTo>
                  <a:lnTo>
                    <a:pt x="875" y="72"/>
                  </a:lnTo>
                  <a:lnTo>
                    <a:pt x="796" y="37"/>
                  </a:lnTo>
                  <a:lnTo>
                    <a:pt x="712" y="12"/>
                  </a:lnTo>
                  <a:lnTo>
                    <a:pt x="624" y="0"/>
                  </a:lnTo>
                  <a:lnTo>
                    <a:pt x="535" y="0"/>
                  </a:lnTo>
                  <a:lnTo>
                    <a:pt x="447" y="14"/>
                  </a:lnTo>
                  <a:lnTo>
                    <a:pt x="403" y="27"/>
                  </a:lnTo>
                  <a:close/>
                </a:path>
              </a:pathLst>
            </a:custGeom>
            <a:solidFill>
              <a:schemeClr val="bg2">
                <a:lumMod val="7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339" name="Freeform 5"/>
            <p:cNvSpPr>
              <a:spLocks/>
            </p:cNvSpPr>
            <p:nvPr/>
          </p:nvSpPr>
          <p:spPr bwMode="auto">
            <a:xfrm>
              <a:off x="19968314" y="2345949"/>
              <a:ext cx="251052" cy="256112"/>
            </a:xfrm>
            <a:custGeom>
              <a:avLst/>
              <a:gdLst>
                <a:gd name="T0" fmla="*/ 6745 w 17426"/>
                <a:gd name="T1" fmla="*/ 69 h 17994"/>
                <a:gd name="T2" fmla="*/ 4827 w 17426"/>
                <a:gd name="T3" fmla="*/ 564 h 17994"/>
                <a:gd name="T4" fmla="*/ 2990 w 17426"/>
                <a:gd name="T5" fmla="*/ 1624 h 17994"/>
                <a:gd name="T6" fmla="*/ 1316 w 17426"/>
                <a:gd name="T7" fmla="*/ 3448 h 17994"/>
                <a:gd name="T8" fmla="*/ 585 w 17426"/>
                <a:gd name="T9" fmla="*/ 4819 h 17994"/>
                <a:gd name="T10" fmla="*/ 4557 w 17426"/>
                <a:gd name="T11" fmla="*/ 4164 h 17994"/>
                <a:gd name="T12" fmla="*/ 6409 w 17426"/>
                <a:gd name="T13" fmla="*/ 3625 h 17994"/>
                <a:gd name="T14" fmla="*/ 7054 w 17426"/>
                <a:gd name="T15" fmla="*/ 2988 h 17994"/>
                <a:gd name="T16" fmla="*/ 7951 w 17426"/>
                <a:gd name="T17" fmla="*/ 2803 h 17994"/>
                <a:gd name="T18" fmla="*/ 8821 w 17426"/>
                <a:gd name="T19" fmla="*/ 3096 h 17994"/>
                <a:gd name="T20" fmla="*/ 9397 w 17426"/>
                <a:gd name="T21" fmla="*/ 3816 h 17994"/>
                <a:gd name="T22" fmla="*/ 9445 w 17426"/>
                <a:gd name="T23" fmla="*/ 4944 h 17994"/>
                <a:gd name="T24" fmla="*/ 8772 w 17426"/>
                <a:gd name="T25" fmla="*/ 5838 h 17994"/>
                <a:gd name="T26" fmla="*/ 7725 w 17426"/>
                <a:gd name="T27" fmla="*/ 6106 h 17994"/>
                <a:gd name="T28" fmla="*/ 6897 w 17426"/>
                <a:gd name="T29" fmla="*/ 5815 h 17994"/>
                <a:gd name="T30" fmla="*/ 6334 w 17426"/>
                <a:gd name="T31" fmla="*/ 5122 h 17994"/>
                <a:gd name="T32" fmla="*/ 4724 w 17426"/>
                <a:gd name="T33" fmla="*/ 5506 h 17994"/>
                <a:gd name="T34" fmla="*/ 150 w 17426"/>
                <a:gd name="T35" fmla="*/ 6197 h 17994"/>
                <a:gd name="T36" fmla="*/ 758 w 17426"/>
                <a:gd name="T37" fmla="*/ 7304 h 17994"/>
                <a:gd name="T38" fmla="*/ 9747 w 17426"/>
                <a:gd name="T39" fmla="*/ 7136 h 17994"/>
                <a:gd name="T40" fmla="*/ 10489 w 17426"/>
                <a:gd name="T41" fmla="*/ 6361 h 17994"/>
                <a:gd name="T42" fmla="*/ 11378 w 17426"/>
                <a:gd name="T43" fmla="*/ 6192 h 17994"/>
                <a:gd name="T44" fmla="*/ 12212 w 17426"/>
                <a:gd name="T45" fmla="*/ 6482 h 17994"/>
                <a:gd name="T46" fmla="*/ 12752 w 17426"/>
                <a:gd name="T47" fmla="*/ 7119 h 17994"/>
                <a:gd name="T48" fmla="*/ 12896 w 17426"/>
                <a:gd name="T49" fmla="*/ 8046 h 17994"/>
                <a:gd name="T50" fmla="*/ 12491 w 17426"/>
                <a:gd name="T51" fmla="*/ 8960 h 17994"/>
                <a:gd name="T52" fmla="*/ 11502 w 17426"/>
                <a:gd name="T53" fmla="*/ 9482 h 17994"/>
                <a:gd name="T54" fmla="*/ 10572 w 17426"/>
                <a:gd name="T55" fmla="*/ 9365 h 17994"/>
                <a:gd name="T56" fmla="*/ 9905 w 17426"/>
                <a:gd name="T57" fmla="*/ 8830 h 17994"/>
                <a:gd name="T58" fmla="*/ 8799 w 17426"/>
                <a:gd name="T59" fmla="*/ 8385 h 17994"/>
                <a:gd name="T60" fmla="*/ 23 w 17426"/>
                <a:gd name="T61" fmla="*/ 8687 h 17994"/>
                <a:gd name="T62" fmla="*/ 4234 w 17426"/>
                <a:gd name="T63" fmla="*/ 9710 h 17994"/>
                <a:gd name="T64" fmla="*/ 6372 w 17426"/>
                <a:gd name="T65" fmla="*/ 10494 h 17994"/>
                <a:gd name="T66" fmla="*/ 6876 w 17426"/>
                <a:gd name="T67" fmla="*/ 9887 h 17994"/>
                <a:gd name="T68" fmla="*/ 7563 w 17426"/>
                <a:gd name="T69" fmla="*/ 9602 h 17994"/>
                <a:gd name="T70" fmla="*/ 8490 w 17426"/>
                <a:gd name="T71" fmla="*/ 9709 h 17994"/>
                <a:gd name="T72" fmla="*/ 9195 w 17426"/>
                <a:gd name="T73" fmla="*/ 10247 h 17994"/>
                <a:gd name="T74" fmla="*/ 9502 w 17426"/>
                <a:gd name="T75" fmla="*/ 11021 h 17994"/>
                <a:gd name="T76" fmla="*/ 9284 w 17426"/>
                <a:gd name="T77" fmla="*/ 12099 h 17994"/>
                <a:gd name="T78" fmla="*/ 8690 w 17426"/>
                <a:gd name="T79" fmla="*/ 12677 h 17994"/>
                <a:gd name="T80" fmla="*/ 7837 w 17426"/>
                <a:gd name="T81" fmla="*/ 12894 h 17994"/>
                <a:gd name="T82" fmla="*/ 6917 w 17426"/>
                <a:gd name="T83" fmla="*/ 12623 h 17994"/>
                <a:gd name="T84" fmla="*/ 6270 w 17426"/>
                <a:gd name="T85" fmla="*/ 11779 h 17994"/>
                <a:gd name="T86" fmla="*/ 4700 w 17426"/>
                <a:gd name="T87" fmla="*/ 11650 h 17994"/>
                <a:gd name="T88" fmla="*/ 497 w 17426"/>
                <a:gd name="T89" fmla="*/ 10664 h 17994"/>
                <a:gd name="T90" fmla="*/ 553 w 17426"/>
                <a:gd name="T91" fmla="*/ 10811 h 17994"/>
                <a:gd name="T92" fmla="*/ 1342 w 17426"/>
                <a:gd name="T93" fmla="*/ 12277 h 17994"/>
                <a:gd name="T94" fmla="*/ 1728 w 17426"/>
                <a:gd name="T95" fmla="*/ 17221 h 17994"/>
                <a:gd name="T96" fmla="*/ 1752 w 17426"/>
                <a:gd name="T97" fmla="*/ 17735 h 17994"/>
                <a:gd name="T98" fmla="*/ 9756 w 17426"/>
                <a:gd name="T99" fmla="*/ 17942 h 17994"/>
                <a:gd name="T100" fmla="*/ 10505 w 17426"/>
                <a:gd name="T101" fmla="*/ 15802 h 17994"/>
                <a:gd name="T102" fmla="*/ 12639 w 17426"/>
                <a:gd name="T103" fmla="*/ 16087 h 17994"/>
                <a:gd name="T104" fmla="*/ 14011 w 17426"/>
                <a:gd name="T105" fmla="*/ 16278 h 17994"/>
                <a:gd name="T106" fmla="*/ 14526 w 17426"/>
                <a:gd name="T107" fmla="*/ 16032 h 17994"/>
                <a:gd name="T108" fmla="*/ 15682 w 17426"/>
                <a:gd name="T109" fmla="*/ 11564 h 17994"/>
                <a:gd name="T110" fmla="*/ 17369 w 17426"/>
                <a:gd name="T111" fmla="*/ 10344 h 17994"/>
                <a:gd name="T112" fmla="*/ 16519 w 17426"/>
                <a:gd name="T113" fmla="*/ 8719 h 17994"/>
                <a:gd name="T114" fmla="*/ 15391 w 17426"/>
                <a:gd name="T115" fmla="*/ 5552 h 17994"/>
                <a:gd name="T116" fmla="*/ 14709 w 17426"/>
                <a:gd name="T117" fmla="*/ 3924 h 17994"/>
                <a:gd name="T118" fmla="*/ 13085 w 17426"/>
                <a:gd name="T119" fmla="*/ 1943 h 17994"/>
                <a:gd name="T120" fmla="*/ 11116 w 17426"/>
                <a:gd name="T121" fmla="*/ 699 h 17994"/>
                <a:gd name="T122" fmla="*/ 9932 w 17426"/>
                <a:gd name="T123" fmla="*/ 286 h 17994"/>
                <a:gd name="T124" fmla="*/ 8279 w 17426"/>
                <a:gd name="T125" fmla="*/ 11 h 179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7426" h="17994">
                  <a:moveTo>
                    <a:pt x="7337" y="9"/>
                  </a:moveTo>
                  <a:lnTo>
                    <a:pt x="7317" y="14"/>
                  </a:lnTo>
                  <a:lnTo>
                    <a:pt x="7230" y="24"/>
                  </a:lnTo>
                  <a:lnTo>
                    <a:pt x="7179" y="26"/>
                  </a:lnTo>
                  <a:lnTo>
                    <a:pt x="7123" y="28"/>
                  </a:lnTo>
                  <a:lnTo>
                    <a:pt x="6996" y="38"/>
                  </a:lnTo>
                  <a:lnTo>
                    <a:pt x="6945" y="44"/>
                  </a:lnTo>
                  <a:lnTo>
                    <a:pt x="6840" y="57"/>
                  </a:lnTo>
                  <a:lnTo>
                    <a:pt x="6745" y="69"/>
                  </a:lnTo>
                  <a:lnTo>
                    <a:pt x="6628" y="84"/>
                  </a:lnTo>
                  <a:lnTo>
                    <a:pt x="6284" y="140"/>
                  </a:lnTo>
                  <a:lnTo>
                    <a:pt x="6179" y="161"/>
                  </a:lnTo>
                  <a:lnTo>
                    <a:pt x="6036" y="193"/>
                  </a:lnTo>
                  <a:lnTo>
                    <a:pt x="5767" y="259"/>
                  </a:lnTo>
                  <a:lnTo>
                    <a:pt x="5515" y="328"/>
                  </a:lnTo>
                  <a:lnTo>
                    <a:pt x="5277" y="401"/>
                  </a:lnTo>
                  <a:lnTo>
                    <a:pt x="5049" y="479"/>
                  </a:lnTo>
                  <a:lnTo>
                    <a:pt x="4827" y="564"/>
                  </a:lnTo>
                  <a:lnTo>
                    <a:pt x="4609" y="656"/>
                  </a:lnTo>
                  <a:lnTo>
                    <a:pt x="4390" y="758"/>
                  </a:lnTo>
                  <a:lnTo>
                    <a:pt x="4279" y="812"/>
                  </a:lnTo>
                  <a:lnTo>
                    <a:pt x="4153" y="876"/>
                  </a:lnTo>
                  <a:lnTo>
                    <a:pt x="3908" y="1010"/>
                  </a:lnTo>
                  <a:lnTo>
                    <a:pt x="3669" y="1152"/>
                  </a:lnTo>
                  <a:lnTo>
                    <a:pt x="3436" y="1302"/>
                  </a:lnTo>
                  <a:lnTo>
                    <a:pt x="3210" y="1459"/>
                  </a:lnTo>
                  <a:lnTo>
                    <a:pt x="2990" y="1624"/>
                  </a:lnTo>
                  <a:lnTo>
                    <a:pt x="2777" y="1797"/>
                  </a:lnTo>
                  <a:lnTo>
                    <a:pt x="2571" y="1977"/>
                  </a:lnTo>
                  <a:lnTo>
                    <a:pt x="2371" y="2165"/>
                  </a:lnTo>
                  <a:lnTo>
                    <a:pt x="2178" y="2360"/>
                  </a:lnTo>
                  <a:lnTo>
                    <a:pt x="1992" y="2563"/>
                  </a:lnTo>
                  <a:lnTo>
                    <a:pt x="1813" y="2773"/>
                  </a:lnTo>
                  <a:lnTo>
                    <a:pt x="1640" y="2991"/>
                  </a:lnTo>
                  <a:lnTo>
                    <a:pt x="1475" y="3216"/>
                  </a:lnTo>
                  <a:lnTo>
                    <a:pt x="1316" y="3448"/>
                  </a:lnTo>
                  <a:lnTo>
                    <a:pt x="1165" y="3688"/>
                  </a:lnTo>
                  <a:lnTo>
                    <a:pt x="1092" y="3811"/>
                  </a:lnTo>
                  <a:lnTo>
                    <a:pt x="1038" y="3905"/>
                  </a:lnTo>
                  <a:lnTo>
                    <a:pt x="905" y="4151"/>
                  </a:lnTo>
                  <a:lnTo>
                    <a:pt x="772" y="4410"/>
                  </a:lnTo>
                  <a:lnTo>
                    <a:pt x="671" y="4618"/>
                  </a:lnTo>
                  <a:lnTo>
                    <a:pt x="645" y="4677"/>
                  </a:lnTo>
                  <a:lnTo>
                    <a:pt x="619" y="4741"/>
                  </a:lnTo>
                  <a:lnTo>
                    <a:pt x="585" y="4819"/>
                  </a:lnTo>
                  <a:lnTo>
                    <a:pt x="517" y="4977"/>
                  </a:lnTo>
                  <a:lnTo>
                    <a:pt x="495" y="5037"/>
                  </a:lnTo>
                  <a:lnTo>
                    <a:pt x="585" y="5040"/>
                  </a:lnTo>
                  <a:lnTo>
                    <a:pt x="1447" y="5044"/>
                  </a:lnTo>
                  <a:lnTo>
                    <a:pt x="2082" y="5044"/>
                  </a:lnTo>
                  <a:lnTo>
                    <a:pt x="3669" y="5044"/>
                  </a:lnTo>
                  <a:lnTo>
                    <a:pt x="4187" y="4529"/>
                  </a:lnTo>
                  <a:lnTo>
                    <a:pt x="4342" y="4375"/>
                  </a:lnTo>
                  <a:lnTo>
                    <a:pt x="4557" y="4164"/>
                  </a:lnTo>
                  <a:lnTo>
                    <a:pt x="4690" y="4043"/>
                  </a:lnTo>
                  <a:lnTo>
                    <a:pt x="4772" y="3982"/>
                  </a:lnTo>
                  <a:lnTo>
                    <a:pt x="4804" y="3966"/>
                  </a:lnTo>
                  <a:lnTo>
                    <a:pt x="4904" y="3919"/>
                  </a:lnTo>
                  <a:lnTo>
                    <a:pt x="5589" y="3914"/>
                  </a:lnTo>
                  <a:lnTo>
                    <a:pt x="6272" y="3909"/>
                  </a:lnTo>
                  <a:lnTo>
                    <a:pt x="6335" y="3771"/>
                  </a:lnTo>
                  <a:lnTo>
                    <a:pt x="6358" y="3722"/>
                  </a:lnTo>
                  <a:lnTo>
                    <a:pt x="6409" y="3625"/>
                  </a:lnTo>
                  <a:lnTo>
                    <a:pt x="6467" y="3531"/>
                  </a:lnTo>
                  <a:lnTo>
                    <a:pt x="6531" y="3440"/>
                  </a:lnTo>
                  <a:lnTo>
                    <a:pt x="6599" y="3354"/>
                  </a:lnTo>
                  <a:lnTo>
                    <a:pt x="6672" y="3273"/>
                  </a:lnTo>
                  <a:lnTo>
                    <a:pt x="6749" y="3199"/>
                  </a:lnTo>
                  <a:lnTo>
                    <a:pt x="6828" y="3131"/>
                  </a:lnTo>
                  <a:lnTo>
                    <a:pt x="6869" y="3101"/>
                  </a:lnTo>
                  <a:lnTo>
                    <a:pt x="6922" y="3063"/>
                  </a:lnTo>
                  <a:lnTo>
                    <a:pt x="7054" y="2988"/>
                  </a:lnTo>
                  <a:lnTo>
                    <a:pt x="7200" y="2918"/>
                  </a:lnTo>
                  <a:lnTo>
                    <a:pt x="7346" y="2862"/>
                  </a:lnTo>
                  <a:lnTo>
                    <a:pt x="7412" y="2842"/>
                  </a:lnTo>
                  <a:lnTo>
                    <a:pt x="7456" y="2831"/>
                  </a:lnTo>
                  <a:lnTo>
                    <a:pt x="7534" y="2815"/>
                  </a:lnTo>
                  <a:lnTo>
                    <a:pt x="7624" y="2806"/>
                  </a:lnTo>
                  <a:lnTo>
                    <a:pt x="7745" y="2803"/>
                  </a:lnTo>
                  <a:lnTo>
                    <a:pt x="7829" y="2802"/>
                  </a:lnTo>
                  <a:lnTo>
                    <a:pt x="7951" y="2803"/>
                  </a:lnTo>
                  <a:lnTo>
                    <a:pt x="8100" y="2812"/>
                  </a:lnTo>
                  <a:lnTo>
                    <a:pt x="8189" y="2824"/>
                  </a:lnTo>
                  <a:lnTo>
                    <a:pt x="8273" y="2842"/>
                  </a:lnTo>
                  <a:lnTo>
                    <a:pt x="8356" y="2866"/>
                  </a:lnTo>
                  <a:lnTo>
                    <a:pt x="8489" y="2916"/>
                  </a:lnTo>
                  <a:lnTo>
                    <a:pt x="8592" y="2962"/>
                  </a:lnTo>
                  <a:lnTo>
                    <a:pt x="8638" y="2984"/>
                  </a:lnTo>
                  <a:lnTo>
                    <a:pt x="8731" y="3036"/>
                  </a:lnTo>
                  <a:lnTo>
                    <a:pt x="8821" y="3096"/>
                  </a:lnTo>
                  <a:lnTo>
                    <a:pt x="8910" y="3164"/>
                  </a:lnTo>
                  <a:lnTo>
                    <a:pt x="8995" y="3238"/>
                  </a:lnTo>
                  <a:lnTo>
                    <a:pt x="9075" y="3317"/>
                  </a:lnTo>
                  <a:lnTo>
                    <a:pt x="9149" y="3400"/>
                  </a:lnTo>
                  <a:lnTo>
                    <a:pt x="9217" y="3486"/>
                  </a:lnTo>
                  <a:lnTo>
                    <a:pt x="9247" y="3531"/>
                  </a:lnTo>
                  <a:lnTo>
                    <a:pt x="9282" y="3585"/>
                  </a:lnTo>
                  <a:lnTo>
                    <a:pt x="9344" y="3699"/>
                  </a:lnTo>
                  <a:lnTo>
                    <a:pt x="9397" y="3816"/>
                  </a:lnTo>
                  <a:lnTo>
                    <a:pt x="9440" y="3937"/>
                  </a:lnTo>
                  <a:lnTo>
                    <a:pt x="9474" y="4061"/>
                  </a:lnTo>
                  <a:lnTo>
                    <a:pt x="9498" y="4186"/>
                  </a:lnTo>
                  <a:lnTo>
                    <a:pt x="9513" y="4313"/>
                  </a:lnTo>
                  <a:lnTo>
                    <a:pt x="9518" y="4441"/>
                  </a:lnTo>
                  <a:lnTo>
                    <a:pt x="9514" y="4568"/>
                  </a:lnTo>
                  <a:lnTo>
                    <a:pt x="9500" y="4695"/>
                  </a:lnTo>
                  <a:lnTo>
                    <a:pt x="9477" y="4820"/>
                  </a:lnTo>
                  <a:lnTo>
                    <a:pt x="9445" y="4944"/>
                  </a:lnTo>
                  <a:lnTo>
                    <a:pt x="9403" y="5065"/>
                  </a:lnTo>
                  <a:lnTo>
                    <a:pt x="9352" y="5182"/>
                  </a:lnTo>
                  <a:lnTo>
                    <a:pt x="9292" y="5295"/>
                  </a:lnTo>
                  <a:lnTo>
                    <a:pt x="9222" y="5404"/>
                  </a:lnTo>
                  <a:lnTo>
                    <a:pt x="9184" y="5456"/>
                  </a:lnTo>
                  <a:lnTo>
                    <a:pt x="9133" y="5521"/>
                  </a:lnTo>
                  <a:lnTo>
                    <a:pt x="9023" y="5639"/>
                  </a:lnTo>
                  <a:lnTo>
                    <a:pt x="8902" y="5745"/>
                  </a:lnTo>
                  <a:lnTo>
                    <a:pt x="8772" y="5838"/>
                  </a:lnTo>
                  <a:lnTo>
                    <a:pt x="8631" y="5918"/>
                  </a:lnTo>
                  <a:lnTo>
                    <a:pt x="8481" y="5985"/>
                  </a:lnTo>
                  <a:lnTo>
                    <a:pt x="8321" y="6039"/>
                  </a:lnTo>
                  <a:lnTo>
                    <a:pt x="8151" y="6079"/>
                  </a:lnTo>
                  <a:lnTo>
                    <a:pt x="8062" y="6094"/>
                  </a:lnTo>
                  <a:lnTo>
                    <a:pt x="8015" y="6101"/>
                  </a:lnTo>
                  <a:lnTo>
                    <a:pt x="7919" y="6109"/>
                  </a:lnTo>
                  <a:lnTo>
                    <a:pt x="7822" y="6110"/>
                  </a:lnTo>
                  <a:lnTo>
                    <a:pt x="7725" y="6106"/>
                  </a:lnTo>
                  <a:lnTo>
                    <a:pt x="7627" y="6095"/>
                  </a:lnTo>
                  <a:lnTo>
                    <a:pt x="7530" y="6079"/>
                  </a:lnTo>
                  <a:lnTo>
                    <a:pt x="7434" y="6057"/>
                  </a:lnTo>
                  <a:lnTo>
                    <a:pt x="7339" y="6030"/>
                  </a:lnTo>
                  <a:lnTo>
                    <a:pt x="7245" y="5997"/>
                  </a:lnTo>
                  <a:lnTo>
                    <a:pt x="7154" y="5959"/>
                  </a:lnTo>
                  <a:lnTo>
                    <a:pt x="7065" y="5916"/>
                  </a:lnTo>
                  <a:lnTo>
                    <a:pt x="6979" y="5868"/>
                  </a:lnTo>
                  <a:lnTo>
                    <a:pt x="6897" y="5815"/>
                  </a:lnTo>
                  <a:lnTo>
                    <a:pt x="6818" y="5758"/>
                  </a:lnTo>
                  <a:lnTo>
                    <a:pt x="6744" y="5696"/>
                  </a:lnTo>
                  <a:lnTo>
                    <a:pt x="6675" y="5630"/>
                  </a:lnTo>
                  <a:lnTo>
                    <a:pt x="6642" y="5596"/>
                  </a:lnTo>
                  <a:lnTo>
                    <a:pt x="6599" y="5547"/>
                  </a:lnTo>
                  <a:lnTo>
                    <a:pt x="6509" y="5427"/>
                  </a:lnTo>
                  <a:lnTo>
                    <a:pt x="6425" y="5297"/>
                  </a:lnTo>
                  <a:lnTo>
                    <a:pt x="6356" y="5174"/>
                  </a:lnTo>
                  <a:lnTo>
                    <a:pt x="6334" y="5122"/>
                  </a:lnTo>
                  <a:lnTo>
                    <a:pt x="6317" y="5080"/>
                  </a:lnTo>
                  <a:lnTo>
                    <a:pt x="6282" y="5014"/>
                  </a:lnTo>
                  <a:lnTo>
                    <a:pt x="6270" y="5002"/>
                  </a:lnTo>
                  <a:lnTo>
                    <a:pt x="6260" y="4998"/>
                  </a:lnTo>
                  <a:lnTo>
                    <a:pt x="6185" y="4992"/>
                  </a:lnTo>
                  <a:lnTo>
                    <a:pt x="5970" y="4986"/>
                  </a:lnTo>
                  <a:lnTo>
                    <a:pt x="5747" y="4986"/>
                  </a:lnTo>
                  <a:lnTo>
                    <a:pt x="5245" y="4987"/>
                  </a:lnTo>
                  <a:lnTo>
                    <a:pt x="4724" y="5506"/>
                  </a:lnTo>
                  <a:lnTo>
                    <a:pt x="4581" y="5648"/>
                  </a:lnTo>
                  <a:lnTo>
                    <a:pt x="4369" y="5855"/>
                  </a:lnTo>
                  <a:lnTo>
                    <a:pt x="4230" y="5983"/>
                  </a:lnTo>
                  <a:lnTo>
                    <a:pt x="4146" y="6050"/>
                  </a:lnTo>
                  <a:lnTo>
                    <a:pt x="4120" y="6064"/>
                  </a:lnTo>
                  <a:lnTo>
                    <a:pt x="4037" y="6102"/>
                  </a:lnTo>
                  <a:lnTo>
                    <a:pt x="2104" y="6111"/>
                  </a:lnTo>
                  <a:lnTo>
                    <a:pt x="170" y="6119"/>
                  </a:lnTo>
                  <a:lnTo>
                    <a:pt x="150" y="6197"/>
                  </a:lnTo>
                  <a:lnTo>
                    <a:pt x="137" y="6253"/>
                  </a:lnTo>
                  <a:lnTo>
                    <a:pt x="109" y="6398"/>
                  </a:lnTo>
                  <a:lnTo>
                    <a:pt x="67" y="6658"/>
                  </a:lnTo>
                  <a:lnTo>
                    <a:pt x="21" y="7013"/>
                  </a:lnTo>
                  <a:lnTo>
                    <a:pt x="3" y="7210"/>
                  </a:lnTo>
                  <a:lnTo>
                    <a:pt x="3" y="7284"/>
                  </a:lnTo>
                  <a:lnTo>
                    <a:pt x="7" y="7296"/>
                  </a:lnTo>
                  <a:lnTo>
                    <a:pt x="71" y="7299"/>
                  </a:lnTo>
                  <a:lnTo>
                    <a:pt x="758" y="7304"/>
                  </a:lnTo>
                  <a:lnTo>
                    <a:pt x="2802" y="7308"/>
                  </a:lnTo>
                  <a:lnTo>
                    <a:pt x="4844" y="7307"/>
                  </a:lnTo>
                  <a:lnTo>
                    <a:pt x="7580" y="7304"/>
                  </a:lnTo>
                  <a:lnTo>
                    <a:pt x="9297" y="7295"/>
                  </a:lnTo>
                  <a:lnTo>
                    <a:pt x="9600" y="7288"/>
                  </a:lnTo>
                  <a:lnTo>
                    <a:pt x="9674" y="7281"/>
                  </a:lnTo>
                  <a:lnTo>
                    <a:pt x="9680" y="7277"/>
                  </a:lnTo>
                  <a:lnTo>
                    <a:pt x="9702" y="7232"/>
                  </a:lnTo>
                  <a:lnTo>
                    <a:pt x="9747" y="7136"/>
                  </a:lnTo>
                  <a:lnTo>
                    <a:pt x="9777" y="7072"/>
                  </a:lnTo>
                  <a:lnTo>
                    <a:pt x="9845" y="6952"/>
                  </a:lnTo>
                  <a:lnTo>
                    <a:pt x="9921" y="6839"/>
                  </a:lnTo>
                  <a:lnTo>
                    <a:pt x="10005" y="6734"/>
                  </a:lnTo>
                  <a:lnTo>
                    <a:pt x="10098" y="6636"/>
                  </a:lnTo>
                  <a:lnTo>
                    <a:pt x="10199" y="6547"/>
                  </a:lnTo>
                  <a:lnTo>
                    <a:pt x="10309" y="6466"/>
                  </a:lnTo>
                  <a:lnTo>
                    <a:pt x="10427" y="6394"/>
                  </a:lnTo>
                  <a:lnTo>
                    <a:pt x="10489" y="6361"/>
                  </a:lnTo>
                  <a:lnTo>
                    <a:pt x="10535" y="6337"/>
                  </a:lnTo>
                  <a:lnTo>
                    <a:pt x="10607" y="6303"/>
                  </a:lnTo>
                  <a:lnTo>
                    <a:pt x="10713" y="6266"/>
                  </a:lnTo>
                  <a:lnTo>
                    <a:pt x="10820" y="6237"/>
                  </a:lnTo>
                  <a:lnTo>
                    <a:pt x="10879" y="6223"/>
                  </a:lnTo>
                  <a:lnTo>
                    <a:pt x="10999" y="6201"/>
                  </a:lnTo>
                  <a:lnTo>
                    <a:pt x="11123" y="6188"/>
                  </a:lnTo>
                  <a:lnTo>
                    <a:pt x="11250" y="6185"/>
                  </a:lnTo>
                  <a:lnTo>
                    <a:pt x="11378" y="6192"/>
                  </a:lnTo>
                  <a:lnTo>
                    <a:pt x="11507" y="6207"/>
                  </a:lnTo>
                  <a:lnTo>
                    <a:pt x="11634" y="6232"/>
                  </a:lnTo>
                  <a:lnTo>
                    <a:pt x="11759" y="6265"/>
                  </a:lnTo>
                  <a:lnTo>
                    <a:pt x="11820" y="6286"/>
                  </a:lnTo>
                  <a:lnTo>
                    <a:pt x="11864" y="6302"/>
                  </a:lnTo>
                  <a:lnTo>
                    <a:pt x="11967" y="6348"/>
                  </a:lnTo>
                  <a:lnTo>
                    <a:pt x="12076" y="6402"/>
                  </a:lnTo>
                  <a:lnTo>
                    <a:pt x="12174" y="6458"/>
                  </a:lnTo>
                  <a:lnTo>
                    <a:pt x="12212" y="6482"/>
                  </a:lnTo>
                  <a:lnTo>
                    <a:pt x="12251" y="6510"/>
                  </a:lnTo>
                  <a:lnTo>
                    <a:pt x="12330" y="6575"/>
                  </a:lnTo>
                  <a:lnTo>
                    <a:pt x="12409" y="6649"/>
                  </a:lnTo>
                  <a:lnTo>
                    <a:pt x="12486" y="6730"/>
                  </a:lnTo>
                  <a:lnTo>
                    <a:pt x="12559" y="6816"/>
                  </a:lnTo>
                  <a:lnTo>
                    <a:pt x="12625" y="6903"/>
                  </a:lnTo>
                  <a:lnTo>
                    <a:pt x="12684" y="6992"/>
                  </a:lnTo>
                  <a:lnTo>
                    <a:pt x="12732" y="7078"/>
                  </a:lnTo>
                  <a:lnTo>
                    <a:pt x="12752" y="7119"/>
                  </a:lnTo>
                  <a:lnTo>
                    <a:pt x="12792" y="7211"/>
                  </a:lnTo>
                  <a:lnTo>
                    <a:pt x="12838" y="7339"/>
                  </a:lnTo>
                  <a:lnTo>
                    <a:pt x="12861" y="7422"/>
                  </a:lnTo>
                  <a:lnTo>
                    <a:pt x="12879" y="7507"/>
                  </a:lnTo>
                  <a:lnTo>
                    <a:pt x="12892" y="7595"/>
                  </a:lnTo>
                  <a:lnTo>
                    <a:pt x="12902" y="7737"/>
                  </a:lnTo>
                  <a:lnTo>
                    <a:pt x="12904" y="7844"/>
                  </a:lnTo>
                  <a:lnTo>
                    <a:pt x="12903" y="7914"/>
                  </a:lnTo>
                  <a:lnTo>
                    <a:pt x="12896" y="8046"/>
                  </a:lnTo>
                  <a:lnTo>
                    <a:pt x="12880" y="8169"/>
                  </a:lnTo>
                  <a:lnTo>
                    <a:pt x="12857" y="8286"/>
                  </a:lnTo>
                  <a:lnTo>
                    <a:pt x="12824" y="8398"/>
                  </a:lnTo>
                  <a:lnTo>
                    <a:pt x="12782" y="8507"/>
                  </a:lnTo>
                  <a:lnTo>
                    <a:pt x="12730" y="8615"/>
                  </a:lnTo>
                  <a:lnTo>
                    <a:pt x="12668" y="8723"/>
                  </a:lnTo>
                  <a:lnTo>
                    <a:pt x="12632" y="8777"/>
                  </a:lnTo>
                  <a:lnTo>
                    <a:pt x="12588" y="8841"/>
                  </a:lnTo>
                  <a:lnTo>
                    <a:pt x="12491" y="8960"/>
                  </a:lnTo>
                  <a:lnTo>
                    <a:pt x="12384" y="9067"/>
                  </a:lnTo>
                  <a:lnTo>
                    <a:pt x="12267" y="9164"/>
                  </a:lnTo>
                  <a:lnTo>
                    <a:pt x="12140" y="9250"/>
                  </a:lnTo>
                  <a:lnTo>
                    <a:pt x="12004" y="9324"/>
                  </a:lnTo>
                  <a:lnTo>
                    <a:pt x="11858" y="9387"/>
                  </a:lnTo>
                  <a:lnTo>
                    <a:pt x="11702" y="9439"/>
                  </a:lnTo>
                  <a:lnTo>
                    <a:pt x="11620" y="9461"/>
                  </a:lnTo>
                  <a:lnTo>
                    <a:pt x="11584" y="9469"/>
                  </a:lnTo>
                  <a:lnTo>
                    <a:pt x="11502" y="9482"/>
                  </a:lnTo>
                  <a:lnTo>
                    <a:pt x="11361" y="9495"/>
                  </a:lnTo>
                  <a:lnTo>
                    <a:pt x="11161" y="9498"/>
                  </a:lnTo>
                  <a:lnTo>
                    <a:pt x="11020" y="9489"/>
                  </a:lnTo>
                  <a:lnTo>
                    <a:pt x="10937" y="9478"/>
                  </a:lnTo>
                  <a:lnTo>
                    <a:pt x="10900" y="9471"/>
                  </a:lnTo>
                  <a:lnTo>
                    <a:pt x="10851" y="9460"/>
                  </a:lnTo>
                  <a:lnTo>
                    <a:pt x="10756" y="9433"/>
                  </a:lnTo>
                  <a:lnTo>
                    <a:pt x="10662" y="9402"/>
                  </a:lnTo>
                  <a:lnTo>
                    <a:pt x="10572" y="9365"/>
                  </a:lnTo>
                  <a:lnTo>
                    <a:pt x="10484" y="9324"/>
                  </a:lnTo>
                  <a:lnTo>
                    <a:pt x="10399" y="9277"/>
                  </a:lnTo>
                  <a:lnTo>
                    <a:pt x="10317" y="9226"/>
                  </a:lnTo>
                  <a:lnTo>
                    <a:pt x="10239" y="9170"/>
                  </a:lnTo>
                  <a:lnTo>
                    <a:pt x="10164" y="9110"/>
                  </a:lnTo>
                  <a:lnTo>
                    <a:pt x="10093" y="9046"/>
                  </a:lnTo>
                  <a:lnTo>
                    <a:pt x="10026" y="8978"/>
                  </a:lnTo>
                  <a:lnTo>
                    <a:pt x="9963" y="8906"/>
                  </a:lnTo>
                  <a:lnTo>
                    <a:pt x="9905" y="8830"/>
                  </a:lnTo>
                  <a:lnTo>
                    <a:pt x="9851" y="8750"/>
                  </a:lnTo>
                  <a:lnTo>
                    <a:pt x="9802" y="8667"/>
                  </a:lnTo>
                  <a:lnTo>
                    <a:pt x="9757" y="8580"/>
                  </a:lnTo>
                  <a:lnTo>
                    <a:pt x="9737" y="8536"/>
                  </a:lnTo>
                  <a:lnTo>
                    <a:pt x="9695" y="8440"/>
                  </a:lnTo>
                  <a:lnTo>
                    <a:pt x="9674" y="8397"/>
                  </a:lnTo>
                  <a:lnTo>
                    <a:pt x="9653" y="8395"/>
                  </a:lnTo>
                  <a:lnTo>
                    <a:pt x="9438" y="8390"/>
                  </a:lnTo>
                  <a:lnTo>
                    <a:pt x="8799" y="8385"/>
                  </a:lnTo>
                  <a:lnTo>
                    <a:pt x="6648" y="8377"/>
                  </a:lnTo>
                  <a:lnTo>
                    <a:pt x="3028" y="8376"/>
                  </a:lnTo>
                  <a:lnTo>
                    <a:pt x="877" y="8383"/>
                  </a:lnTo>
                  <a:lnTo>
                    <a:pt x="238" y="8388"/>
                  </a:lnTo>
                  <a:lnTo>
                    <a:pt x="24" y="8393"/>
                  </a:lnTo>
                  <a:lnTo>
                    <a:pt x="4" y="8396"/>
                  </a:lnTo>
                  <a:lnTo>
                    <a:pt x="0" y="8409"/>
                  </a:lnTo>
                  <a:lnTo>
                    <a:pt x="3" y="8487"/>
                  </a:lnTo>
                  <a:lnTo>
                    <a:pt x="23" y="8687"/>
                  </a:lnTo>
                  <a:lnTo>
                    <a:pt x="70" y="9043"/>
                  </a:lnTo>
                  <a:lnTo>
                    <a:pt x="126" y="9378"/>
                  </a:lnTo>
                  <a:lnTo>
                    <a:pt x="150" y="9491"/>
                  </a:lnTo>
                  <a:lnTo>
                    <a:pt x="170" y="9569"/>
                  </a:lnTo>
                  <a:lnTo>
                    <a:pt x="2104" y="9577"/>
                  </a:lnTo>
                  <a:lnTo>
                    <a:pt x="4037" y="9586"/>
                  </a:lnTo>
                  <a:lnTo>
                    <a:pt x="4120" y="9626"/>
                  </a:lnTo>
                  <a:lnTo>
                    <a:pt x="4147" y="9640"/>
                  </a:lnTo>
                  <a:lnTo>
                    <a:pt x="4234" y="9710"/>
                  </a:lnTo>
                  <a:lnTo>
                    <a:pt x="4376" y="9842"/>
                  </a:lnTo>
                  <a:lnTo>
                    <a:pt x="4588" y="10049"/>
                  </a:lnTo>
                  <a:lnTo>
                    <a:pt x="4729" y="10189"/>
                  </a:lnTo>
                  <a:lnTo>
                    <a:pt x="5255" y="10711"/>
                  </a:lnTo>
                  <a:lnTo>
                    <a:pt x="5762" y="10707"/>
                  </a:lnTo>
                  <a:lnTo>
                    <a:pt x="6269" y="10702"/>
                  </a:lnTo>
                  <a:lnTo>
                    <a:pt x="6290" y="10661"/>
                  </a:lnTo>
                  <a:lnTo>
                    <a:pt x="6320" y="10600"/>
                  </a:lnTo>
                  <a:lnTo>
                    <a:pt x="6372" y="10494"/>
                  </a:lnTo>
                  <a:lnTo>
                    <a:pt x="6394" y="10450"/>
                  </a:lnTo>
                  <a:lnTo>
                    <a:pt x="6441" y="10365"/>
                  </a:lnTo>
                  <a:lnTo>
                    <a:pt x="6492" y="10285"/>
                  </a:lnTo>
                  <a:lnTo>
                    <a:pt x="6547" y="10208"/>
                  </a:lnTo>
                  <a:lnTo>
                    <a:pt x="6606" y="10135"/>
                  </a:lnTo>
                  <a:lnTo>
                    <a:pt x="6668" y="10067"/>
                  </a:lnTo>
                  <a:lnTo>
                    <a:pt x="6734" y="10003"/>
                  </a:lnTo>
                  <a:lnTo>
                    <a:pt x="6803" y="9943"/>
                  </a:lnTo>
                  <a:lnTo>
                    <a:pt x="6876" y="9887"/>
                  </a:lnTo>
                  <a:lnTo>
                    <a:pt x="6952" y="9836"/>
                  </a:lnTo>
                  <a:lnTo>
                    <a:pt x="7032" y="9789"/>
                  </a:lnTo>
                  <a:lnTo>
                    <a:pt x="7115" y="9746"/>
                  </a:lnTo>
                  <a:lnTo>
                    <a:pt x="7201" y="9708"/>
                  </a:lnTo>
                  <a:lnTo>
                    <a:pt x="7291" y="9674"/>
                  </a:lnTo>
                  <a:lnTo>
                    <a:pt x="7383" y="9644"/>
                  </a:lnTo>
                  <a:lnTo>
                    <a:pt x="7479" y="9620"/>
                  </a:lnTo>
                  <a:lnTo>
                    <a:pt x="7529" y="9609"/>
                  </a:lnTo>
                  <a:lnTo>
                    <a:pt x="7563" y="9602"/>
                  </a:lnTo>
                  <a:lnTo>
                    <a:pt x="7643" y="9593"/>
                  </a:lnTo>
                  <a:lnTo>
                    <a:pt x="7782" y="9586"/>
                  </a:lnTo>
                  <a:lnTo>
                    <a:pt x="7981" y="9591"/>
                  </a:lnTo>
                  <a:lnTo>
                    <a:pt x="8120" y="9606"/>
                  </a:lnTo>
                  <a:lnTo>
                    <a:pt x="8202" y="9619"/>
                  </a:lnTo>
                  <a:lnTo>
                    <a:pt x="8237" y="9627"/>
                  </a:lnTo>
                  <a:lnTo>
                    <a:pt x="8290" y="9641"/>
                  </a:lnTo>
                  <a:lnTo>
                    <a:pt x="8392" y="9673"/>
                  </a:lnTo>
                  <a:lnTo>
                    <a:pt x="8490" y="9709"/>
                  </a:lnTo>
                  <a:lnTo>
                    <a:pt x="8585" y="9750"/>
                  </a:lnTo>
                  <a:lnTo>
                    <a:pt x="8676" y="9796"/>
                  </a:lnTo>
                  <a:lnTo>
                    <a:pt x="8763" y="9847"/>
                  </a:lnTo>
                  <a:lnTo>
                    <a:pt x="8845" y="9902"/>
                  </a:lnTo>
                  <a:lnTo>
                    <a:pt x="8924" y="9962"/>
                  </a:lnTo>
                  <a:lnTo>
                    <a:pt x="8998" y="10027"/>
                  </a:lnTo>
                  <a:lnTo>
                    <a:pt x="9068" y="10096"/>
                  </a:lnTo>
                  <a:lnTo>
                    <a:pt x="9134" y="10169"/>
                  </a:lnTo>
                  <a:lnTo>
                    <a:pt x="9195" y="10247"/>
                  </a:lnTo>
                  <a:lnTo>
                    <a:pt x="9251" y="10328"/>
                  </a:lnTo>
                  <a:lnTo>
                    <a:pt x="9303" y="10414"/>
                  </a:lnTo>
                  <a:lnTo>
                    <a:pt x="9350" y="10504"/>
                  </a:lnTo>
                  <a:lnTo>
                    <a:pt x="9393" y="10599"/>
                  </a:lnTo>
                  <a:lnTo>
                    <a:pt x="9412" y="10647"/>
                  </a:lnTo>
                  <a:lnTo>
                    <a:pt x="9428" y="10693"/>
                  </a:lnTo>
                  <a:lnTo>
                    <a:pt x="9457" y="10791"/>
                  </a:lnTo>
                  <a:lnTo>
                    <a:pt x="9482" y="10899"/>
                  </a:lnTo>
                  <a:lnTo>
                    <a:pt x="9502" y="11021"/>
                  </a:lnTo>
                  <a:lnTo>
                    <a:pt x="9510" y="11089"/>
                  </a:lnTo>
                  <a:lnTo>
                    <a:pt x="9517" y="11155"/>
                  </a:lnTo>
                  <a:lnTo>
                    <a:pt x="9519" y="11290"/>
                  </a:lnTo>
                  <a:lnTo>
                    <a:pt x="9509" y="11429"/>
                  </a:lnTo>
                  <a:lnTo>
                    <a:pt x="9487" y="11569"/>
                  </a:lnTo>
                  <a:lnTo>
                    <a:pt x="9452" y="11707"/>
                  </a:lnTo>
                  <a:lnTo>
                    <a:pt x="9407" y="11843"/>
                  </a:lnTo>
                  <a:lnTo>
                    <a:pt x="9351" y="11974"/>
                  </a:lnTo>
                  <a:lnTo>
                    <a:pt x="9284" y="12099"/>
                  </a:lnTo>
                  <a:lnTo>
                    <a:pt x="9247" y="12157"/>
                  </a:lnTo>
                  <a:lnTo>
                    <a:pt x="9217" y="12201"/>
                  </a:lnTo>
                  <a:lnTo>
                    <a:pt x="9154" y="12284"/>
                  </a:lnTo>
                  <a:lnTo>
                    <a:pt x="9087" y="12362"/>
                  </a:lnTo>
                  <a:lnTo>
                    <a:pt x="9015" y="12435"/>
                  </a:lnTo>
                  <a:lnTo>
                    <a:pt x="8940" y="12504"/>
                  </a:lnTo>
                  <a:lnTo>
                    <a:pt x="8860" y="12567"/>
                  </a:lnTo>
                  <a:lnTo>
                    <a:pt x="8777" y="12625"/>
                  </a:lnTo>
                  <a:lnTo>
                    <a:pt x="8690" y="12677"/>
                  </a:lnTo>
                  <a:lnTo>
                    <a:pt x="8600" y="12724"/>
                  </a:lnTo>
                  <a:lnTo>
                    <a:pt x="8507" y="12766"/>
                  </a:lnTo>
                  <a:lnTo>
                    <a:pt x="8410" y="12802"/>
                  </a:lnTo>
                  <a:lnTo>
                    <a:pt x="8312" y="12832"/>
                  </a:lnTo>
                  <a:lnTo>
                    <a:pt x="8210" y="12856"/>
                  </a:lnTo>
                  <a:lnTo>
                    <a:pt x="8106" y="12875"/>
                  </a:lnTo>
                  <a:lnTo>
                    <a:pt x="8000" y="12887"/>
                  </a:lnTo>
                  <a:lnTo>
                    <a:pt x="7892" y="12893"/>
                  </a:lnTo>
                  <a:lnTo>
                    <a:pt x="7837" y="12894"/>
                  </a:lnTo>
                  <a:lnTo>
                    <a:pt x="7776" y="12893"/>
                  </a:lnTo>
                  <a:lnTo>
                    <a:pt x="7657" y="12886"/>
                  </a:lnTo>
                  <a:lnTo>
                    <a:pt x="7541" y="12870"/>
                  </a:lnTo>
                  <a:lnTo>
                    <a:pt x="7428" y="12847"/>
                  </a:lnTo>
                  <a:lnTo>
                    <a:pt x="7318" y="12816"/>
                  </a:lnTo>
                  <a:lnTo>
                    <a:pt x="7212" y="12779"/>
                  </a:lnTo>
                  <a:lnTo>
                    <a:pt x="7110" y="12734"/>
                  </a:lnTo>
                  <a:lnTo>
                    <a:pt x="7011" y="12682"/>
                  </a:lnTo>
                  <a:lnTo>
                    <a:pt x="6917" y="12623"/>
                  </a:lnTo>
                  <a:lnTo>
                    <a:pt x="6827" y="12557"/>
                  </a:lnTo>
                  <a:lnTo>
                    <a:pt x="6742" y="12485"/>
                  </a:lnTo>
                  <a:lnTo>
                    <a:pt x="6662" y="12406"/>
                  </a:lnTo>
                  <a:lnTo>
                    <a:pt x="6586" y="12321"/>
                  </a:lnTo>
                  <a:lnTo>
                    <a:pt x="6516" y="12229"/>
                  </a:lnTo>
                  <a:lnTo>
                    <a:pt x="6451" y="12132"/>
                  </a:lnTo>
                  <a:lnTo>
                    <a:pt x="6392" y="12028"/>
                  </a:lnTo>
                  <a:lnTo>
                    <a:pt x="6365" y="11974"/>
                  </a:lnTo>
                  <a:lnTo>
                    <a:pt x="6270" y="11779"/>
                  </a:lnTo>
                  <a:lnTo>
                    <a:pt x="5614" y="11777"/>
                  </a:lnTo>
                  <a:lnTo>
                    <a:pt x="5302" y="11777"/>
                  </a:lnTo>
                  <a:lnTo>
                    <a:pt x="5017" y="11770"/>
                  </a:lnTo>
                  <a:lnTo>
                    <a:pt x="4912" y="11762"/>
                  </a:lnTo>
                  <a:lnTo>
                    <a:pt x="4889" y="11757"/>
                  </a:lnTo>
                  <a:lnTo>
                    <a:pt x="4865" y="11750"/>
                  </a:lnTo>
                  <a:lnTo>
                    <a:pt x="4817" y="11729"/>
                  </a:lnTo>
                  <a:lnTo>
                    <a:pt x="4764" y="11697"/>
                  </a:lnTo>
                  <a:lnTo>
                    <a:pt x="4700" y="11650"/>
                  </a:lnTo>
                  <a:lnTo>
                    <a:pt x="4579" y="11544"/>
                  </a:lnTo>
                  <a:lnTo>
                    <a:pt x="4335" y="11309"/>
                  </a:lnTo>
                  <a:lnTo>
                    <a:pt x="4162" y="11136"/>
                  </a:lnTo>
                  <a:lnTo>
                    <a:pt x="3670" y="10644"/>
                  </a:lnTo>
                  <a:lnTo>
                    <a:pt x="2084" y="10644"/>
                  </a:lnTo>
                  <a:lnTo>
                    <a:pt x="1199" y="10644"/>
                  </a:lnTo>
                  <a:lnTo>
                    <a:pt x="627" y="10651"/>
                  </a:lnTo>
                  <a:lnTo>
                    <a:pt x="523" y="10658"/>
                  </a:lnTo>
                  <a:lnTo>
                    <a:pt x="497" y="10664"/>
                  </a:lnTo>
                  <a:lnTo>
                    <a:pt x="495" y="10667"/>
                  </a:lnTo>
                  <a:lnTo>
                    <a:pt x="496" y="10678"/>
                  </a:lnTo>
                  <a:lnTo>
                    <a:pt x="506" y="10697"/>
                  </a:lnTo>
                  <a:lnTo>
                    <a:pt x="512" y="10702"/>
                  </a:lnTo>
                  <a:lnTo>
                    <a:pt x="518" y="10708"/>
                  </a:lnTo>
                  <a:lnTo>
                    <a:pt x="528" y="10726"/>
                  </a:lnTo>
                  <a:lnTo>
                    <a:pt x="529" y="10736"/>
                  </a:lnTo>
                  <a:lnTo>
                    <a:pt x="531" y="10750"/>
                  </a:lnTo>
                  <a:lnTo>
                    <a:pt x="553" y="10811"/>
                  </a:lnTo>
                  <a:lnTo>
                    <a:pt x="569" y="10847"/>
                  </a:lnTo>
                  <a:lnTo>
                    <a:pt x="611" y="10944"/>
                  </a:lnTo>
                  <a:lnTo>
                    <a:pt x="662" y="11061"/>
                  </a:lnTo>
                  <a:lnTo>
                    <a:pt x="691" y="11126"/>
                  </a:lnTo>
                  <a:lnTo>
                    <a:pt x="759" y="11270"/>
                  </a:lnTo>
                  <a:lnTo>
                    <a:pt x="878" y="11503"/>
                  </a:lnTo>
                  <a:lnTo>
                    <a:pt x="1061" y="11830"/>
                  </a:lnTo>
                  <a:lnTo>
                    <a:pt x="1251" y="12141"/>
                  </a:lnTo>
                  <a:lnTo>
                    <a:pt x="1342" y="12277"/>
                  </a:lnTo>
                  <a:lnTo>
                    <a:pt x="1450" y="12433"/>
                  </a:lnTo>
                  <a:lnTo>
                    <a:pt x="1657" y="12710"/>
                  </a:lnTo>
                  <a:lnTo>
                    <a:pt x="1874" y="12970"/>
                  </a:lnTo>
                  <a:lnTo>
                    <a:pt x="2125" y="13243"/>
                  </a:lnTo>
                  <a:lnTo>
                    <a:pt x="2274" y="13396"/>
                  </a:lnTo>
                  <a:lnTo>
                    <a:pt x="2595" y="13721"/>
                  </a:lnTo>
                  <a:lnTo>
                    <a:pt x="2137" y="15551"/>
                  </a:lnTo>
                  <a:lnTo>
                    <a:pt x="1903" y="16490"/>
                  </a:lnTo>
                  <a:lnTo>
                    <a:pt x="1728" y="17221"/>
                  </a:lnTo>
                  <a:lnTo>
                    <a:pt x="1690" y="17401"/>
                  </a:lnTo>
                  <a:lnTo>
                    <a:pt x="1679" y="17468"/>
                  </a:lnTo>
                  <a:lnTo>
                    <a:pt x="1679" y="17486"/>
                  </a:lnTo>
                  <a:lnTo>
                    <a:pt x="1679" y="17515"/>
                  </a:lnTo>
                  <a:lnTo>
                    <a:pt x="1684" y="17565"/>
                  </a:lnTo>
                  <a:lnTo>
                    <a:pt x="1695" y="17611"/>
                  </a:lnTo>
                  <a:lnTo>
                    <a:pt x="1715" y="17661"/>
                  </a:lnTo>
                  <a:lnTo>
                    <a:pt x="1729" y="17691"/>
                  </a:lnTo>
                  <a:lnTo>
                    <a:pt x="1752" y="17735"/>
                  </a:lnTo>
                  <a:lnTo>
                    <a:pt x="1806" y="17809"/>
                  </a:lnTo>
                  <a:lnTo>
                    <a:pt x="1873" y="17871"/>
                  </a:lnTo>
                  <a:lnTo>
                    <a:pt x="1956" y="17923"/>
                  </a:lnTo>
                  <a:lnTo>
                    <a:pt x="2007" y="17947"/>
                  </a:lnTo>
                  <a:lnTo>
                    <a:pt x="2112" y="17994"/>
                  </a:lnTo>
                  <a:lnTo>
                    <a:pt x="5864" y="17994"/>
                  </a:lnTo>
                  <a:lnTo>
                    <a:pt x="9617" y="17994"/>
                  </a:lnTo>
                  <a:lnTo>
                    <a:pt x="9715" y="17959"/>
                  </a:lnTo>
                  <a:lnTo>
                    <a:pt x="9756" y="17942"/>
                  </a:lnTo>
                  <a:lnTo>
                    <a:pt x="9837" y="17895"/>
                  </a:lnTo>
                  <a:lnTo>
                    <a:pt x="9912" y="17834"/>
                  </a:lnTo>
                  <a:lnTo>
                    <a:pt x="9975" y="17766"/>
                  </a:lnTo>
                  <a:lnTo>
                    <a:pt x="9999" y="17731"/>
                  </a:lnTo>
                  <a:lnTo>
                    <a:pt x="10010" y="17706"/>
                  </a:lnTo>
                  <a:lnTo>
                    <a:pt x="10053" y="17567"/>
                  </a:lnTo>
                  <a:lnTo>
                    <a:pt x="10161" y="17167"/>
                  </a:lnTo>
                  <a:lnTo>
                    <a:pt x="10270" y="16736"/>
                  </a:lnTo>
                  <a:lnTo>
                    <a:pt x="10505" y="15802"/>
                  </a:lnTo>
                  <a:lnTo>
                    <a:pt x="10604" y="15806"/>
                  </a:lnTo>
                  <a:lnTo>
                    <a:pt x="10651" y="15808"/>
                  </a:lnTo>
                  <a:lnTo>
                    <a:pt x="10773" y="15820"/>
                  </a:lnTo>
                  <a:lnTo>
                    <a:pt x="10829" y="15827"/>
                  </a:lnTo>
                  <a:lnTo>
                    <a:pt x="11190" y="15881"/>
                  </a:lnTo>
                  <a:lnTo>
                    <a:pt x="11704" y="15954"/>
                  </a:lnTo>
                  <a:lnTo>
                    <a:pt x="12013" y="15997"/>
                  </a:lnTo>
                  <a:lnTo>
                    <a:pt x="12345" y="16044"/>
                  </a:lnTo>
                  <a:lnTo>
                    <a:pt x="12639" y="16087"/>
                  </a:lnTo>
                  <a:lnTo>
                    <a:pt x="12812" y="16111"/>
                  </a:lnTo>
                  <a:lnTo>
                    <a:pt x="12931" y="16128"/>
                  </a:lnTo>
                  <a:lnTo>
                    <a:pt x="13037" y="16144"/>
                  </a:lnTo>
                  <a:lnTo>
                    <a:pt x="13130" y="16157"/>
                  </a:lnTo>
                  <a:lnTo>
                    <a:pt x="13204" y="16169"/>
                  </a:lnTo>
                  <a:lnTo>
                    <a:pt x="13335" y="16187"/>
                  </a:lnTo>
                  <a:lnTo>
                    <a:pt x="13620" y="16229"/>
                  </a:lnTo>
                  <a:lnTo>
                    <a:pt x="13766" y="16250"/>
                  </a:lnTo>
                  <a:lnTo>
                    <a:pt x="14011" y="16278"/>
                  </a:lnTo>
                  <a:lnTo>
                    <a:pt x="14072" y="16281"/>
                  </a:lnTo>
                  <a:lnTo>
                    <a:pt x="14109" y="16280"/>
                  </a:lnTo>
                  <a:lnTo>
                    <a:pt x="14182" y="16271"/>
                  </a:lnTo>
                  <a:lnTo>
                    <a:pt x="14253" y="16251"/>
                  </a:lnTo>
                  <a:lnTo>
                    <a:pt x="14320" y="16223"/>
                  </a:lnTo>
                  <a:lnTo>
                    <a:pt x="14383" y="16186"/>
                  </a:lnTo>
                  <a:lnTo>
                    <a:pt x="14439" y="16141"/>
                  </a:lnTo>
                  <a:lnTo>
                    <a:pt x="14487" y="16090"/>
                  </a:lnTo>
                  <a:lnTo>
                    <a:pt x="14526" y="16032"/>
                  </a:lnTo>
                  <a:lnTo>
                    <a:pt x="14542" y="16001"/>
                  </a:lnTo>
                  <a:lnTo>
                    <a:pt x="14557" y="15954"/>
                  </a:lnTo>
                  <a:lnTo>
                    <a:pt x="14653" y="15595"/>
                  </a:lnTo>
                  <a:lnTo>
                    <a:pt x="14901" y="14626"/>
                  </a:lnTo>
                  <a:lnTo>
                    <a:pt x="15120" y="13756"/>
                  </a:lnTo>
                  <a:lnTo>
                    <a:pt x="15337" y="12888"/>
                  </a:lnTo>
                  <a:lnTo>
                    <a:pt x="15580" y="11939"/>
                  </a:lnTo>
                  <a:lnTo>
                    <a:pt x="15670" y="11600"/>
                  </a:lnTo>
                  <a:lnTo>
                    <a:pt x="15682" y="11564"/>
                  </a:lnTo>
                  <a:lnTo>
                    <a:pt x="15734" y="11525"/>
                  </a:lnTo>
                  <a:lnTo>
                    <a:pt x="16162" y="11234"/>
                  </a:lnTo>
                  <a:lnTo>
                    <a:pt x="16470" y="11027"/>
                  </a:lnTo>
                  <a:lnTo>
                    <a:pt x="16789" y="10814"/>
                  </a:lnTo>
                  <a:lnTo>
                    <a:pt x="17140" y="10570"/>
                  </a:lnTo>
                  <a:lnTo>
                    <a:pt x="17274" y="10470"/>
                  </a:lnTo>
                  <a:lnTo>
                    <a:pt x="17297" y="10449"/>
                  </a:lnTo>
                  <a:lnTo>
                    <a:pt x="17325" y="10416"/>
                  </a:lnTo>
                  <a:lnTo>
                    <a:pt x="17369" y="10344"/>
                  </a:lnTo>
                  <a:lnTo>
                    <a:pt x="17401" y="10265"/>
                  </a:lnTo>
                  <a:lnTo>
                    <a:pt x="17420" y="10182"/>
                  </a:lnTo>
                  <a:lnTo>
                    <a:pt x="17426" y="10097"/>
                  </a:lnTo>
                  <a:lnTo>
                    <a:pt x="17419" y="10013"/>
                  </a:lnTo>
                  <a:lnTo>
                    <a:pt x="17398" y="9932"/>
                  </a:lnTo>
                  <a:lnTo>
                    <a:pt x="17363" y="9856"/>
                  </a:lnTo>
                  <a:lnTo>
                    <a:pt x="17340" y="9821"/>
                  </a:lnTo>
                  <a:lnTo>
                    <a:pt x="17135" y="9544"/>
                  </a:lnTo>
                  <a:lnTo>
                    <a:pt x="16519" y="8719"/>
                  </a:lnTo>
                  <a:lnTo>
                    <a:pt x="15732" y="7669"/>
                  </a:lnTo>
                  <a:lnTo>
                    <a:pt x="15722" y="7511"/>
                  </a:lnTo>
                  <a:lnTo>
                    <a:pt x="15705" y="7285"/>
                  </a:lnTo>
                  <a:lnTo>
                    <a:pt x="15662" y="6864"/>
                  </a:lnTo>
                  <a:lnTo>
                    <a:pt x="15602" y="6463"/>
                  </a:lnTo>
                  <a:lnTo>
                    <a:pt x="15525" y="6065"/>
                  </a:lnTo>
                  <a:lnTo>
                    <a:pt x="15477" y="5861"/>
                  </a:lnTo>
                  <a:lnTo>
                    <a:pt x="15457" y="5781"/>
                  </a:lnTo>
                  <a:lnTo>
                    <a:pt x="15391" y="5552"/>
                  </a:lnTo>
                  <a:lnTo>
                    <a:pt x="15315" y="5303"/>
                  </a:lnTo>
                  <a:lnTo>
                    <a:pt x="15250" y="5105"/>
                  </a:lnTo>
                  <a:lnTo>
                    <a:pt x="15230" y="5052"/>
                  </a:lnTo>
                  <a:lnTo>
                    <a:pt x="15201" y="4982"/>
                  </a:lnTo>
                  <a:lnTo>
                    <a:pt x="15137" y="4819"/>
                  </a:lnTo>
                  <a:lnTo>
                    <a:pt x="15084" y="4688"/>
                  </a:lnTo>
                  <a:lnTo>
                    <a:pt x="14969" y="4429"/>
                  </a:lnTo>
                  <a:lnTo>
                    <a:pt x="14844" y="4174"/>
                  </a:lnTo>
                  <a:lnTo>
                    <a:pt x="14709" y="3924"/>
                  </a:lnTo>
                  <a:lnTo>
                    <a:pt x="14564" y="3679"/>
                  </a:lnTo>
                  <a:lnTo>
                    <a:pt x="14410" y="3440"/>
                  </a:lnTo>
                  <a:lnTo>
                    <a:pt x="14246" y="3206"/>
                  </a:lnTo>
                  <a:lnTo>
                    <a:pt x="14074" y="2979"/>
                  </a:lnTo>
                  <a:lnTo>
                    <a:pt x="13892" y="2757"/>
                  </a:lnTo>
                  <a:lnTo>
                    <a:pt x="13702" y="2543"/>
                  </a:lnTo>
                  <a:lnTo>
                    <a:pt x="13504" y="2335"/>
                  </a:lnTo>
                  <a:lnTo>
                    <a:pt x="13298" y="2135"/>
                  </a:lnTo>
                  <a:lnTo>
                    <a:pt x="13085" y="1943"/>
                  </a:lnTo>
                  <a:lnTo>
                    <a:pt x="12864" y="1759"/>
                  </a:lnTo>
                  <a:lnTo>
                    <a:pt x="12636" y="1583"/>
                  </a:lnTo>
                  <a:lnTo>
                    <a:pt x="12401" y="1415"/>
                  </a:lnTo>
                  <a:lnTo>
                    <a:pt x="12280" y="1336"/>
                  </a:lnTo>
                  <a:lnTo>
                    <a:pt x="12130" y="1240"/>
                  </a:lnTo>
                  <a:lnTo>
                    <a:pt x="11803" y="1046"/>
                  </a:lnTo>
                  <a:lnTo>
                    <a:pt x="11474" y="868"/>
                  </a:lnTo>
                  <a:lnTo>
                    <a:pt x="11249" y="758"/>
                  </a:lnTo>
                  <a:lnTo>
                    <a:pt x="11116" y="699"/>
                  </a:lnTo>
                  <a:lnTo>
                    <a:pt x="11057" y="676"/>
                  </a:lnTo>
                  <a:lnTo>
                    <a:pt x="10980" y="645"/>
                  </a:lnTo>
                  <a:lnTo>
                    <a:pt x="10920" y="619"/>
                  </a:lnTo>
                  <a:lnTo>
                    <a:pt x="10844" y="587"/>
                  </a:lnTo>
                  <a:lnTo>
                    <a:pt x="10628" y="506"/>
                  </a:lnTo>
                  <a:lnTo>
                    <a:pt x="10384" y="421"/>
                  </a:lnTo>
                  <a:lnTo>
                    <a:pt x="10162" y="349"/>
                  </a:lnTo>
                  <a:lnTo>
                    <a:pt x="10079" y="326"/>
                  </a:lnTo>
                  <a:lnTo>
                    <a:pt x="9932" y="286"/>
                  </a:lnTo>
                  <a:lnTo>
                    <a:pt x="9703" y="227"/>
                  </a:lnTo>
                  <a:lnTo>
                    <a:pt x="9637" y="212"/>
                  </a:lnTo>
                  <a:lnTo>
                    <a:pt x="9478" y="179"/>
                  </a:lnTo>
                  <a:lnTo>
                    <a:pt x="9197" y="126"/>
                  </a:lnTo>
                  <a:lnTo>
                    <a:pt x="9020" y="96"/>
                  </a:lnTo>
                  <a:lnTo>
                    <a:pt x="8922" y="81"/>
                  </a:lnTo>
                  <a:lnTo>
                    <a:pt x="8554" y="38"/>
                  </a:lnTo>
                  <a:lnTo>
                    <a:pt x="8362" y="17"/>
                  </a:lnTo>
                  <a:lnTo>
                    <a:pt x="8279" y="11"/>
                  </a:lnTo>
                  <a:lnTo>
                    <a:pt x="7976" y="3"/>
                  </a:lnTo>
                  <a:lnTo>
                    <a:pt x="7630" y="0"/>
                  </a:lnTo>
                  <a:lnTo>
                    <a:pt x="7376" y="4"/>
                  </a:lnTo>
                  <a:lnTo>
                    <a:pt x="7337" y="9"/>
                  </a:lnTo>
                  <a:close/>
                </a:path>
              </a:pathLst>
            </a:custGeom>
            <a:solidFill>
              <a:schemeClr val="bg2">
                <a:lumMod val="50000"/>
              </a:schemeClr>
            </a:solidFill>
            <a:ln>
              <a:noFill/>
            </a:ln>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340" name="Freeform 6"/>
            <p:cNvSpPr>
              <a:spLocks/>
            </p:cNvSpPr>
            <p:nvPr/>
          </p:nvSpPr>
          <p:spPr bwMode="auto">
            <a:xfrm>
              <a:off x="20073009" y="2400919"/>
              <a:ext cx="16869" cy="16782"/>
            </a:xfrm>
            <a:custGeom>
              <a:avLst/>
              <a:gdLst>
                <a:gd name="T0" fmla="*/ 355 w 1170"/>
                <a:gd name="T1" fmla="*/ 42 h 1180"/>
                <a:gd name="T2" fmla="*/ 326 w 1170"/>
                <a:gd name="T3" fmla="*/ 55 h 1180"/>
                <a:gd name="T4" fmla="*/ 272 w 1170"/>
                <a:gd name="T5" fmla="*/ 84 h 1180"/>
                <a:gd name="T6" fmla="*/ 223 w 1170"/>
                <a:gd name="T7" fmla="*/ 118 h 1180"/>
                <a:gd name="T8" fmla="*/ 178 w 1170"/>
                <a:gd name="T9" fmla="*/ 158 h 1180"/>
                <a:gd name="T10" fmla="*/ 138 w 1170"/>
                <a:gd name="T11" fmla="*/ 201 h 1180"/>
                <a:gd name="T12" fmla="*/ 102 w 1170"/>
                <a:gd name="T13" fmla="*/ 248 h 1180"/>
                <a:gd name="T14" fmla="*/ 72 w 1170"/>
                <a:gd name="T15" fmla="*/ 298 h 1180"/>
                <a:gd name="T16" fmla="*/ 46 w 1170"/>
                <a:gd name="T17" fmla="*/ 352 h 1180"/>
                <a:gd name="T18" fmla="*/ 27 w 1170"/>
                <a:gd name="T19" fmla="*/ 408 h 1180"/>
                <a:gd name="T20" fmla="*/ 12 w 1170"/>
                <a:gd name="T21" fmla="*/ 466 h 1180"/>
                <a:gd name="T22" fmla="*/ 3 w 1170"/>
                <a:gd name="T23" fmla="*/ 525 h 1180"/>
                <a:gd name="T24" fmla="*/ 0 w 1170"/>
                <a:gd name="T25" fmla="*/ 586 h 1180"/>
                <a:gd name="T26" fmla="*/ 3 w 1170"/>
                <a:gd name="T27" fmla="*/ 647 h 1180"/>
                <a:gd name="T28" fmla="*/ 12 w 1170"/>
                <a:gd name="T29" fmla="*/ 709 h 1180"/>
                <a:gd name="T30" fmla="*/ 28 w 1170"/>
                <a:gd name="T31" fmla="*/ 770 h 1180"/>
                <a:gd name="T32" fmla="*/ 50 w 1170"/>
                <a:gd name="T33" fmla="*/ 831 h 1180"/>
                <a:gd name="T34" fmla="*/ 63 w 1170"/>
                <a:gd name="T35" fmla="*/ 861 h 1180"/>
                <a:gd name="T36" fmla="*/ 83 w 1170"/>
                <a:gd name="T37" fmla="*/ 900 h 1180"/>
                <a:gd name="T38" fmla="*/ 130 w 1170"/>
                <a:gd name="T39" fmla="*/ 969 h 1180"/>
                <a:gd name="T40" fmla="*/ 185 w 1170"/>
                <a:gd name="T41" fmla="*/ 1029 h 1180"/>
                <a:gd name="T42" fmla="*/ 247 w 1170"/>
                <a:gd name="T43" fmla="*/ 1079 h 1180"/>
                <a:gd name="T44" fmla="*/ 314 w 1170"/>
                <a:gd name="T45" fmla="*/ 1119 h 1180"/>
                <a:gd name="T46" fmla="*/ 386 w 1170"/>
                <a:gd name="T47" fmla="*/ 1149 h 1180"/>
                <a:gd name="T48" fmla="*/ 461 w 1170"/>
                <a:gd name="T49" fmla="*/ 1169 h 1180"/>
                <a:gd name="T50" fmla="*/ 539 w 1170"/>
                <a:gd name="T51" fmla="*/ 1180 h 1180"/>
                <a:gd name="T52" fmla="*/ 617 w 1170"/>
                <a:gd name="T53" fmla="*/ 1180 h 1180"/>
                <a:gd name="T54" fmla="*/ 695 w 1170"/>
                <a:gd name="T55" fmla="*/ 1170 h 1180"/>
                <a:gd name="T56" fmla="*/ 771 w 1170"/>
                <a:gd name="T57" fmla="*/ 1150 h 1180"/>
                <a:gd name="T58" fmla="*/ 845 w 1170"/>
                <a:gd name="T59" fmla="*/ 1121 h 1180"/>
                <a:gd name="T60" fmla="*/ 915 w 1170"/>
                <a:gd name="T61" fmla="*/ 1081 h 1180"/>
                <a:gd name="T62" fmla="*/ 980 w 1170"/>
                <a:gd name="T63" fmla="*/ 1032 h 1180"/>
                <a:gd name="T64" fmla="*/ 1039 w 1170"/>
                <a:gd name="T65" fmla="*/ 972 h 1180"/>
                <a:gd name="T66" fmla="*/ 1091 w 1170"/>
                <a:gd name="T67" fmla="*/ 903 h 1180"/>
                <a:gd name="T68" fmla="*/ 1113 w 1170"/>
                <a:gd name="T69" fmla="*/ 864 h 1180"/>
                <a:gd name="T70" fmla="*/ 1132 w 1170"/>
                <a:gd name="T71" fmla="*/ 829 h 1180"/>
                <a:gd name="T72" fmla="*/ 1155 w 1170"/>
                <a:gd name="T73" fmla="*/ 776 h 1180"/>
                <a:gd name="T74" fmla="*/ 1166 w 1170"/>
                <a:gd name="T75" fmla="*/ 722 h 1180"/>
                <a:gd name="T76" fmla="*/ 1170 w 1170"/>
                <a:gd name="T77" fmla="*/ 647 h 1180"/>
                <a:gd name="T78" fmla="*/ 1170 w 1170"/>
                <a:gd name="T79" fmla="*/ 592 h 1180"/>
                <a:gd name="T80" fmla="*/ 1170 w 1170"/>
                <a:gd name="T81" fmla="*/ 540 h 1180"/>
                <a:gd name="T82" fmla="*/ 1166 w 1170"/>
                <a:gd name="T83" fmla="*/ 465 h 1180"/>
                <a:gd name="T84" fmla="*/ 1156 w 1170"/>
                <a:gd name="T85" fmla="*/ 411 h 1180"/>
                <a:gd name="T86" fmla="*/ 1136 w 1170"/>
                <a:gd name="T87" fmla="*/ 360 h 1180"/>
                <a:gd name="T88" fmla="*/ 1120 w 1170"/>
                <a:gd name="T89" fmla="*/ 329 h 1180"/>
                <a:gd name="T90" fmla="*/ 1108 w 1170"/>
                <a:gd name="T91" fmla="*/ 306 h 1180"/>
                <a:gd name="T92" fmla="*/ 1078 w 1170"/>
                <a:gd name="T93" fmla="*/ 259 h 1180"/>
                <a:gd name="T94" fmla="*/ 1044 w 1170"/>
                <a:gd name="T95" fmla="*/ 215 h 1180"/>
                <a:gd name="T96" fmla="*/ 1004 w 1170"/>
                <a:gd name="T97" fmla="*/ 172 h 1180"/>
                <a:gd name="T98" fmla="*/ 962 w 1170"/>
                <a:gd name="T99" fmla="*/ 133 h 1180"/>
                <a:gd name="T100" fmla="*/ 918 w 1170"/>
                <a:gd name="T101" fmla="*/ 98 h 1180"/>
                <a:gd name="T102" fmla="*/ 872 w 1170"/>
                <a:gd name="T103" fmla="*/ 68 h 1180"/>
                <a:gd name="T104" fmla="*/ 826 w 1170"/>
                <a:gd name="T105" fmla="*/ 45 h 1180"/>
                <a:gd name="T106" fmla="*/ 803 w 1170"/>
                <a:gd name="T107" fmla="*/ 36 h 1180"/>
                <a:gd name="T108" fmla="*/ 778 w 1170"/>
                <a:gd name="T109" fmla="*/ 27 h 1180"/>
                <a:gd name="T110" fmla="*/ 724 w 1170"/>
                <a:gd name="T111" fmla="*/ 13 h 1180"/>
                <a:gd name="T112" fmla="*/ 667 w 1170"/>
                <a:gd name="T113" fmla="*/ 4 h 1180"/>
                <a:gd name="T114" fmla="*/ 608 w 1170"/>
                <a:gd name="T115" fmla="*/ 0 h 1180"/>
                <a:gd name="T116" fmla="*/ 548 w 1170"/>
                <a:gd name="T117" fmla="*/ 1 h 1180"/>
                <a:gd name="T118" fmla="*/ 490 w 1170"/>
                <a:gd name="T119" fmla="*/ 7 h 1180"/>
                <a:gd name="T120" fmla="*/ 433 w 1170"/>
                <a:gd name="T121" fmla="*/ 17 h 1180"/>
                <a:gd name="T122" fmla="*/ 380 w 1170"/>
                <a:gd name="T123" fmla="*/ 33 h 1180"/>
                <a:gd name="T124" fmla="*/ 355 w 1170"/>
                <a:gd name="T125" fmla="*/ 42 h 1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170" h="1180">
                  <a:moveTo>
                    <a:pt x="355" y="42"/>
                  </a:moveTo>
                  <a:lnTo>
                    <a:pt x="326" y="55"/>
                  </a:lnTo>
                  <a:lnTo>
                    <a:pt x="272" y="84"/>
                  </a:lnTo>
                  <a:lnTo>
                    <a:pt x="223" y="118"/>
                  </a:lnTo>
                  <a:lnTo>
                    <a:pt x="178" y="158"/>
                  </a:lnTo>
                  <a:lnTo>
                    <a:pt x="138" y="201"/>
                  </a:lnTo>
                  <a:lnTo>
                    <a:pt x="102" y="248"/>
                  </a:lnTo>
                  <a:lnTo>
                    <a:pt x="72" y="298"/>
                  </a:lnTo>
                  <a:lnTo>
                    <a:pt x="46" y="352"/>
                  </a:lnTo>
                  <a:lnTo>
                    <a:pt x="27" y="408"/>
                  </a:lnTo>
                  <a:lnTo>
                    <a:pt x="12" y="466"/>
                  </a:lnTo>
                  <a:lnTo>
                    <a:pt x="3" y="525"/>
                  </a:lnTo>
                  <a:lnTo>
                    <a:pt x="0" y="586"/>
                  </a:lnTo>
                  <a:lnTo>
                    <a:pt x="3" y="647"/>
                  </a:lnTo>
                  <a:lnTo>
                    <a:pt x="12" y="709"/>
                  </a:lnTo>
                  <a:lnTo>
                    <a:pt x="28" y="770"/>
                  </a:lnTo>
                  <a:lnTo>
                    <a:pt x="50" y="831"/>
                  </a:lnTo>
                  <a:lnTo>
                    <a:pt x="63" y="861"/>
                  </a:lnTo>
                  <a:lnTo>
                    <a:pt x="83" y="900"/>
                  </a:lnTo>
                  <a:lnTo>
                    <a:pt x="130" y="969"/>
                  </a:lnTo>
                  <a:lnTo>
                    <a:pt x="185" y="1029"/>
                  </a:lnTo>
                  <a:lnTo>
                    <a:pt x="247" y="1079"/>
                  </a:lnTo>
                  <a:lnTo>
                    <a:pt x="314" y="1119"/>
                  </a:lnTo>
                  <a:lnTo>
                    <a:pt x="386" y="1149"/>
                  </a:lnTo>
                  <a:lnTo>
                    <a:pt x="461" y="1169"/>
                  </a:lnTo>
                  <a:lnTo>
                    <a:pt x="539" y="1180"/>
                  </a:lnTo>
                  <a:lnTo>
                    <a:pt x="617" y="1180"/>
                  </a:lnTo>
                  <a:lnTo>
                    <a:pt x="695" y="1170"/>
                  </a:lnTo>
                  <a:lnTo>
                    <a:pt x="771" y="1150"/>
                  </a:lnTo>
                  <a:lnTo>
                    <a:pt x="845" y="1121"/>
                  </a:lnTo>
                  <a:lnTo>
                    <a:pt x="915" y="1081"/>
                  </a:lnTo>
                  <a:lnTo>
                    <a:pt x="980" y="1032"/>
                  </a:lnTo>
                  <a:lnTo>
                    <a:pt x="1039" y="972"/>
                  </a:lnTo>
                  <a:lnTo>
                    <a:pt x="1091" y="903"/>
                  </a:lnTo>
                  <a:lnTo>
                    <a:pt x="1113" y="864"/>
                  </a:lnTo>
                  <a:lnTo>
                    <a:pt x="1132" y="829"/>
                  </a:lnTo>
                  <a:lnTo>
                    <a:pt x="1155" y="776"/>
                  </a:lnTo>
                  <a:lnTo>
                    <a:pt x="1166" y="722"/>
                  </a:lnTo>
                  <a:lnTo>
                    <a:pt x="1170" y="647"/>
                  </a:lnTo>
                  <a:lnTo>
                    <a:pt x="1170" y="592"/>
                  </a:lnTo>
                  <a:lnTo>
                    <a:pt x="1170" y="540"/>
                  </a:lnTo>
                  <a:lnTo>
                    <a:pt x="1166" y="465"/>
                  </a:lnTo>
                  <a:lnTo>
                    <a:pt x="1156" y="411"/>
                  </a:lnTo>
                  <a:lnTo>
                    <a:pt x="1136" y="360"/>
                  </a:lnTo>
                  <a:lnTo>
                    <a:pt x="1120" y="329"/>
                  </a:lnTo>
                  <a:lnTo>
                    <a:pt x="1108" y="306"/>
                  </a:lnTo>
                  <a:lnTo>
                    <a:pt x="1078" y="259"/>
                  </a:lnTo>
                  <a:lnTo>
                    <a:pt x="1044" y="215"/>
                  </a:lnTo>
                  <a:lnTo>
                    <a:pt x="1004" y="172"/>
                  </a:lnTo>
                  <a:lnTo>
                    <a:pt x="962" y="133"/>
                  </a:lnTo>
                  <a:lnTo>
                    <a:pt x="918" y="98"/>
                  </a:lnTo>
                  <a:lnTo>
                    <a:pt x="872" y="68"/>
                  </a:lnTo>
                  <a:lnTo>
                    <a:pt x="826" y="45"/>
                  </a:lnTo>
                  <a:lnTo>
                    <a:pt x="803" y="36"/>
                  </a:lnTo>
                  <a:lnTo>
                    <a:pt x="778" y="27"/>
                  </a:lnTo>
                  <a:lnTo>
                    <a:pt x="724" y="13"/>
                  </a:lnTo>
                  <a:lnTo>
                    <a:pt x="667" y="4"/>
                  </a:lnTo>
                  <a:lnTo>
                    <a:pt x="608" y="0"/>
                  </a:lnTo>
                  <a:lnTo>
                    <a:pt x="548" y="1"/>
                  </a:lnTo>
                  <a:lnTo>
                    <a:pt x="490" y="7"/>
                  </a:lnTo>
                  <a:lnTo>
                    <a:pt x="433" y="17"/>
                  </a:lnTo>
                  <a:lnTo>
                    <a:pt x="380" y="33"/>
                  </a:lnTo>
                  <a:lnTo>
                    <a:pt x="355" y="42"/>
                  </a:lnTo>
                  <a:close/>
                </a:path>
              </a:pathLst>
            </a:custGeom>
            <a:solidFill>
              <a:schemeClr val="bg2">
                <a:lumMod val="7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341" name="Freeform 7"/>
            <p:cNvSpPr>
              <a:spLocks/>
            </p:cNvSpPr>
            <p:nvPr/>
          </p:nvSpPr>
          <p:spPr bwMode="auto">
            <a:xfrm>
              <a:off x="20122055" y="2449129"/>
              <a:ext cx="16869" cy="16841"/>
            </a:xfrm>
            <a:custGeom>
              <a:avLst/>
              <a:gdLst>
                <a:gd name="T0" fmla="*/ 450 w 1173"/>
                <a:gd name="T1" fmla="*/ 19 h 1183"/>
                <a:gd name="T2" fmla="*/ 415 w 1173"/>
                <a:gd name="T3" fmla="*/ 28 h 1183"/>
                <a:gd name="T4" fmla="*/ 349 w 1173"/>
                <a:gd name="T5" fmla="*/ 51 h 1183"/>
                <a:gd name="T6" fmla="*/ 290 w 1173"/>
                <a:gd name="T7" fmla="*/ 78 h 1183"/>
                <a:gd name="T8" fmla="*/ 236 w 1173"/>
                <a:gd name="T9" fmla="*/ 110 h 1183"/>
                <a:gd name="T10" fmla="*/ 187 w 1173"/>
                <a:gd name="T11" fmla="*/ 148 h 1183"/>
                <a:gd name="T12" fmla="*/ 144 w 1173"/>
                <a:gd name="T13" fmla="*/ 191 h 1183"/>
                <a:gd name="T14" fmla="*/ 105 w 1173"/>
                <a:gd name="T15" fmla="*/ 240 h 1183"/>
                <a:gd name="T16" fmla="*/ 71 w 1173"/>
                <a:gd name="T17" fmla="*/ 296 h 1183"/>
                <a:gd name="T18" fmla="*/ 55 w 1173"/>
                <a:gd name="T19" fmla="*/ 326 h 1183"/>
                <a:gd name="T20" fmla="*/ 37 w 1173"/>
                <a:gd name="T21" fmla="*/ 362 h 1183"/>
                <a:gd name="T22" fmla="*/ 15 w 1173"/>
                <a:gd name="T23" fmla="*/ 418 h 1183"/>
                <a:gd name="T24" fmla="*/ 4 w 1173"/>
                <a:gd name="T25" fmla="*/ 474 h 1183"/>
                <a:gd name="T26" fmla="*/ 0 w 1173"/>
                <a:gd name="T27" fmla="*/ 550 h 1183"/>
                <a:gd name="T28" fmla="*/ 0 w 1173"/>
                <a:gd name="T29" fmla="*/ 604 h 1183"/>
                <a:gd name="T30" fmla="*/ 1 w 1173"/>
                <a:gd name="T31" fmla="*/ 658 h 1183"/>
                <a:gd name="T32" fmla="*/ 5 w 1173"/>
                <a:gd name="T33" fmla="*/ 733 h 1183"/>
                <a:gd name="T34" fmla="*/ 16 w 1173"/>
                <a:gd name="T35" fmla="*/ 787 h 1183"/>
                <a:gd name="T36" fmla="*/ 37 w 1173"/>
                <a:gd name="T37" fmla="*/ 840 h 1183"/>
                <a:gd name="T38" fmla="*/ 54 w 1173"/>
                <a:gd name="T39" fmla="*/ 873 h 1183"/>
                <a:gd name="T40" fmla="*/ 74 w 1173"/>
                <a:gd name="T41" fmla="*/ 910 h 1183"/>
                <a:gd name="T42" fmla="*/ 121 w 1173"/>
                <a:gd name="T43" fmla="*/ 977 h 1183"/>
                <a:gd name="T44" fmla="*/ 174 w 1173"/>
                <a:gd name="T45" fmla="*/ 1035 h 1183"/>
                <a:gd name="T46" fmla="*/ 235 w 1173"/>
                <a:gd name="T47" fmla="*/ 1084 h 1183"/>
                <a:gd name="T48" fmla="*/ 301 w 1173"/>
                <a:gd name="T49" fmla="*/ 1123 h 1183"/>
                <a:gd name="T50" fmla="*/ 375 w 1173"/>
                <a:gd name="T51" fmla="*/ 1152 h 1183"/>
                <a:gd name="T52" fmla="*/ 454 w 1173"/>
                <a:gd name="T53" fmla="*/ 1172 h 1183"/>
                <a:gd name="T54" fmla="*/ 539 w 1173"/>
                <a:gd name="T55" fmla="*/ 1182 h 1183"/>
                <a:gd name="T56" fmla="*/ 584 w 1173"/>
                <a:gd name="T57" fmla="*/ 1183 h 1183"/>
                <a:gd name="T58" fmla="*/ 614 w 1173"/>
                <a:gd name="T59" fmla="*/ 1183 h 1183"/>
                <a:gd name="T60" fmla="*/ 671 w 1173"/>
                <a:gd name="T61" fmla="*/ 1178 h 1183"/>
                <a:gd name="T62" fmla="*/ 726 w 1173"/>
                <a:gd name="T63" fmla="*/ 1169 h 1183"/>
                <a:gd name="T64" fmla="*/ 777 w 1173"/>
                <a:gd name="T65" fmla="*/ 1155 h 1183"/>
                <a:gd name="T66" fmla="*/ 826 w 1173"/>
                <a:gd name="T67" fmla="*/ 1136 h 1183"/>
                <a:gd name="T68" fmla="*/ 874 w 1173"/>
                <a:gd name="T69" fmla="*/ 1111 h 1183"/>
                <a:gd name="T70" fmla="*/ 920 w 1173"/>
                <a:gd name="T71" fmla="*/ 1080 h 1183"/>
                <a:gd name="T72" fmla="*/ 966 w 1173"/>
                <a:gd name="T73" fmla="*/ 1043 h 1183"/>
                <a:gd name="T74" fmla="*/ 989 w 1173"/>
                <a:gd name="T75" fmla="*/ 1023 h 1183"/>
                <a:gd name="T76" fmla="*/ 1022 w 1173"/>
                <a:gd name="T77" fmla="*/ 990 h 1183"/>
                <a:gd name="T78" fmla="*/ 1078 w 1173"/>
                <a:gd name="T79" fmla="*/ 916 h 1183"/>
                <a:gd name="T80" fmla="*/ 1122 w 1173"/>
                <a:gd name="T81" fmla="*/ 834 h 1183"/>
                <a:gd name="T82" fmla="*/ 1153 w 1173"/>
                <a:gd name="T83" fmla="*/ 747 h 1183"/>
                <a:gd name="T84" fmla="*/ 1170 w 1173"/>
                <a:gd name="T85" fmla="*/ 656 h 1183"/>
                <a:gd name="T86" fmla="*/ 1173 w 1173"/>
                <a:gd name="T87" fmla="*/ 564 h 1183"/>
                <a:gd name="T88" fmla="*/ 1162 w 1173"/>
                <a:gd name="T89" fmla="*/ 471 h 1183"/>
                <a:gd name="T90" fmla="*/ 1136 w 1173"/>
                <a:gd name="T91" fmla="*/ 381 h 1183"/>
                <a:gd name="T92" fmla="*/ 1117 w 1173"/>
                <a:gd name="T93" fmla="*/ 338 h 1183"/>
                <a:gd name="T94" fmla="*/ 1103 w 1173"/>
                <a:gd name="T95" fmla="*/ 311 h 1183"/>
                <a:gd name="T96" fmla="*/ 1069 w 1173"/>
                <a:gd name="T97" fmla="*/ 258 h 1183"/>
                <a:gd name="T98" fmla="*/ 1028 w 1173"/>
                <a:gd name="T99" fmla="*/ 209 h 1183"/>
                <a:gd name="T100" fmla="*/ 981 w 1173"/>
                <a:gd name="T101" fmla="*/ 162 h 1183"/>
                <a:gd name="T102" fmla="*/ 929 w 1173"/>
                <a:gd name="T103" fmla="*/ 120 h 1183"/>
                <a:gd name="T104" fmla="*/ 873 w 1173"/>
                <a:gd name="T105" fmla="*/ 84 h 1183"/>
                <a:gd name="T106" fmla="*/ 814 w 1173"/>
                <a:gd name="T107" fmla="*/ 53 h 1183"/>
                <a:gd name="T108" fmla="*/ 753 w 1173"/>
                <a:gd name="T109" fmla="*/ 28 h 1183"/>
                <a:gd name="T110" fmla="*/ 722 w 1173"/>
                <a:gd name="T111" fmla="*/ 19 h 1183"/>
                <a:gd name="T112" fmla="*/ 684 w 1173"/>
                <a:gd name="T113" fmla="*/ 10 h 1183"/>
                <a:gd name="T114" fmla="*/ 619 w 1173"/>
                <a:gd name="T115" fmla="*/ 0 h 1183"/>
                <a:gd name="T116" fmla="*/ 558 w 1173"/>
                <a:gd name="T117" fmla="*/ 0 h 1183"/>
                <a:gd name="T118" fmla="*/ 490 w 1173"/>
                <a:gd name="T119" fmla="*/ 10 h 1183"/>
                <a:gd name="T120" fmla="*/ 450 w 1173"/>
                <a:gd name="T121" fmla="*/ 19 h 11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173" h="1183">
                  <a:moveTo>
                    <a:pt x="450" y="19"/>
                  </a:moveTo>
                  <a:lnTo>
                    <a:pt x="415" y="28"/>
                  </a:lnTo>
                  <a:lnTo>
                    <a:pt x="349" y="51"/>
                  </a:lnTo>
                  <a:lnTo>
                    <a:pt x="290" y="78"/>
                  </a:lnTo>
                  <a:lnTo>
                    <a:pt x="236" y="110"/>
                  </a:lnTo>
                  <a:lnTo>
                    <a:pt x="187" y="148"/>
                  </a:lnTo>
                  <a:lnTo>
                    <a:pt x="144" y="191"/>
                  </a:lnTo>
                  <a:lnTo>
                    <a:pt x="105" y="240"/>
                  </a:lnTo>
                  <a:lnTo>
                    <a:pt x="71" y="296"/>
                  </a:lnTo>
                  <a:lnTo>
                    <a:pt x="55" y="326"/>
                  </a:lnTo>
                  <a:lnTo>
                    <a:pt x="37" y="362"/>
                  </a:lnTo>
                  <a:lnTo>
                    <a:pt x="15" y="418"/>
                  </a:lnTo>
                  <a:lnTo>
                    <a:pt x="4" y="474"/>
                  </a:lnTo>
                  <a:lnTo>
                    <a:pt x="0" y="550"/>
                  </a:lnTo>
                  <a:lnTo>
                    <a:pt x="0" y="604"/>
                  </a:lnTo>
                  <a:lnTo>
                    <a:pt x="1" y="658"/>
                  </a:lnTo>
                  <a:lnTo>
                    <a:pt x="5" y="733"/>
                  </a:lnTo>
                  <a:lnTo>
                    <a:pt x="16" y="787"/>
                  </a:lnTo>
                  <a:lnTo>
                    <a:pt x="37" y="840"/>
                  </a:lnTo>
                  <a:lnTo>
                    <a:pt x="54" y="873"/>
                  </a:lnTo>
                  <a:lnTo>
                    <a:pt x="74" y="910"/>
                  </a:lnTo>
                  <a:lnTo>
                    <a:pt x="121" y="977"/>
                  </a:lnTo>
                  <a:lnTo>
                    <a:pt x="174" y="1035"/>
                  </a:lnTo>
                  <a:lnTo>
                    <a:pt x="235" y="1084"/>
                  </a:lnTo>
                  <a:lnTo>
                    <a:pt x="301" y="1123"/>
                  </a:lnTo>
                  <a:lnTo>
                    <a:pt x="375" y="1152"/>
                  </a:lnTo>
                  <a:lnTo>
                    <a:pt x="454" y="1172"/>
                  </a:lnTo>
                  <a:lnTo>
                    <a:pt x="539" y="1182"/>
                  </a:lnTo>
                  <a:lnTo>
                    <a:pt x="584" y="1183"/>
                  </a:lnTo>
                  <a:lnTo>
                    <a:pt x="614" y="1183"/>
                  </a:lnTo>
                  <a:lnTo>
                    <a:pt x="671" y="1178"/>
                  </a:lnTo>
                  <a:lnTo>
                    <a:pt x="726" y="1169"/>
                  </a:lnTo>
                  <a:lnTo>
                    <a:pt x="777" y="1155"/>
                  </a:lnTo>
                  <a:lnTo>
                    <a:pt x="826" y="1136"/>
                  </a:lnTo>
                  <a:lnTo>
                    <a:pt x="874" y="1111"/>
                  </a:lnTo>
                  <a:lnTo>
                    <a:pt x="920" y="1080"/>
                  </a:lnTo>
                  <a:lnTo>
                    <a:pt x="966" y="1043"/>
                  </a:lnTo>
                  <a:lnTo>
                    <a:pt x="989" y="1023"/>
                  </a:lnTo>
                  <a:lnTo>
                    <a:pt x="1022" y="990"/>
                  </a:lnTo>
                  <a:lnTo>
                    <a:pt x="1078" y="916"/>
                  </a:lnTo>
                  <a:lnTo>
                    <a:pt x="1122" y="834"/>
                  </a:lnTo>
                  <a:lnTo>
                    <a:pt x="1153" y="747"/>
                  </a:lnTo>
                  <a:lnTo>
                    <a:pt x="1170" y="656"/>
                  </a:lnTo>
                  <a:lnTo>
                    <a:pt x="1173" y="564"/>
                  </a:lnTo>
                  <a:lnTo>
                    <a:pt x="1162" y="471"/>
                  </a:lnTo>
                  <a:lnTo>
                    <a:pt x="1136" y="381"/>
                  </a:lnTo>
                  <a:lnTo>
                    <a:pt x="1117" y="338"/>
                  </a:lnTo>
                  <a:lnTo>
                    <a:pt x="1103" y="311"/>
                  </a:lnTo>
                  <a:lnTo>
                    <a:pt x="1069" y="258"/>
                  </a:lnTo>
                  <a:lnTo>
                    <a:pt x="1028" y="209"/>
                  </a:lnTo>
                  <a:lnTo>
                    <a:pt x="981" y="162"/>
                  </a:lnTo>
                  <a:lnTo>
                    <a:pt x="929" y="120"/>
                  </a:lnTo>
                  <a:lnTo>
                    <a:pt x="873" y="84"/>
                  </a:lnTo>
                  <a:lnTo>
                    <a:pt x="814" y="53"/>
                  </a:lnTo>
                  <a:lnTo>
                    <a:pt x="753" y="28"/>
                  </a:lnTo>
                  <a:lnTo>
                    <a:pt x="722" y="19"/>
                  </a:lnTo>
                  <a:lnTo>
                    <a:pt x="684" y="10"/>
                  </a:lnTo>
                  <a:lnTo>
                    <a:pt x="619" y="0"/>
                  </a:lnTo>
                  <a:lnTo>
                    <a:pt x="558" y="0"/>
                  </a:lnTo>
                  <a:lnTo>
                    <a:pt x="490" y="10"/>
                  </a:lnTo>
                  <a:lnTo>
                    <a:pt x="450" y="19"/>
                  </a:lnTo>
                  <a:close/>
                </a:path>
              </a:pathLst>
            </a:custGeom>
            <a:solidFill>
              <a:schemeClr val="bg2">
                <a:lumMod val="7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342" name="Freeform 8"/>
            <p:cNvSpPr>
              <a:spLocks/>
            </p:cNvSpPr>
            <p:nvPr/>
          </p:nvSpPr>
          <p:spPr bwMode="auto">
            <a:xfrm>
              <a:off x="20073069" y="2497517"/>
              <a:ext cx="16809" cy="16841"/>
            </a:xfrm>
            <a:custGeom>
              <a:avLst/>
              <a:gdLst>
                <a:gd name="T0" fmla="*/ 403 w 1165"/>
                <a:gd name="T1" fmla="*/ 27 h 1182"/>
                <a:gd name="T2" fmla="*/ 370 w 1165"/>
                <a:gd name="T3" fmla="*/ 38 h 1182"/>
                <a:gd name="T4" fmla="*/ 310 w 1165"/>
                <a:gd name="T5" fmla="*/ 63 h 1182"/>
                <a:gd name="T6" fmla="*/ 256 w 1165"/>
                <a:gd name="T7" fmla="*/ 92 h 1182"/>
                <a:gd name="T8" fmla="*/ 207 w 1165"/>
                <a:gd name="T9" fmla="*/ 126 h 1182"/>
                <a:gd name="T10" fmla="*/ 163 w 1165"/>
                <a:gd name="T11" fmla="*/ 164 h 1182"/>
                <a:gd name="T12" fmla="*/ 124 w 1165"/>
                <a:gd name="T13" fmla="*/ 208 h 1182"/>
                <a:gd name="T14" fmla="*/ 89 w 1165"/>
                <a:gd name="T15" fmla="*/ 257 h 1182"/>
                <a:gd name="T16" fmla="*/ 58 w 1165"/>
                <a:gd name="T17" fmla="*/ 313 h 1182"/>
                <a:gd name="T18" fmla="*/ 43 w 1165"/>
                <a:gd name="T19" fmla="*/ 343 h 1182"/>
                <a:gd name="T20" fmla="*/ 32 w 1165"/>
                <a:gd name="T21" fmla="*/ 371 h 1182"/>
                <a:gd name="T22" fmla="*/ 15 w 1165"/>
                <a:gd name="T23" fmla="*/ 420 h 1182"/>
                <a:gd name="T24" fmla="*/ 5 w 1165"/>
                <a:gd name="T25" fmla="*/ 473 h 1182"/>
                <a:gd name="T26" fmla="*/ 1 w 1165"/>
                <a:gd name="T27" fmla="*/ 537 h 1182"/>
                <a:gd name="T28" fmla="*/ 0 w 1165"/>
                <a:gd name="T29" fmla="*/ 578 h 1182"/>
                <a:gd name="T30" fmla="*/ 1 w 1165"/>
                <a:gd name="T31" fmla="*/ 636 h 1182"/>
                <a:gd name="T32" fmla="*/ 10 w 1165"/>
                <a:gd name="T33" fmla="*/ 732 h 1182"/>
                <a:gd name="T34" fmla="*/ 33 w 1165"/>
                <a:gd name="T35" fmla="*/ 814 h 1182"/>
                <a:gd name="T36" fmla="*/ 73 w 1165"/>
                <a:gd name="T37" fmla="*/ 895 h 1182"/>
                <a:gd name="T38" fmla="*/ 102 w 1165"/>
                <a:gd name="T39" fmla="*/ 940 h 1182"/>
                <a:gd name="T40" fmla="*/ 129 w 1165"/>
                <a:gd name="T41" fmla="*/ 978 h 1182"/>
                <a:gd name="T42" fmla="*/ 195 w 1165"/>
                <a:gd name="T43" fmla="*/ 1044 h 1182"/>
                <a:gd name="T44" fmla="*/ 273 w 1165"/>
                <a:gd name="T45" fmla="*/ 1099 h 1182"/>
                <a:gd name="T46" fmla="*/ 361 w 1165"/>
                <a:gd name="T47" fmla="*/ 1141 h 1182"/>
                <a:gd name="T48" fmla="*/ 455 w 1165"/>
                <a:gd name="T49" fmla="*/ 1169 h 1182"/>
                <a:gd name="T50" fmla="*/ 553 w 1165"/>
                <a:gd name="T51" fmla="*/ 1182 h 1182"/>
                <a:gd name="T52" fmla="*/ 651 w 1165"/>
                <a:gd name="T53" fmla="*/ 1181 h 1182"/>
                <a:gd name="T54" fmla="*/ 747 w 1165"/>
                <a:gd name="T55" fmla="*/ 1163 h 1182"/>
                <a:gd name="T56" fmla="*/ 793 w 1165"/>
                <a:gd name="T57" fmla="*/ 1147 h 1182"/>
                <a:gd name="T58" fmla="*/ 817 w 1165"/>
                <a:gd name="T59" fmla="*/ 1137 h 1182"/>
                <a:gd name="T60" fmla="*/ 865 w 1165"/>
                <a:gd name="T61" fmla="*/ 1112 h 1182"/>
                <a:gd name="T62" fmla="*/ 912 w 1165"/>
                <a:gd name="T63" fmla="*/ 1082 h 1182"/>
                <a:gd name="T64" fmla="*/ 957 w 1165"/>
                <a:gd name="T65" fmla="*/ 1046 h 1182"/>
                <a:gd name="T66" fmla="*/ 1000 w 1165"/>
                <a:gd name="T67" fmla="*/ 1007 h 1182"/>
                <a:gd name="T68" fmla="*/ 1039 w 1165"/>
                <a:gd name="T69" fmla="*/ 965 h 1182"/>
                <a:gd name="T70" fmla="*/ 1073 w 1165"/>
                <a:gd name="T71" fmla="*/ 920 h 1182"/>
                <a:gd name="T72" fmla="*/ 1103 w 1165"/>
                <a:gd name="T73" fmla="*/ 873 h 1182"/>
                <a:gd name="T74" fmla="*/ 1115 w 1165"/>
                <a:gd name="T75" fmla="*/ 850 h 1182"/>
                <a:gd name="T76" fmla="*/ 1131 w 1165"/>
                <a:gd name="T77" fmla="*/ 819 h 1182"/>
                <a:gd name="T78" fmla="*/ 1151 w 1165"/>
                <a:gd name="T79" fmla="*/ 768 h 1182"/>
                <a:gd name="T80" fmla="*/ 1161 w 1165"/>
                <a:gd name="T81" fmla="*/ 714 h 1182"/>
                <a:gd name="T82" fmla="*/ 1165 w 1165"/>
                <a:gd name="T83" fmla="*/ 640 h 1182"/>
                <a:gd name="T84" fmla="*/ 1165 w 1165"/>
                <a:gd name="T85" fmla="*/ 587 h 1182"/>
                <a:gd name="T86" fmla="*/ 1164 w 1165"/>
                <a:gd name="T87" fmla="*/ 523 h 1182"/>
                <a:gd name="T88" fmla="*/ 1157 w 1165"/>
                <a:gd name="T89" fmla="*/ 446 h 1182"/>
                <a:gd name="T90" fmla="*/ 1148 w 1165"/>
                <a:gd name="T91" fmla="*/ 402 h 1182"/>
                <a:gd name="T92" fmla="*/ 1134 w 1165"/>
                <a:gd name="T93" fmla="*/ 360 h 1182"/>
                <a:gd name="T94" fmla="*/ 1114 w 1165"/>
                <a:gd name="T95" fmla="*/ 320 h 1182"/>
                <a:gd name="T96" fmla="*/ 1075 w 1165"/>
                <a:gd name="T97" fmla="*/ 258 h 1182"/>
                <a:gd name="T98" fmla="*/ 1038 w 1165"/>
                <a:gd name="T99" fmla="*/ 210 h 1182"/>
                <a:gd name="T100" fmla="*/ 1011 w 1165"/>
                <a:gd name="T101" fmla="*/ 177 h 1182"/>
                <a:gd name="T102" fmla="*/ 947 w 1165"/>
                <a:gd name="T103" fmla="*/ 120 h 1182"/>
                <a:gd name="T104" fmla="*/ 875 w 1165"/>
                <a:gd name="T105" fmla="*/ 72 h 1182"/>
                <a:gd name="T106" fmla="*/ 796 w 1165"/>
                <a:gd name="T107" fmla="*/ 37 h 1182"/>
                <a:gd name="T108" fmla="*/ 712 w 1165"/>
                <a:gd name="T109" fmla="*/ 12 h 1182"/>
                <a:gd name="T110" fmla="*/ 624 w 1165"/>
                <a:gd name="T111" fmla="*/ 0 h 1182"/>
                <a:gd name="T112" fmla="*/ 535 w 1165"/>
                <a:gd name="T113" fmla="*/ 0 h 1182"/>
                <a:gd name="T114" fmla="*/ 447 w 1165"/>
                <a:gd name="T115" fmla="*/ 14 h 1182"/>
                <a:gd name="T116" fmla="*/ 403 w 1165"/>
                <a:gd name="T117" fmla="*/ 27 h 1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165" h="1182">
                  <a:moveTo>
                    <a:pt x="403" y="27"/>
                  </a:moveTo>
                  <a:lnTo>
                    <a:pt x="370" y="38"/>
                  </a:lnTo>
                  <a:lnTo>
                    <a:pt x="310" y="63"/>
                  </a:lnTo>
                  <a:lnTo>
                    <a:pt x="256" y="92"/>
                  </a:lnTo>
                  <a:lnTo>
                    <a:pt x="207" y="126"/>
                  </a:lnTo>
                  <a:lnTo>
                    <a:pt x="163" y="164"/>
                  </a:lnTo>
                  <a:lnTo>
                    <a:pt x="124" y="208"/>
                  </a:lnTo>
                  <a:lnTo>
                    <a:pt x="89" y="257"/>
                  </a:lnTo>
                  <a:lnTo>
                    <a:pt x="58" y="313"/>
                  </a:lnTo>
                  <a:lnTo>
                    <a:pt x="43" y="343"/>
                  </a:lnTo>
                  <a:lnTo>
                    <a:pt x="32" y="371"/>
                  </a:lnTo>
                  <a:lnTo>
                    <a:pt x="15" y="420"/>
                  </a:lnTo>
                  <a:lnTo>
                    <a:pt x="5" y="473"/>
                  </a:lnTo>
                  <a:lnTo>
                    <a:pt x="1" y="537"/>
                  </a:lnTo>
                  <a:lnTo>
                    <a:pt x="0" y="578"/>
                  </a:lnTo>
                  <a:lnTo>
                    <a:pt x="1" y="636"/>
                  </a:lnTo>
                  <a:lnTo>
                    <a:pt x="10" y="732"/>
                  </a:lnTo>
                  <a:lnTo>
                    <a:pt x="33" y="814"/>
                  </a:lnTo>
                  <a:lnTo>
                    <a:pt x="73" y="895"/>
                  </a:lnTo>
                  <a:lnTo>
                    <a:pt x="102" y="940"/>
                  </a:lnTo>
                  <a:lnTo>
                    <a:pt x="129" y="978"/>
                  </a:lnTo>
                  <a:lnTo>
                    <a:pt x="195" y="1044"/>
                  </a:lnTo>
                  <a:lnTo>
                    <a:pt x="273" y="1099"/>
                  </a:lnTo>
                  <a:lnTo>
                    <a:pt x="361" y="1141"/>
                  </a:lnTo>
                  <a:lnTo>
                    <a:pt x="455" y="1169"/>
                  </a:lnTo>
                  <a:lnTo>
                    <a:pt x="553" y="1182"/>
                  </a:lnTo>
                  <a:lnTo>
                    <a:pt x="651" y="1181"/>
                  </a:lnTo>
                  <a:lnTo>
                    <a:pt x="747" y="1163"/>
                  </a:lnTo>
                  <a:lnTo>
                    <a:pt x="793" y="1147"/>
                  </a:lnTo>
                  <a:lnTo>
                    <a:pt x="817" y="1137"/>
                  </a:lnTo>
                  <a:lnTo>
                    <a:pt x="865" y="1112"/>
                  </a:lnTo>
                  <a:lnTo>
                    <a:pt x="912" y="1082"/>
                  </a:lnTo>
                  <a:lnTo>
                    <a:pt x="957" y="1046"/>
                  </a:lnTo>
                  <a:lnTo>
                    <a:pt x="1000" y="1007"/>
                  </a:lnTo>
                  <a:lnTo>
                    <a:pt x="1039" y="965"/>
                  </a:lnTo>
                  <a:lnTo>
                    <a:pt x="1073" y="920"/>
                  </a:lnTo>
                  <a:lnTo>
                    <a:pt x="1103" y="873"/>
                  </a:lnTo>
                  <a:lnTo>
                    <a:pt x="1115" y="850"/>
                  </a:lnTo>
                  <a:lnTo>
                    <a:pt x="1131" y="819"/>
                  </a:lnTo>
                  <a:lnTo>
                    <a:pt x="1151" y="768"/>
                  </a:lnTo>
                  <a:lnTo>
                    <a:pt x="1161" y="714"/>
                  </a:lnTo>
                  <a:lnTo>
                    <a:pt x="1165" y="640"/>
                  </a:lnTo>
                  <a:lnTo>
                    <a:pt x="1165" y="587"/>
                  </a:lnTo>
                  <a:lnTo>
                    <a:pt x="1164" y="523"/>
                  </a:lnTo>
                  <a:lnTo>
                    <a:pt x="1157" y="446"/>
                  </a:lnTo>
                  <a:lnTo>
                    <a:pt x="1148" y="402"/>
                  </a:lnTo>
                  <a:lnTo>
                    <a:pt x="1134" y="360"/>
                  </a:lnTo>
                  <a:lnTo>
                    <a:pt x="1114" y="320"/>
                  </a:lnTo>
                  <a:lnTo>
                    <a:pt x="1075" y="258"/>
                  </a:lnTo>
                  <a:lnTo>
                    <a:pt x="1038" y="210"/>
                  </a:lnTo>
                  <a:lnTo>
                    <a:pt x="1011" y="177"/>
                  </a:lnTo>
                  <a:lnTo>
                    <a:pt x="947" y="120"/>
                  </a:lnTo>
                  <a:lnTo>
                    <a:pt x="875" y="72"/>
                  </a:lnTo>
                  <a:lnTo>
                    <a:pt x="796" y="37"/>
                  </a:lnTo>
                  <a:lnTo>
                    <a:pt x="712" y="12"/>
                  </a:lnTo>
                  <a:lnTo>
                    <a:pt x="624" y="0"/>
                  </a:lnTo>
                  <a:lnTo>
                    <a:pt x="535" y="0"/>
                  </a:lnTo>
                  <a:lnTo>
                    <a:pt x="447" y="14"/>
                  </a:lnTo>
                  <a:lnTo>
                    <a:pt x="403" y="27"/>
                  </a:lnTo>
                  <a:close/>
                </a:path>
              </a:pathLst>
            </a:custGeom>
            <a:solidFill>
              <a:schemeClr val="bg2">
                <a:lumMod val="75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grpSp>
      <p:grpSp>
        <p:nvGrpSpPr>
          <p:cNvPr id="28" name="Group 27"/>
          <p:cNvGrpSpPr/>
          <p:nvPr/>
        </p:nvGrpSpPr>
        <p:grpSpPr>
          <a:xfrm>
            <a:off x="2172079" y="3882401"/>
            <a:ext cx="16745881" cy="6057410"/>
            <a:chOff x="1383071" y="10308087"/>
            <a:chExt cx="10521981" cy="3620069"/>
          </a:xfrm>
        </p:grpSpPr>
        <p:sp>
          <p:nvSpPr>
            <p:cNvPr id="358" name="OTLSHAPE_SL_ffee1e79b85943a28c39454ea880fda8_BackgroundRectangle">
              <a:extLst>
                <a:ext uri="{FF2B5EF4-FFF2-40B4-BE49-F238E27FC236}">
                  <a16:creationId xmlns:a16="http://schemas.microsoft.com/office/drawing/2014/main" id="{CA725516-BF6D-40AC-916D-FE02D0477FFC}"/>
                </a:ext>
              </a:extLst>
            </p:cNvPr>
            <p:cNvSpPr/>
            <p:nvPr>
              <p:custDataLst>
                <p:tags r:id="rId8"/>
              </p:custDataLst>
            </p:nvPr>
          </p:nvSpPr>
          <p:spPr>
            <a:xfrm>
              <a:off x="1398048" y="10308087"/>
              <a:ext cx="10507004" cy="907621"/>
            </a:xfrm>
            <a:prstGeom prst="rect">
              <a:avLst/>
            </a:prstGeom>
            <a:solidFill>
              <a:srgbClr val="70AD47">
                <a:alpha val="14902"/>
              </a:srgbClr>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833" b="0" i="0" u="none" strike="noStrike" kern="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359" name="OTLSHAPE_SLT_c60910096d5a4b6f9de76b63feadcf94_Shape">
              <a:extLst>
                <a:ext uri="{FF2B5EF4-FFF2-40B4-BE49-F238E27FC236}">
                  <a16:creationId xmlns:a16="http://schemas.microsoft.com/office/drawing/2014/main" id="{11FA8F44-CE46-4F40-8F67-44C301B05425}"/>
                </a:ext>
              </a:extLst>
            </p:cNvPr>
            <p:cNvSpPr/>
            <p:nvPr>
              <p:custDataLst>
                <p:tags r:id="rId9"/>
              </p:custDataLst>
            </p:nvPr>
          </p:nvSpPr>
          <p:spPr>
            <a:xfrm>
              <a:off x="3581675" y="10384734"/>
              <a:ext cx="8086590" cy="155448"/>
            </a:xfrm>
            <a:prstGeom prst="snip2DiagRect">
              <a:avLst>
                <a:gd name="adj1" fmla="val 100000"/>
                <a:gd name="adj2" fmla="val 16667"/>
              </a:avLst>
            </a:prstGeom>
            <a:solidFill>
              <a:srgbClr val="70AD47"/>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r>
                <a:rPr kumimoji="0" lang="en-US" sz="1833" b="1" i="0" u="none" strike="noStrike" kern="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rPr>
                <a:t>Clinical Oversight</a:t>
              </a:r>
            </a:p>
          </p:txBody>
        </p:sp>
        <p:sp>
          <p:nvSpPr>
            <p:cNvPr id="360" name="OTLSHAPE_SLT_c60910096d5a4b6f9de76b63feadcf94_Shape">
              <a:extLst>
                <a:ext uri="{FF2B5EF4-FFF2-40B4-BE49-F238E27FC236}">
                  <a16:creationId xmlns:a16="http://schemas.microsoft.com/office/drawing/2014/main" id="{11FA8F44-CE46-4F40-8F67-44C301B05425}"/>
                </a:ext>
              </a:extLst>
            </p:cNvPr>
            <p:cNvSpPr/>
            <p:nvPr>
              <p:custDataLst>
                <p:tags r:id="rId10"/>
              </p:custDataLst>
            </p:nvPr>
          </p:nvSpPr>
          <p:spPr>
            <a:xfrm>
              <a:off x="6735781" y="10704682"/>
              <a:ext cx="4641231" cy="155448"/>
            </a:xfrm>
            <a:prstGeom prst="snip2DiagRect">
              <a:avLst>
                <a:gd name="adj1" fmla="val 100000"/>
                <a:gd name="adj2" fmla="val 16667"/>
              </a:avLst>
            </a:prstGeom>
            <a:solidFill>
              <a:srgbClr val="70AD47"/>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r>
                <a:rPr kumimoji="0" lang="en-US" sz="1833" b="1" i="0" u="none" strike="noStrike" kern="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rPr>
                <a:t>Provider Oversight </a:t>
              </a:r>
            </a:p>
          </p:txBody>
        </p:sp>
        <p:sp>
          <p:nvSpPr>
            <p:cNvPr id="361" name="OTLSHAPE_SLT_c60910096d5a4b6f9de76b63feadcf94_Shape">
              <a:extLst>
                <a:ext uri="{FF2B5EF4-FFF2-40B4-BE49-F238E27FC236}">
                  <a16:creationId xmlns:a16="http://schemas.microsoft.com/office/drawing/2014/main" id="{28228329-59CA-4559-6E2D-DF9CCBE2CE11}"/>
                </a:ext>
              </a:extLst>
            </p:cNvPr>
            <p:cNvSpPr/>
            <p:nvPr>
              <p:custDataLst>
                <p:tags r:id="rId11"/>
              </p:custDataLst>
            </p:nvPr>
          </p:nvSpPr>
          <p:spPr>
            <a:xfrm>
              <a:off x="3489187" y="10991994"/>
              <a:ext cx="8039203" cy="155448"/>
            </a:xfrm>
            <a:prstGeom prst="snip2DiagRect">
              <a:avLst>
                <a:gd name="adj1" fmla="val 100000"/>
                <a:gd name="adj2" fmla="val 16667"/>
              </a:avLst>
            </a:prstGeom>
            <a:solidFill>
              <a:srgbClr val="70AD47"/>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r>
                <a:rPr kumimoji="0" lang="en-US" sz="1833" b="1" i="0" u="none" strike="noStrike" kern="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rPr>
                <a:t>Patient engagement </a:t>
              </a:r>
            </a:p>
          </p:txBody>
        </p:sp>
        <p:grpSp>
          <p:nvGrpSpPr>
            <p:cNvPr id="362" name="Group 361"/>
            <p:cNvGrpSpPr/>
            <p:nvPr/>
          </p:nvGrpSpPr>
          <p:grpSpPr>
            <a:xfrm>
              <a:off x="1383071" y="12504666"/>
              <a:ext cx="10483308" cy="512826"/>
              <a:chOff x="1300207" y="4379741"/>
              <a:chExt cx="10483308" cy="512826"/>
            </a:xfrm>
          </p:grpSpPr>
          <p:sp>
            <p:nvSpPr>
              <p:cNvPr id="363" name="OTLSHAPE_SL_9cf0b9a3b4064869b9ae748fb5efbb51_BackgroundRectangle">
                <a:extLst>
                  <a:ext uri="{FF2B5EF4-FFF2-40B4-BE49-F238E27FC236}">
                    <a16:creationId xmlns:a16="http://schemas.microsoft.com/office/drawing/2014/main" id="{D42D8BE7-7C53-4B49-B22B-645D6CD9FAF8}"/>
                  </a:ext>
                </a:extLst>
              </p:cNvPr>
              <p:cNvSpPr/>
              <p:nvPr>
                <p:custDataLst>
                  <p:tags r:id="rId22"/>
                </p:custDataLst>
              </p:nvPr>
            </p:nvSpPr>
            <p:spPr>
              <a:xfrm>
                <a:off x="1300207" y="4379741"/>
                <a:ext cx="10483308" cy="512826"/>
              </a:xfrm>
              <a:prstGeom prst="rect">
                <a:avLst/>
              </a:prstGeom>
              <a:solidFill>
                <a:srgbClr val="FFC000">
                  <a:alpha val="14902"/>
                </a:srgbClr>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833" b="0" i="0" u="none" strike="noStrike" kern="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364" name="OTLSHAPE_SLT_1f3ecdb523214d1c858ab8fb12392a13_Shape">
                <a:extLst>
                  <a:ext uri="{FF2B5EF4-FFF2-40B4-BE49-F238E27FC236}">
                    <a16:creationId xmlns:a16="http://schemas.microsoft.com/office/drawing/2014/main" id="{C4E5A75A-BFA2-40E8-B57A-5B4DA777E209}"/>
                  </a:ext>
                </a:extLst>
              </p:cNvPr>
              <p:cNvSpPr/>
              <p:nvPr>
                <p:custDataLst>
                  <p:tags r:id="rId23"/>
                </p:custDataLst>
              </p:nvPr>
            </p:nvSpPr>
            <p:spPr>
              <a:xfrm>
                <a:off x="2613652" y="4572619"/>
                <a:ext cx="9010693" cy="155448"/>
              </a:xfrm>
              <a:prstGeom prst="snip2DiagRect">
                <a:avLst>
                  <a:gd name="adj1" fmla="val 100000"/>
                  <a:gd name="adj2" fmla="val 16667"/>
                </a:avLst>
              </a:prstGeom>
              <a:solidFill>
                <a:srgbClr val="FFC000"/>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defRPr/>
                </a:pPr>
                <a:r>
                  <a:rPr lang="en-US" sz="1833" b="1" spc="-13">
                    <a:solidFill>
                      <a:schemeClr val="accent2">
                        <a:lumMod val="50000"/>
                      </a:schemeClr>
                    </a:solidFill>
                    <a:latin typeface="Arial" panose="020B0604020202020204" pitchFamily="34" charset="0"/>
                    <a:cs typeface="Arial" panose="020B0604020202020204" pitchFamily="34" charset="0"/>
                  </a:rPr>
                  <a:t>Claims data + Referral Script + IE data + PT on-going treatment data + Billing data</a:t>
                </a:r>
              </a:p>
            </p:txBody>
          </p:sp>
        </p:grpSp>
        <p:grpSp>
          <p:nvGrpSpPr>
            <p:cNvPr id="365" name="Group 364"/>
            <p:cNvGrpSpPr/>
            <p:nvPr/>
          </p:nvGrpSpPr>
          <p:grpSpPr>
            <a:xfrm>
              <a:off x="1383071" y="13131663"/>
              <a:ext cx="10495226" cy="796493"/>
              <a:chOff x="12328420" y="5364625"/>
              <a:chExt cx="10495226" cy="796493"/>
            </a:xfrm>
          </p:grpSpPr>
          <p:sp>
            <p:nvSpPr>
              <p:cNvPr id="366" name="OTLSHAPE_SL_9cf0b9a3b4064869b9ae748fb5efbb51_BackgroundRectangle">
                <a:extLst>
                  <a:ext uri="{FF2B5EF4-FFF2-40B4-BE49-F238E27FC236}">
                    <a16:creationId xmlns:a16="http://schemas.microsoft.com/office/drawing/2014/main" id="{D42D8BE7-7C53-4B49-B22B-645D6CD9FAF8}"/>
                  </a:ext>
                </a:extLst>
              </p:cNvPr>
              <p:cNvSpPr/>
              <p:nvPr>
                <p:custDataLst>
                  <p:tags r:id="rId18"/>
                </p:custDataLst>
              </p:nvPr>
            </p:nvSpPr>
            <p:spPr>
              <a:xfrm>
                <a:off x="12328420" y="5364625"/>
                <a:ext cx="10495226" cy="796493"/>
              </a:xfrm>
              <a:prstGeom prst="rect">
                <a:avLst/>
              </a:prstGeom>
              <a:solidFill>
                <a:srgbClr val="4472C4">
                  <a:lumMod val="20000"/>
                  <a:lumOff val="80000"/>
                  <a:alpha val="14902"/>
                </a:srgbClr>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833" b="0" i="0" u="none" strike="noStrike" kern="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367" name="OTLSHAPE_SLT_1f3ecdb523214d1c858ab8fb12392a13_Shape">
                <a:extLst>
                  <a:ext uri="{FF2B5EF4-FFF2-40B4-BE49-F238E27FC236}">
                    <a16:creationId xmlns:a16="http://schemas.microsoft.com/office/drawing/2014/main" id="{C4E5A75A-BFA2-40E8-B57A-5B4DA777E209}"/>
                  </a:ext>
                </a:extLst>
              </p:cNvPr>
              <p:cNvSpPr/>
              <p:nvPr>
                <p:custDataLst>
                  <p:tags r:id="rId19"/>
                </p:custDataLst>
              </p:nvPr>
            </p:nvSpPr>
            <p:spPr>
              <a:xfrm>
                <a:off x="15849885" y="5429740"/>
                <a:ext cx="6762475" cy="155448"/>
              </a:xfrm>
              <a:prstGeom prst="snip2DiagRect">
                <a:avLst>
                  <a:gd name="adj1" fmla="val 100000"/>
                  <a:gd name="adj2" fmla="val 16667"/>
                </a:avLst>
              </a:prstGeom>
              <a:solidFill>
                <a:srgbClr val="00B0F0"/>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r>
                  <a:rPr kumimoji="0" lang="en-US" sz="1833" b="1" i="0" u="none" strike="noStrike" kern="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rPr>
                  <a:t>Flag at risk PT claims + Key insight / recommendations on subset of claims</a:t>
                </a:r>
              </a:p>
            </p:txBody>
          </p:sp>
          <p:sp>
            <p:nvSpPr>
              <p:cNvPr id="368" name="OTLSHAPE_SLT_1f3ecdb523214d1c858ab8fb12392a13_Shape">
                <a:extLst>
                  <a:ext uri="{FF2B5EF4-FFF2-40B4-BE49-F238E27FC236}">
                    <a16:creationId xmlns:a16="http://schemas.microsoft.com/office/drawing/2014/main" id="{C4E5A75A-BFA2-40E8-B57A-5B4DA777E209}"/>
                  </a:ext>
                </a:extLst>
              </p:cNvPr>
              <p:cNvSpPr/>
              <p:nvPr>
                <p:custDataLst>
                  <p:tags r:id="rId20"/>
                </p:custDataLst>
              </p:nvPr>
            </p:nvSpPr>
            <p:spPr>
              <a:xfrm>
                <a:off x="12467055" y="5685703"/>
                <a:ext cx="10145305" cy="155448"/>
              </a:xfrm>
              <a:prstGeom prst="snip2DiagRect">
                <a:avLst>
                  <a:gd name="adj1" fmla="val 100000"/>
                  <a:gd name="adj2" fmla="val 16667"/>
                </a:avLst>
              </a:prstGeom>
              <a:solidFill>
                <a:schemeClr val="accent5">
                  <a:lumMod val="75000"/>
                </a:schemeClr>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lvl="0" algn="ctr">
                  <a:defRPr/>
                </a:pPr>
                <a:r>
                  <a:rPr kumimoji="0" lang="en-US" sz="1833" b="1"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rPr>
                  <a:t>Provider Dashboard</a:t>
                </a:r>
                <a:r>
                  <a:rPr lang="en-US" sz="1833" b="1" kern="0">
                    <a:solidFill>
                      <a:prstClr val="white"/>
                    </a:solidFill>
                    <a:latin typeface="Arial" panose="020B0604020202020204" pitchFamily="34" charset="0"/>
                    <a:cs typeface="Arial" panose="020B0604020202020204" pitchFamily="34" charset="0"/>
                  </a:rPr>
                  <a:t> for program success metrics and drilling down to the case level</a:t>
                </a:r>
              </a:p>
            </p:txBody>
          </p:sp>
          <p:sp>
            <p:nvSpPr>
              <p:cNvPr id="369" name="OTLSHAPE_SLT_1f3ecdb523214d1c858ab8fb12392a13_Shape">
                <a:extLst>
                  <a:ext uri="{FF2B5EF4-FFF2-40B4-BE49-F238E27FC236}">
                    <a16:creationId xmlns:a16="http://schemas.microsoft.com/office/drawing/2014/main" id="{C4E5A75A-BFA2-40E8-B57A-5B4DA777E209}"/>
                  </a:ext>
                </a:extLst>
              </p:cNvPr>
              <p:cNvSpPr/>
              <p:nvPr>
                <p:custDataLst>
                  <p:tags r:id="rId21"/>
                </p:custDataLst>
              </p:nvPr>
            </p:nvSpPr>
            <p:spPr>
              <a:xfrm>
                <a:off x="12467055" y="5931466"/>
                <a:ext cx="10145305" cy="155448"/>
              </a:xfrm>
              <a:prstGeom prst="snip2DiagRect">
                <a:avLst>
                  <a:gd name="adj1" fmla="val 100000"/>
                  <a:gd name="adj2" fmla="val 16667"/>
                </a:avLst>
              </a:prstGeom>
              <a:solidFill>
                <a:schemeClr val="accent5">
                  <a:lumMod val="75000"/>
                </a:schemeClr>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r>
                  <a:rPr kumimoji="0" lang="en-US" sz="1833" b="1" i="0" u="none" strike="noStrike" kern="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rPr>
                  <a:t>Client Insights</a:t>
                </a:r>
                <a:r>
                  <a:rPr kumimoji="0" lang="en-US" sz="1833" b="1" i="0" u="none" strike="noStrike" kern="0" cap="none" spc="0" normalizeH="0" noProof="0">
                    <a:ln>
                      <a:noFill/>
                    </a:ln>
                    <a:solidFill>
                      <a:prstClr val="white"/>
                    </a:solidFill>
                    <a:effectLst/>
                    <a:uLnTx/>
                    <a:uFillTx/>
                    <a:latin typeface="Arial" panose="020B0604020202020204" pitchFamily="34" charset="0"/>
                    <a:ea typeface="+mn-ea"/>
                    <a:cs typeface="Arial" panose="020B0604020202020204" pitchFamily="34" charset="0"/>
                  </a:rPr>
                  <a:t> Dashboard for program success metrics and drilling down to the case level</a:t>
                </a:r>
                <a:endParaRPr kumimoji="0" lang="en-US" sz="1833" b="1" i="0" u="none" strike="noStrike" kern="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grpSp>
        <p:grpSp>
          <p:nvGrpSpPr>
            <p:cNvPr id="370" name="Group 369"/>
            <p:cNvGrpSpPr/>
            <p:nvPr/>
          </p:nvGrpSpPr>
          <p:grpSpPr>
            <a:xfrm>
              <a:off x="1393948" y="11294512"/>
              <a:ext cx="10432227" cy="1136627"/>
              <a:chOff x="1571691" y="3154647"/>
              <a:chExt cx="10304924" cy="1136627"/>
            </a:xfrm>
          </p:grpSpPr>
          <p:sp>
            <p:nvSpPr>
              <p:cNvPr id="371" name="OTLSHAPE_SL_089d7eb988274527948a1ef4646e8746_BackgroundRectangle">
                <a:extLst>
                  <a:ext uri="{FF2B5EF4-FFF2-40B4-BE49-F238E27FC236}">
                    <a16:creationId xmlns:a16="http://schemas.microsoft.com/office/drawing/2014/main" id="{42D619D9-7EEF-408A-B01F-CC72B1634F44}"/>
                  </a:ext>
                </a:extLst>
              </p:cNvPr>
              <p:cNvSpPr/>
              <p:nvPr>
                <p:custDataLst>
                  <p:tags r:id="rId12"/>
                </p:custDataLst>
              </p:nvPr>
            </p:nvSpPr>
            <p:spPr>
              <a:xfrm>
                <a:off x="1571691" y="3154647"/>
                <a:ext cx="10304924" cy="1136627"/>
              </a:xfrm>
              <a:prstGeom prst="rect">
                <a:avLst/>
              </a:prstGeom>
              <a:solidFill>
                <a:srgbClr val="ED7D31">
                  <a:alpha val="14902"/>
                </a:srgbClr>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833" b="0" i="0" u="none" strike="noStrike" kern="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endParaRPr>
              </a:p>
            </p:txBody>
          </p:sp>
          <p:sp>
            <p:nvSpPr>
              <p:cNvPr id="372" name="OTLSHAPE_SLT_c60910096d5a4b6f9de76b63feadcf94_Shape">
                <a:extLst>
                  <a:ext uri="{FF2B5EF4-FFF2-40B4-BE49-F238E27FC236}">
                    <a16:creationId xmlns:a16="http://schemas.microsoft.com/office/drawing/2014/main" id="{11FA8F44-CE46-4F40-8F67-44C301B05425}"/>
                  </a:ext>
                </a:extLst>
              </p:cNvPr>
              <p:cNvSpPr/>
              <p:nvPr>
                <p:custDataLst>
                  <p:tags r:id="rId13"/>
                </p:custDataLst>
              </p:nvPr>
            </p:nvSpPr>
            <p:spPr>
              <a:xfrm>
                <a:off x="3379498" y="3771569"/>
                <a:ext cx="8223343" cy="155448"/>
              </a:xfrm>
              <a:prstGeom prst="snip2DiagRect">
                <a:avLst>
                  <a:gd name="adj1" fmla="val 100000"/>
                  <a:gd name="adj2" fmla="val 16667"/>
                </a:avLst>
              </a:prstGeom>
              <a:solidFill>
                <a:srgbClr val="ED7D31"/>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r>
                  <a:rPr kumimoji="0" lang="en-US" sz="1833" b="1" i="0" u="none" strike="noStrike" kern="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rPr>
                  <a:t>Enhanced Communication via 2-way text messaging</a:t>
                </a:r>
              </a:p>
            </p:txBody>
          </p:sp>
          <p:sp>
            <p:nvSpPr>
              <p:cNvPr id="373" name="AutoShape 10"/>
              <p:cNvSpPr>
                <a:spLocks noChangeAspect="1" noChangeArrowheads="1" noTextEdit="1"/>
              </p:cNvSpPr>
              <p:nvPr/>
            </p:nvSpPr>
            <p:spPr bwMode="auto">
              <a:xfrm>
                <a:off x="3228725" y="3206638"/>
                <a:ext cx="666750" cy="6667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374" name="OTLSHAPE_SLT_f1b03b9fadb246d6b74eef66d2c662d1_Shape">
                <a:extLst>
                  <a:ext uri="{FF2B5EF4-FFF2-40B4-BE49-F238E27FC236}">
                    <a16:creationId xmlns:a16="http://schemas.microsoft.com/office/drawing/2014/main" id="{2EC68B91-759E-4BE2-92C9-FB12B30AE322}"/>
                  </a:ext>
                </a:extLst>
              </p:cNvPr>
              <p:cNvSpPr/>
              <p:nvPr>
                <p:custDataLst>
                  <p:tags r:id="rId14"/>
                </p:custDataLst>
              </p:nvPr>
            </p:nvSpPr>
            <p:spPr>
              <a:xfrm>
                <a:off x="3340273" y="3294266"/>
                <a:ext cx="2517314" cy="155448"/>
              </a:xfrm>
              <a:prstGeom prst="snip2DiagRect">
                <a:avLst>
                  <a:gd name="adj1" fmla="val 100000"/>
                  <a:gd name="adj2" fmla="val 16667"/>
                </a:avLst>
              </a:prstGeom>
              <a:solidFill>
                <a:srgbClr val="ED7D31"/>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defRPr/>
                </a:pPr>
                <a:r>
                  <a:rPr lang="en-US" sz="1833" b="1" spc="-13">
                    <a:solidFill>
                      <a:prstClr val="white"/>
                    </a:solidFill>
                    <a:latin typeface="Arial" panose="020B0604020202020204" pitchFamily="34" charset="0"/>
                    <a:cs typeface="Arial" panose="020B0604020202020204" pitchFamily="34" charset="0"/>
                  </a:rPr>
                  <a:t>Sentiment Analysis</a:t>
                </a:r>
              </a:p>
            </p:txBody>
          </p:sp>
          <p:sp>
            <p:nvSpPr>
              <p:cNvPr id="375" name="OTLSHAPE_SLA_0723a534b8b04d848ad49d960b833b9c_Title">
                <a:extLst>
                  <a:ext uri="{FF2B5EF4-FFF2-40B4-BE49-F238E27FC236}">
                    <a16:creationId xmlns:a16="http://schemas.microsoft.com/office/drawing/2014/main" id="{72D121A0-C10F-4E33-ADC6-72F6C42E6E34}"/>
                  </a:ext>
                </a:extLst>
              </p:cNvPr>
              <p:cNvSpPr txBox="1"/>
              <p:nvPr>
                <p:custDataLst>
                  <p:tags r:id="rId15"/>
                </p:custDataLst>
              </p:nvPr>
            </p:nvSpPr>
            <p:spPr>
              <a:xfrm>
                <a:off x="2807279" y="3551849"/>
                <a:ext cx="1598368" cy="169277"/>
              </a:xfrm>
              <a:prstGeom prst="rect">
                <a:avLst/>
              </a:prstGeom>
              <a:noFill/>
            </p:spPr>
            <p:txBody>
              <a:bodyPr vert="horz" wrap="square" lIns="0" tIns="0" rIns="0" bIns="0" rtlCol="0" anchor="ctr" anchorCtr="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r>
                  <a:rPr lang="en-US" sz="1833" b="1" spc="-13">
                    <a:solidFill>
                      <a:schemeClr val="bg2">
                        <a:lumMod val="25000"/>
                      </a:schemeClr>
                    </a:solidFill>
                    <a:latin typeface="Arial" panose="020B0604020202020204" pitchFamily="34" charset="0"/>
                    <a:cs typeface="Arial" panose="020B0604020202020204" pitchFamily="34" charset="0"/>
                  </a:rPr>
                  <a:t>Provider SmartMatch</a:t>
                </a:r>
              </a:p>
            </p:txBody>
          </p:sp>
          <p:sp>
            <p:nvSpPr>
              <p:cNvPr id="376" name="OTLSHAPE_SLT_c60910096d5a4b6f9de76b63feadcf94_Shape">
                <a:extLst>
                  <a:ext uri="{FF2B5EF4-FFF2-40B4-BE49-F238E27FC236}">
                    <a16:creationId xmlns:a16="http://schemas.microsoft.com/office/drawing/2014/main" id="{11FA8F44-CE46-4F40-8F67-44C301B05425}"/>
                  </a:ext>
                </a:extLst>
              </p:cNvPr>
              <p:cNvSpPr/>
              <p:nvPr>
                <p:custDataLst>
                  <p:tags r:id="rId16"/>
                </p:custDataLst>
              </p:nvPr>
            </p:nvSpPr>
            <p:spPr>
              <a:xfrm>
                <a:off x="4995409" y="3492021"/>
                <a:ext cx="6607432" cy="155448"/>
              </a:xfrm>
              <a:prstGeom prst="snip2DiagRect">
                <a:avLst>
                  <a:gd name="adj1" fmla="val 100000"/>
                  <a:gd name="adj2" fmla="val 16667"/>
                </a:avLst>
              </a:prstGeom>
              <a:solidFill>
                <a:srgbClr val="ED7D31"/>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defRPr/>
                </a:pPr>
                <a:r>
                  <a:rPr lang="en-US" sz="1833" b="1" spc="-10">
                    <a:solidFill>
                      <a:prstClr val="white"/>
                    </a:solidFill>
                    <a:latin typeface="Arial" panose="020B0604020202020204" pitchFamily="34" charset="0"/>
                    <a:cs typeface="Arial" panose="020B0604020202020204" pitchFamily="34" charset="0"/>
                  </a:rPr>
                  <a:t>Notes Summarization</a:t>
                </a:r>
              </a:p>
            </p:txBody>
          </p:sp>
          <p:sp>
            <p:nvSpPr>
              <p:cNvPr id="377" name="OTLSHAPE_SLT_c60910096d5a4b6f9de76b63feadcf94_Shape">
                <a:extLst>
                  <a:ext uri="{FF2B5EF4-FFF2-40B4-BE49-F238E27FC236}">
                    <a16:creationId xmlns:a16="http://schemas.microsoft.com/office/drawing/2014/main" id="{11FA8F44-CE46-4F40-8F67-44C301B05425}"/>
                  </a:ext>
                </a:extLst>
              </p:cNvPr>
              <p:cNvSpPr/>
              <p:nvPr>
                <p:custDataLst>
                  <p:tags r:id="rId17"/>
                </p:custDataLst>
              </p:nvPr>
            </p:nvSpPr>
            <p:spPr>
              <a:xfrm>
                <a:off x="3056365" y="4071004"/>
                <a:ext cx="8497072" cy="155448"/>
              </a:xfrm>
              <a:prstGeom prst="snip2DiagRect">
                <a:avLst>
                  <a:gd name="adj1" fmla="val 100000"/>
                  <a:gd name="adj2" fmla="val 16667"/>
                </a:avLst>
              </a:prstGeom>
              <a:solidFill>
                <a:srgbClr val="ED7D31"/>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defRPr/>
                </a:pPr>
                <a:r>
                  <a:rPr lang="en-US" sz="1833" b="1" spc="-10">
                    <a:solidFill>
                      <a:prstClr val="white"/>
                    </a:solidFill>
                    <a:latin typeface="Arial" panose="020B0604020202020204" pitchFamily="34" charset="0"/>
                    <a:cs typeface="Arial" panose="020B0604020202020204" pitchFamily="34" charset="0"/>
                  </a:rPr>
                  <a:t>PT Risk Score</a:t>
                </a:r>
              </a:p>
            </p:txBody>
          </p:sp>
          <p:grpSp>
            <p:nvGrpSpPr>
              <p:cNvPr id="378" name="Group 4"/>
              <p:cNvGrpSpPr>
                <a:grpSpLocks noChangeAspect="1"/>
              </p:cNvGrpSpPr>
              <p:nvPr/>
            </p:nvGrpSpPr>
            <p:grpSpPr bwMode="auto">
              <a:xfrm>
                <a:off x="3682056" y="3222184"/>
                <a:ext cx="245879" cy="245879"/>
                <a:chOff x="1680" y="0"/>
                <a:chExt cx="4320" cy="4320"/>
              </a:xfrm>
            </p:grpSpPr>
            <p:sp>
              <p:nvSpPr>
                <p:cNvPr id="397" name="AutoShape 3"/>
                <p:cNvSpPr>
                  <a:spLocks noChangeAspect="1" noChangeArrowheads="1" noTextEdit="1"/>
                </p:cNvSpPr>
                <p:nvPr/>
              </p:nvSpPr>
              <p:spPr bwMode="auto">
                <a:xfrm>
                  <a:off x="1680" y="0"/>
                  <a:ext cx="4320" cy="43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398" name="Freeform 5"/>
                <p:cNvSpPr>
                  <a:spLocks/>
                </p:cNvSpPr>
                <p:nvPr/>
              </p:nvSpPr>
              <p:spPr bwMode="auto">
                <a:xfrm>
                  <a:off x="1749" y="1"/>
                  <a:ext cx="4182" cy="4319"/>
                </a:xfrm>
                <a:custGeom>
                  <a:avLst/>
                  <a:gdLst>
                    <a:gd name="T0" fmla="*/ 6745 w 17426"/>
                    <a:gd name="T1" fmla="*/ 69 h 17994"/>
                    <a:gd name="T2" fmla="*/ 4827 w 17426"/>
                    <a:gd name="T3" fmla="*/ 564 h 17994"/>
                    <a:gd name="T4" fmla="*/ 2990 w 17426"/>
                    <a:gd name="T5" fmla="*/ 1624 h 17994"/>
                    <a:gd name="T6" fmla="*/ 1316 w 17426"/>
                    <a:gd name="T7" fmla="*/ 3448 h 17994"/>
                    <a:gd name="T8" fmla="*/ 585 w 17426"/>
                    <a:gd name="T9" fmla="*/ 4819 h 17994"/>
                    <a:gd name="T10" fmla="*/ 4557 w 17426"/>
                    <a:gd name="T11" fmla="*/ 4164 h 17994"/>
                    <a:gd name="T12" fmla="*/ 6409 w 17426"/>
                    <a:gd name="T13" fmla="*/ 3625 h 17994"/>
                    <a:gd name="T14" fmla="*/ 7054 w 17426"/>
                    <a:gd name="T15" fmla="*/ 2988 h 17994"/>
                    <a:gd name="T16" fmla="*/ 7951 w 17426"/>
                    <a:gd name="T17" fmla="*/ 2803 h 17994"/>
                    <a:gd name="T18" fmla="*/ 8821 w 17426"/>
                    <a:gd name="T19" fmla="*/ 3096 h 17994"/>
                    <a:gd name="T20" fmla="*/ 9397 w 17426"/>
                    <a:gd name="T21" fmla="*/ 3816 h 17994"/>
                    <a:gd name="T22" fmla="*/ 9445 w 17426"/>
                    <a:gd name="T23" fmla="*/ 4944 h 17994"/>
                    <a:gd name="T24" fmla="*/ 8772 w 17426"/>
                    <a:gd name="T25" fmla="*/ 5838 h 17994"/>
                    <a:gd name="T26" fmla="*/ 7725 w 17426"/>
                    <a:gd name="T27" fmla="*/ 6106 h 17994"/>
                    <a:gd name="T28" fmla="*/ 6897 w 17426"/>
                    <a:gd name="T29" fmla="*/ 5815 h 17994"/>
                    <a:gd name="T30" fmla="*/ 6334 w 17426"/>
                    <a:gd name="T31" fmla="*/ 5122 h 17994"/>
                    <a:gd name="T32" fmla="*/ 4724 w 17426"/>
                    <a:gd name="T33" fmla="*/ 5506 h 17994"/>
                    <a:gd name="T34" fmla="*/ 150 w 17426"/>
                    <a:gd name="T35" fmla="*/ 6197 h 17994"/>
                    <a:gd name="T36" fmla="*/ 758 w 17426"/>
                    <a:gd name="T37" fmla="*/ 7304 h 17994"/>
                    <a:gd name="T38" fmla="*/ 9747 w 17426"/>
                    <a:gd name="T39" fmla="*/ 7136 h 17994"/>
                    <a:gd name="T40" fmla="*/ 10489 w 17426"/>
                    <a:gd name="T41" fmla="*/ 6361 h 17994"/>
                    <a:gd name="T42" fmla="*/ 11378 w 17426"/>
                    <a:gd name="T43" fmla="*/ 6192 h 17994"/>
                    <a:gd name="T44" fmla="*/ 12212 w 17426"/>
                    <a:gd name="T45" fmla="*/ 6482 h 17994"/>
                    <a:gd name="T46" fmla="*/ 12752 w 17426"/>
                    <a:gd name="T47" fmla="*/ 7119 h 17994"/>
                    <a:gd name="T48" fmla="*/ 12896 w 17426"/>
                    <a:gd name="T49" fmla="*/ 8046 h 17994"/>
                    <a:gd name="T50" fmla="*/ 12491 w 17426"/>
                    <a:gd name="T51" fmla="*/ 8960 h 17994"/>
                    <a:gd name="T52" fmla="*/ 11502 w 17426"/>
                    <a:gd name="T53" fmla="*/ 9482 h 17994"/>
                    <a:gd name="T54" fmla="*/ 10572 w 17426"/>
                    <a:gd name="T55" fmla="*/ 9365 h 17994"/>
                    <a:gd name="T56" fmla="*/ 9905 w 17426"/>
                    <a:gd name="T57" fmla="*/ 8830 h 17994"/>
                    <a:gd name="T58" fmla="*/ 8799 w 17426"/>
                    <a:gd name="T59" fmla="*/ 8385 h 17994"/>
                    <a:gd name="T60" fmla="*/ 23 w 17426"/>
                    <a:gd name="T61" fmla="*/ 8687 h 17994"/>
                    <a:gd name="T62" fmla="*/ 4234 w 17426"/>
                    <a:gd name="T63" fmla="*/ 9710 h 17994"/>
                    <a:gd name="T64" fmla="*/ 6372 w 17426"/>
                    <a:gd name="T65" fmla="*/ 10494 h 17994"/>
                    <a:gd name="T66" fmla="*/ 6876 w 17426"/>
                    <a:gd name="T67" fmla="*/ 9887 h 17994"/>
                    <a:gd name="T68" fmla="*/ 7563 w 17426"/>
                    <a:gd name="T69" fmla="*/ 9602 h 17994"/>
                    <a:gd name="T70" fmla="*/ 8490 w 17426"/>
                    <a:gd name="T71" fmla="*/ 9709 h 17994"/>
                    <a:gd name="T72" fmla="*/ 9195 w 17426"/>
                    <a:gd name="T73" fmla="*/ 10247 h 17994"/>
                    <a:gd name="T74" fmla="*/ 9502 w 17426"/>
                    <a:gd name="T75" fmla="*/ 11021 h 17994"/>
                    <a:gd name="T76" fmla="*/ 9284 w 17426"/>
                    <a:gd name="T77" fmla="*/ 12099 h 17994"/>
                    <a:gd name="T78" fmla="*/ 8690 w 17426"/>
                    <a:gd name="T79" fmla="*/ 12677 h 17994"/>
                    <a:gd name="T80" fmla="*/ 7837 w 17426"/>
                    <a:gd name="T81" fmla="*/ 12894 h 17994"/>
                    <a:gd name="T82" fmla="*/ 6917 w 17426"/>
                    <a:gd name="T83" fmla="*/ 12623 h 17994"/>
                    <a:gd name="T84" fmla="*/ 6270 w 17426"/>
                    <a:gd name="T85" fmla="*/ 11779 h 17994"/>
                    <a:gd name="T86" fmla="*/ 4700 w 17426"/>
                    <a:gd name="T87" fmla="*/ 11650 h 17994"/>
                    <a:gd name="T88" fmla="*/ 497 w 17426"/>
                    <a:gd name="T89" fmla="*/ 10664 h 17994"/>
                    <a:gd name="T90" fmla="*/ 553 w 17426"/>
                    <a:gd name="T91" fmla="*/ 10811 h 17994"/>
                    <a:gd name="T92" fmla="*/ 1342 w 17426"/>
                    <a:gd name="T93" fmla="*/ 12277 h 17994"/>
                    <a:gd name="T94" fmla="*/ 1728 w 17426"/>
                    <a:gd name="T95" fmla="*/ 17221 h 17994"/>
                    <a:gd name="T96" fmla="*/ 1752 w 17426"/>
                    <a:gd name="T97" fmla="*/ 17735 h 17994"/>
                    <a:gd name="T98" fmla="*/ 9756 w 17426"/>
                    <a:gd name="T99" fmla="*/ 17942 h 17994"/>
                    <a:gd name="T100" fmla="*/ 10505 w 17426"/>
                    <a:gd name="T101" fmla="*/ 15802 h 17994"/>
                    <a:gd name="T102" fmla="*/ 12639 w 17426"/>
                    <a:gd name="T103" fmla="*/ 16087 h 17994"/>
                    <a:gd name="T104" fmla="*/ 14011 w 17426"/>
                    <a:gd name="T105" fmla="*/ 16278 h 17994"/>
                    <a:gd name="T106" fmla="*/ 14526 w 17426"/>
                    <a:gd name="T107" fmla="*/ 16032 h 17994"/>
                    <a:gd name="T108" fmla="*/ 15682 w 17426"/>
                    <a:gd name="T109" fmla="*/ 11564 h 17994"/>
                    <a:gd name="T110" fmla="*/ 17369 w 17426"/>
                    <a:gd name="T111" fmla="*/ 10344 h 17994"/>
                    <a:gd name="T112" fmla="*/ 16519 w 17426"/>
                    <a:gd name="T113" fmla="*/ 8719 h 17994"/>
                    <a:gd name="T114" fmla="*/ 15391 w 17426"/>
                    <a:gd name="T115" fmla="*/ 5552 h 17994"/>
                    <a:gd name="T116" fmla="*/ 14709 w 17426"/>
                    <a:gd name="T117" fmla="*/ 3924 h 17994"/>
                    <a:gd name="T118" fmla="*/ 13085 w 17426"/>
                    <a:gd name="T119" fmla="*/ 1943 h 17994"/>
                    <a:gd name="T120" fmla="*/ 11116 w 17426"/>
                    <a:gd name="T121" fmla="*/ 699 h 17994"/>
                    <a:gd name="T122" fmla="*/ 9932 w 17426"/>
                    <a:gd name="T123" fmla="*/ 286 h 17994"/>
                    <a:gd name="T124" fmla="*/ 8279 w 17426"/>
                    <a:gd name="T125" fmla="*/ 11 h 179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7426" h="17994">
                      <a:moveTo>
                        <a:pt x="7337" y="9"/>
                      </a:moveTo>
                      <a:lnTo>
                        <a:pt x="7317" y="14"/>
                      </a:lnTo>
                      <a:lnTo>
                        <a:pt x="7230" y="24"/>
                      </a:lnTo>
                      <a:lnTo>
                        <a:pt x="7179" y="26"/>
                      </a:lnTo>
                      <a:lnTo>
                        <a:pt x="7123" y="28"/>
                      </a:lnTo>
                      <a:lnTo>
                        <a:pt x="6996" y="38"/>
                      </a:lnTo>
                      <a:lnTo>
                        <a:pt x="6945" y="44"/>
                      </a:lnTo>
                      <a:lnTo>
                        <a:pt x="6840" y="57"/>
                      </a:lnTo>
                      <a:lnTo>
                        <a:pt x="6745" y="69"/>
                      </a:lnTo>
                      <a:lnTo>
                        <a:pt x="6628" y="84"/>
                      </a:lnTo>
                      <a:lnTo>
                        <a:pt x="6284" y="140"/>
                      </a:lnTo>
                      <a:lnTo>
                        <a:pt x="6179" y="161"/>
                      </a:lnTo>
                      <a:lnTo>
                        <a:pt x="6036" y="193"/>
                      </a:lnTo>
                      <a:lnTo>
                        <a:pt x="5767" y="259"/>
                      </a:lnTo>
                      <a:lnTo>
                        <a:pt x="5515" y="328"/>
                      </a:lnTo>
                      <a:lnTo>
                        <a:pt x="5277" y="401"/>
                      </a:lnTo>
                      <a:lnTo>
                        <a:pt x="5049" y="479"/>
                      </a:lnTo>
                      <a:lnTo>
                        <a:pt x="4827" y="564"/>
                      </a:lnTo>
                      <a:lnTo>
                        <a:pt x="4609" y="656"/>
                      </a:lnTo>
                      <a:lnTo>
                        <a:pt x="4390" y="758"/>
                      </a:lnTo>
                      <a:lnTo>
                        <a:pt x="4279" y="812"/>
                      </a:lnTo>
                      <a:lnTo>
                        <a:pt x="4153" y="876"/>
                      </a:lnTo>
                      <a:lnTo>
                        <a:pt x="3908" y="1010"/>
                      </a:lnTo>
                      <a:lnTo>
                        <a:pt x="3669" y="1152"/>
                      </a:lnTo>
                      <a:lnTo>
                        <a:pt x="3436" y="1302"/>
                      </a:lnTo>
                      <a:lnTo>
                        <a:pt x="3210" y="1459"/>
                      </a:lnTo>
                      <a:lnTo>
                        <a:pt x="2990" y="1624"/>
                      </a:lnTo>
                      <a:lnTo>
                        <a:pt x="2777" y="1797"/>
                      </a:lnTo>
                      <a:lnTo>
                        <a:pt x="2571" y="1977"/>
                      </a:lnTo>
                      <a:lnTo>
                        <a:pt x="2371" y="2165"/>
                      </a:lnTo>
                      <a:lnTo>
                        <a:pt x="2178" y="2360"/>
                      </a:lnTo>
                      <a:lnTo>
                        <a:pt x="1992" y="2563"/>
                      </a:lnTo>
                      <a:lnTo>
                        <a:pt x="1813" y="2773"/>
                      </a:lnTo>
                      <a:lnTo>
                        <a:pt x="1640" y="2991"/>
                      </a:lnTo>
                      <a:lnTo>
                        <a:pt x="1475" y="3216"/>
                      </a:lnTo>
                      <a:lnTo>
                        <a:pt x="1316" y="3448"/>
                      </a:lnTo>
                      <a:lnTo>
                        <a:pt x="1165" y="3688"/>
                      </a:lnTo>
                      <a:lnTo>
                        <a:pt x="1092" y="3811"/>
                      </a:lnTo>
                      <a:lnTo>
                        <a:pt x="1038" y="3905"/>
                      </a:lnTo>
                      <a:lnTo>
                        <a:pt x="905" y="4151"/>
                      </a:lnTo>
                      <a:lnTo>
                        <a:pt x="772" y="4410"/>
                      </a:lnTo>
                      <a:lnTo>
                        <a:pt x="671" y="4618"/>
                      </a:lnTo>
                      <a:lnTo>
                        <a:pt x="645" y="4677"/>
                      </a:lnTo>
                      <a:lnTo>
                        <a:pt x="619" y="4741"/>
                      </a:lnTo>
                      <a:lnTo>
                        <a:pt x="585" y="4819"/>
                      </a:lnTo>
                      <a:lnTo>
                        <a:pt x="517" y="4977"/>
                      </a:lnTo>
                      <a:lnTo>
                        <a:pt x="495" y="5037"/>
                      </a:lnTo>
                      <a:lnTo>
                        <a:pt x="585" y="5040"/>
                      </a:lnTo>
                      <a:lnTo>
                        <a:pt x="1447" y="5044"/>
                      </a:lnTo>
                      <a:lnTo>
                        <a:pt x="2082" y="5044"/>
                      </a:lnTo>
                      <a:lnTo>
                        <a:pt x="3669" y="5044"/>
                      </a:lnTo>
                      <a:lnTo>
                        <a:pt x="4187" y="4529"/>
                      </a:lnTo>
                      <a:lnTo>
                        <a:pt x="4342" y="4375"/>
                      </a:lnTo>
                      <a:lnTo>
                        <a:pt x="4557" y="4164"/>
                      </a:lnTo>
                      <a:lnTo>
                        <a:pt x="4690" y="4043"/>
                      </a:lnTo>
                      <a:lnTo>
                        <a:pt x="4772" y="3982"/>
                      </a:lnTo>
                      <a:lnTo>
                        <a:pt x="4804" y="3966"/>
                      </a:lnTo>
                      <a:lnTo>
                        <a:pt x="4904" y="3919"/>
                      </a:lnTo>
                      <a:lnTo>
                        <a:pt x="5589" y="3914"/>
                      </a:lnTo>
                      <a:lnTo>
                        <a:pt x="6272" y="3909"/>
                      </a:lnTo>
                      <a:lnTo>
                        <a:pt x="6335" y="3771"/>
                      </a:lnTo>
                      <a:lnTo>
                        <a:pt x="6358" y="3722"/>
                      </a:lnTo>
                      <a:lnTo>
                        <a:pt x="6409" y="3625"/>
                      </a:lnTo>
                      <a:lnTo>
                        <a:pt x="6467" y="3531"/>
                      </a:lnTo>
                      <a:lnTo>
                        <a:pt x="6531" y="3440"/>
                      </a:lnTo>
                      <a:lnTo>
                        <a:pt x="6599" y="3354"/>
                      </a:lnTo>
                      <a:lnTo>
                        <a:pt x="6672" y="3273"/>
                      </a:lnTo>
                      <a:lnTo>
                        <a:pt x="6749" y="3199"/>
                      </a:lnTo>
                      <a:lnTo>
                        <a:pt x="6828" y="3131"/>
                      </a:lnTo>
                      <a:lnTo>
                        <a:pt x="6869" y="3101"/>
                      </a:lnTo>
                      <a:lnTo>
                        <a:pt x="6922" y="3063"/>
                      </a:lnTo>
                      <a:lnTo>
                        <a:pt x="7054" y="2988"/>
                      </a:lnTo>
                      <a:lnTo>
                        <a:pt x="7200" y="2918"/>
                      </a:lnTo>
                      <a:lnTo>
                        <a:pt x="7346" y="2862"/>
                      </a:lnTo>
                      <a:lnTo>
                        <a:pt x="7412" y="2842"/>
                      </a:lnTo>
                      <a:lnTo>
                        <a:pt x="7456" y="2831"/>
                      </a:lnTo>
                      <a:lnTo>
                        <a:pt x="7534" y="2815"/>
                      </a:lnTo>
                      <a:lnTo>
                        <a:pt x="7624" y="2806"/>
                      </a:lnTo>
                      <a:lnTo>
                        <a:pt x="7745" y="2803"/>
                      </a:lnTo>
                      <a:lnTo>
                        <a:pt x="7829" y="2802"/>
                      </a:lnTo>
                      <a:lnTo>
                        <a:pt x="7951" y="2803"/>
                      </a:lnTo>
                      <a:lnTo>
                        <a:pt x="8100" y="2812"/>
                      </a:lnTo>
                      <a:lnTo>
                        <a:pt x="8189" y="2824"/>
                      </a:lnTo>
                      <a:lnTo>
                        <a:pt x="8273" y="2842"/>
                      </a:lnTo>
                      <a:lnTo>
                        <a:pt x="8356" y="2866"/>
                      </a:lnTo>
                      <a:lnTo>
                        <a:pt x="8489" y="2916"/>
                      </a:lnTo>
                      <a:lnTo>
                        <a:pt x="8592" y="2962"/>
                      </a:lnTo>
                      <a:lnTo>
                        <a:pt x="8638" y="2984"/>
                      </a:lnTo>
                      <a:lnTo>
                        <a:pt x="8731" y="3036"/>
                      </a:lnTo>
                      <a:lnTo>
                        <a:pt x="8821" y="3096"/>
                      </a:lnTo>
                      <a:lnTo>
                        <a:pt x="8910" y="3164"/>
                      </a:lnTo>
                      <a:lnTo>
                        <a:pt x="8995" y="3238"/>
                      </a:lnTo>
                      <a:lnTo>
                        <a:pt x="9075" y="3317"/>
                      </a:lnTo>
                      <a:lnTo>
                        <a:pt x="9149" y="3400"/>
                      </a:lnTo>
                      <a:lnTo>
                        <a:pt x="9217" y="3486"/>
                      </a:lnTo>
                      <a:lnTo>
                        <a:pt x="9247" y="3531"/>
                      </a:lnTo>
                      <a:lnTo>
                        <a:pt x="9282" y="3585"/>
                      </a:lnTo>
                      <a:lnTo>
                        <a:pt x="9344" y="3699"/>
                      </a:lnTo>
                      <a:lnTo>
                        <a:pt x="9397" y="3816"/>
                      </a:lnTo>
                      <a:lnTo>
                        <a:pt x="9440" y="3937"/>
                      </a:lnTo>
                      <a:lnTo>
                        <a:pt x="9474" y="4061"/>
                      </a:lnTo>
                      <a:lnTo>
                        <a:pt x="9498" y="4186"/>
                      </a:lnTo>
                      <a:lnTo>
                        <a:pt x="9513" y="4313"/>
                      </a:lnTo>
                      <a:lnTo>
                        <a:pt x="9518" y="4441"/>
                      </a:lnTo>
                      <a:lnTo>
                        <a:pt x="9514" y="4568"/>
                      </a:lnTo>
                      <a:lnTo>
                        <a:pt x="9500" y="4695"/>
                      </a:lnTo>
                      <a:lnTo>
                        <a:pt x="9477" y="4820"/>
                      </a:lnTo>
                      <a:lnTo>
                        <a:pt x="9445" y="4944"/>
                      </a:lnTo>
                      <a:lnTo>
                        <a:pt x="9403" y="5065"/>
                      </a:lnTo>
                      <a:lnTo>
                        <a:pt x="9352" y="5182"/>
                      </a:lnTo>
                      <a:lnTo>
                        <a:pt x="9292" y="5295"/>
                      </a:lnTo>
                      <a:lnTo>
                        <a:pt x="9222" y="5404"/>
                      </a:lnTo>
                      <a:lnTo>
                        <a:pt x="9184" y="5456"/>
                      </a:lnTo>
                      <a:lnTo>
                        <a:pt x="9133" y="5521"/>
                      </a:lnTo>
                      <a:lnTo>
                        <a:pt x="9023" y="5639"/>
                      </a:lnTo>
                      <a:lnTo>
                        <a:pt x="8902" y="5745"/>
                      </a:lnTo>
                      <a:lnTo>
                        <a:pt x="8772" y="5838"/>
                      </a:lnTo>
                      <a:lnTo>
                        <a:pt x="8631" y="5918"/>
                      </a:lnTo>
                      <a:lnTo>
                        <a:pt x="8481" y="5985"/>
                      </a:lnTo>
                      <a:lnTo>
                        <a:pt x="8321" y="6039"/>
                      </a:lnTo>
                      <a:lnTo>
                        <a:pt x="8151" y="6079"/>
                      </a:lnTo>
                      <a:lnTo>
                        <a:pt x="8062" y="6094"/>
                      </a:lnTo>
                      <a:lnTo>
                        <a:pt x="8015" y="6101"/>
                      </a:lnTo>
                      <a:lnTo>
                        <a:pt x="7919" y="6109"/>
                      </a:lnTo>
                      <a:lnTo>
                        <a:pt x="7822" y="6110"/>
                      </a:lnTo>
                      <a:lnTo>
                        <a:pt x="7725" y="6106"/>
                      </a:lnTo>
                      <a:lnTo>
                        <a:pt x="7627" y="6095"/>
                      </a:lnTo>
                      <a:lnTo>
                        <a:pt x="7530" y="6079"/>
                      </a:lnTo>
                      <a:lnTo>
                        <a:pt x="7434" y="6057"/>
                      </a:lnTo>
                      <a:lnTo>
                        <a:pt x="7339" y="6030"/>
                      </a:lnTo>
                      <a:lnTo>
                        <a:pt x="7245" y="5997"/>
                      </a:lnTo>
                      <a:lnTo>
                        <a:pt x="7154" y="5959"/>
                      </a:lnTo>
                      <a:lnTo>
                        <a:pt x="7065" y="5916"/>
                      </a:lnTo>
                      <a:lnTo>
                        <a:pt x="6979" y="5868"/>
                      </a:lnTo>
                      <a:lnTo>
                        <a:pt x="6897" y="5815"/>
                      </a:lnTo>
                      <a:lnTo>
                        <a:pt x="6818" y="5758"/>
                      </a:lnTo>
                      <a:lnTo>
                        <a:pt x="6744" y="5696"/>
                      </a:lnTo>
                      <a:lnTo>
                        <a:pt x="6675" y="5630"/>
                      </a:lnTo>
                      <a:lnTo>
                        <a:pt x="6642" y="5596"/>
                      </a:lnTo>
                      <a:lnTo>
                        <a:pt x="6599" y="5547"/>
                      </a:lnTo>
                      <a:lnTo>
                        <a:pt x="6509" y="5427"/>
                      </a:lnTo>
                      <a:lnTo>
                        <a:pt x="6425" y="5297"/>
                      </a:lnTo>
                      <a:lnTo>
                        <a:pt x="6356" y="5174"/>
                      </a:lnTo>
                      <a:lnTo>
                        <a:pt x="6334" y="5122"/>
                      </a:lnTo>
                      <a:lnTo>
                        <a:pt x="6317" y="5080"/>
                      </a:lnTo>
                      <a:lnTo>
                        <a:pt x="6282" y="5014"/>
                      </a:lnTo>
                      <a:lnTo>
                        <a:pt x="6270" y="5002"/>
                      </a:lnTo>
                      <a:lnTo>
                        <a:pt x="6260" y="4998"/>
                      </a:lnTo>
                      <a:lnTo>
                        <a:pt x="6185" y="4992"/>
                      </a:lnTo>
                      <a:lnTo>
                        <a:pt x="5970" y="4986"/>
                      </a:lnTo>
                      <a:lnTo>
                        <a:pt x="5747" y="4986"/>
                      </a:lnTo>
                      <a:lnTo>
                        <a:pt x="5245" y="4987"/>
                      </a:lnTo>
                      <a:lnTo>
                        <a:pt x="4724" y="5506"/>
                      </a:lnTo>
                      <a:lnTo>
                        <a:pt x="4581" y="5648"/>
                      </a:lnTo>
                      <a:lnTo>
                        <a:pt x="4369" y="5855"/>
                      </a:lnTo>
                      <a:lnTo>
                        <a:pt x="4230" y="5983"/>
                      </a:lnTo>
                      <a:lnTo>
                        <a:pt x="4146" y="6050"/>
                      </a:lnTo>
                      <a:lnTo>
                        <a:pt x="4120" y="6064"/>
                      </a:lnTo>
                      <a:lnTo>
                        <a:pt x="4037" y="6102"/>
                      </a:lnTo>
                      <a:lnTo>
                        <a:pt x="2104" y="6111"/>
                      </a:lnTo>
                      <a:lnTo>
                        <a:pt x="170" y="6119"/>
                      </a:lnTo>
                      <a:lnTo>
                        <a:pt x="150" y="6197"/>
                      </a:lnTo>
                      <a:lnTo>
                        <a:pt x="137" y="6253"/>
                      </a:lnTo>
                      <a:lnTo>
                        <a:pt x="109" y="6398"/>
                      </a:lnTo>
                      <a:lnTo>
                        <a:pt x="67" y="6658"/>
                      </a:lnTo>
                      <a:lnTo>
                        <a:pt x="21" y="7013"/>
                      </a:lnTo>
                      <a:lnTo>
                        <a:pt x="3" y="7210"/>
                      </a:lnTo>
                      <a:lnTo>
                        <a:pt x="3" y="7284"/>
                      </a:lnTo>
                      <a:lnTo>
                        <a:pt x="7" y="7296"/>
                      </a:lnTo>
                      <a:lnTo>
                        <a:pt x="71" y="7299"/>
                      </a:lnTo>
                      <a:lnTo>
                        <a:pt x="758" y="7304"/>
                      </a:lnTo>
                      <a:lnTo>
                        <a:pt x="2802" y="7308"/>
                      </a:lnTo>
                      <a:lnTo>
                        <a:pt x="4844" y="7307"/>
                      </a:lnTo>
                      <a:lnTo>
                        <a:pt x="7580" y="7304"/>
                      </a:lnTo>
                      <a:lnTo>
                        <a:pt x="9297" y="7295"/>
                      </a:lnTo>
                      <a:lnTo>
                        <a:pt x="9600" y="7288"/>
                      </a:lnTo>
                      <a:lnTo>
                        <a:pt x="9674" y="7281"/>
                      </a:lnTo>
                      <a:lnTo>
                        <a:pt x="9680" y="7277"/>
                      </a:lnTo>
                      <a:lnTo>
                        <a:pt x="9702" y="7232"/>
                      </a:lnTo>
                      <a:lnTo>
                        <a:pt x="9747" y="7136"/>
                      </a:lnTo>
                      <a:lnTo>
                        <a:pt x="9777" y="7072"/>
                      </a:lnTo>
                      <a:lnTo>
                        <a:pt x="9845" y="6952"/>
                      </a:lnTo>
                      <a:lnTo>
                        <a:pt x="9921" y="6839"/>
                      </a:lnTo>
                      <a:lnTo>
                        <a:pt x="10005" y="6734"/>
                      </a:lnTo>
                      <a:lnTo>
                        <a:pt x="10098" y="6636"/>
                      </a:lnTo>
                      <a:lnTo>
                        <a:pt x="10199" y="6547"/>
                      </a:lnTo>
                      <a:lnTo>
                        <a:pt x="10309" y="6466"/>
                      </a:lnTo>
                      <a:lnTo>
                        <a:pt x="10427" y="6394"/>
                      </a:lnTo>
                      <a:lnTo>
                        <a:pt x="10489" y="6361"/>
                      </a:lnTo>
                      <a:lnTo>
                        <a:pt x="10535" y="6337"/>
                      </a:lnTo>
                      <a:lnTo>
                        <a:pt x="10607" y="6303"/>
                      </a:lnTo>
                      <a:lnTo>
                        <a:pt x="10713" y="6266"/>
                      </a:lnTo>
                      <a:lnTo>
                        <a:pt x="10820" y="6237"/>
                      </a:lnTo>
                      <a:lnTo>
                        <a:pt x="10879" y="6223"/>
                      </a:lnTo>
                      <a:lnTo>
                        <a:pt x="10999" y="6201"/>
                      </a:lnTo>
                      <a:lnTo>
                        <a:pt x="11123" y="6188"/>
                      </a:lnTo>
                      <a:lnTo>
                        <a:pt x="11250" y="6185"/>
                      </a:lnTo>
                      <a:lnTo>
                        <a:pt x="11378" y="6192"/>
                      </a:lnTo>
                      <a:lnTo>
                        <a:pt x="11507" y="6207"/>
                      </a:lnTo>
                      <a:lnTo>
                        <a:pt x="11634" y="6232"/>
                      </a:lnTo>
                      <a:lnTo>
                        <a:pt x="11759" y="6265"/>
                      </a:lnTo>
                      <a:lnTo>
                        <a:pt x="11820" y="6286"/>
                      </a:lnTo>
                      <a:lnTo>
                        <a:pt x="11864" y="6302"/>
                      </a:lnTo>
                      <a:lnTo>
                        <a:pt x="11967" y="6348"/>
                      </a:lnTo>
                      <a:lnTo>
                        <a:pt x="12076" y="6402"/>
                      </a:lnTo>
                      <a:lnTo>
                        <a:pt x="12174" y="6458"/>
                      </a:lnTo>
                      <a:lnTo>
                        <a:pt x="12212" y="6482"/>
                      </a:lnTo>
                      <a:lnTo>
                        <a:pt x="12251" y="6510"/>
                      </a:lnTo>
                      <a:lnTo>
                        <a:pt x="12330" y="6575"/>
                      </a:lnTo>
                      <a:lnTo>
                        <a:pt x="12409" y="6649"/>
                      </a:lnTo>
                      <a:lnTo>
                        <a:pt x="12486" y="6730"/>
                      </a:lnTo>
                      <a:lnTo>
                        <a:pt x="12559" y="6816"/>
                      </a:lnTo>
                      <a:lnTo>
                        <a:pt x="12625" y="6903"/>
                      </a:lnTo>
                      <a:lnTo>
                        <a:pt x="12684" y="6992"/>
                      </a:lnTo>
                      <a:lnTo>
                        <a:pt x="12732" y="7078"/>
                      </a:lnTo>
                      <a:lnTo>
                        <a:pt x="12752" y="7119"/>
                      </a:lnTo>
                      <a:lnTo>
                        <a:pt x="12792" y="7211"/>
                      </a:lnTo>
                      <a:lnTo>
                        <a:pt x="12838" y="7339"/>
                      </a:lnTo>
                      <a:lnTo>
                        <a:pt x="12861" y="7422"/>
                      </a:lnTo>
                      <a:lnTo>
                        <a:pt x="12879" y="7507"/>
                      </a:lnTo>
                      <a:lnTo>
                        <a:pt x="12892" y="7595"/>
                      </a:lnTo>
                      <a:lnTo>
                        <a:pt x="12902" y="7737"/>
                      </a:lnTo>
                      <a:lnTo>
                        <a:pt x="12904" y="7844"/>
                      </a:lnTo>
                      <a:lnTo>
                        <a:pt x="12903" y="7914"/>
                      </a:lnTo>
                      <a:lnTo>
                        <a:pt x="12896" y="8046"/>
                      </a:lnTo>
                      <a:lnTo>
                        <a:pt x="12880" y="8169"/>
                      </a:lnTo>
                      <a:lnTo>
                        <a:pt x="12857" y="8286"/>
                      </a:lnTo>
                      <a:lnTo>
                        <a:pt x="12824" y="8398"/>
                      </a:lnTo>
                      <a:lnTo>
                        <a:pt x="12782" y="8507"/>
                      </a:lnTo>
                      <a:lnTo>
                        <a:pt x="12730" y="8615"/>
                      </a:lnTo>
                      <a:lnTo>
                        <a:pt x="12668" y="8723"/>
                      </a:lnTo>
                      <a:lnTo>
                        <a:pt x="12632" y="8777"/>
                      </a:lnTo>
                      <a:lnTo>
                        <a:pt x="12588" y="8841"/>
                      </a:lnTo>
                      <a:lnTo>
                        <a:pt x="12491" y="8960"/>
                      </a:lnTo>
                      <a:lnTo>
                        <a:pt x="12384" y="9067"/>
                      </a:lnTo>
                      <a:lnTo>
                        <a:pt x="12267" y="9164"/>
                      </a:lnTo>
                      <a:lnTo>
                        <a:pt x="12140" y="9250"/>
                      </a:lnTo>
                      <a:lnTo>
                        <a:pt x="12004" y="9324"/>
                      </a:lnTo>
                      <a:lnTo>
                        <a:pt x="11858" y="9387"/>
                      </a:lnTo>
                      <a:lnTo>
                        <a:pt x="11702" y="9439"/>
                      </a:lnTo>
                      <a:lnTo>
                        <a:pt x="11620" y="9461"/>
                      </a:lnTo>
                      <a:lnTo>
                        <a:pt x="11584" y="9469"/>
                      </a:lnTo>
                      <a:lnTo>
                        <a:pt x="11502" y="9482"/>
                      </a:lnTo>
                      <a:lnTo>
                        <a:pt x="11361" y="9495"/>
                      </a:lnTo>
                      <a:lnTo>
                        <a:pt x="11161" y="9498"/>
                      </a:lnTo>
                      <a:lnTo>
                        <a:pt x="11020" y="9489"/>
                      </a:lnTo>
                      <a:lnTo>
                        <a:pt x="10937" y="9478"/>
                      </a:lnTo>
                      <a:lnTo>
                        <a:pt x="10900" y="9471"/>
                      </a:lnTo>
                      <a:lnTo>
                        <a:pt x="10851" y="9460"/>
                      </a:lnTo>
                      <a:lnTo>
                        <a:pt x="10756" y="9433"/>
                      </a:lnTo>
                      <a:lnTo>
                        <a:pt x="10662" y="9402"/>
                      </a:lnTo>
                      <a:lnTo>
                        <a:pt x="10572" y="9365"/>
                      </a:lnTo>
                      <a:lnTo>
                        <a:pt x="10484" y="9324"/>
                      </a:lnTo>
                      <a:lnTo>
                        <a:pt x="10399" y="9277"/>
                      </a:lnTo>
                      <a:lnTo>
                        <a:pt x="10317" y="9226"/>
                      </a:lnTo>
                      <a:lnTo>
                        <a:pt x="10239" y="9170"/>
                      </a:lnTo>
                      <a:lnTo>
                        <a:pt x="10164" y="9110"/>
                      </a:lnTo>
                      <a:lnTo>
                        <a:pt x="10093" y="9046"/>
                      </a:lnTo>
                      <a:lnTo>
                        <a:pt x="10026" y="8978"/>
                      </a:lnTo>
                      <a:lnTo>
                        <a:pt x="9963" y="8906"/>
                      </a:lnTo>
                      <a:lnTo>
                        <a:pt x="9905" y="8830"/>
                      </a:lnTo>
                      <a:lnTo>
                        <a:pt x="9851" y="8750"/>
                      </a:lnTo>
                      <a:lnTo>
                        <a:pt x="9802" y="8667"/>
                      </a:lnTo>
                      <a:lnTo>
                        <a:pt x="9757" y="8580"/>
                      </a:lnTo>
                      <a:lnTo>
                        <a:pt x="9737" y="8536"/>
                      </a:lnTo>
                      <a:lnTo>
                        <a:pt x="9695" y="8440"/>
                      </a:lnTo>
                      <a:lnTo>
                        <a:pt x="9674" y="8397"/>
                      </a:lnTo>
                      <a:lnTo>
                        <a:pt x="9653" y="8395"/>
                      </a:lnTo>
                      <a:lnTo>
                        <a:pt x="9438" y="8390"/>
                      </a:lnTo>
                      <a:lnTo>
                        <a:pt x="8799" y="8385"/>
                      </a:lnTo>
                      <a:lnTo>
                        <a:pt x="6648" y="8377"/>
                      </a:lnTo>
                      <a:lnTo>
                        <a:pt x="3028" y="8376"/>
                      </a:lnTo>
                      <a:lnTo>
                        <a:pt x="877" y="8383"/>
                      </a:lnTo>
                      <a:lnTo>
                        <a:pt x="238" y="8388"/>
                      </a:lnTo>
                      <a:lnTo>
                        <a:pt x="24" y="8393"/>
                      </a:lnTo>
                      <a:lnTo>
                        <a:pt x="4" y="8396"/>
                      </a:lnTo>
                      <a:lnTo>
                        <a:pt x="0" y="8409"/>
                      </a:lnTo>
                      <a:lnTo>
                        <a:pt x="3" y="8487"/>
                      </a:lnTo>
                      <a:lnTo>
                        <a:pt x="23" y="8687"/>
                      </a:lnTo>
                      <a:lnTo>
                        <a:pt x="70" y="9043"/>
                      </a:lnTo>
                      <a:lnTo>
                        <a:pt x="126" y="9378"/>
                      </a:lnTo>
                      <a:lnTo>
                        <a:pt x="150" y="9491"/>
                      </a:lnTo>
                      <a:lnTo>
                        <a:pt x="170" y="9569"/>
                      </a:lnTo>
                      <a:lnTo>
                        <a:pt x="2104" y="9577"/>
                      </a:lnTo>
                      <a:lnTo>
                        <a:pt x="4037" y="9586"/>
                      </a:lnTo>
                      <a:lnTo>
                        <a:pt x="4120" y="9626"/>
                      </a:lnTo>
                      <a:lnTo>
                        <a:pt x="4147" y="9640"/>
                      </a:lnTo>
                      <a:lnTo>
                        <a:pt x="4234" y="9710"/>
                      </a:lnTo>
                      <a:lnTo>
                        <a:pt x="4376" y="9842"/>
                      </a:lnTo>
                      <a:lnTo>
                        <a:pt x="4588" y="10049"/>
                      </a:lnTo>
                      <a:lnTo>
                        <a:pt x="4729" y="10189"/>
                      </a:lnTo>
                      <a:lnTo>
                        <a:pt x="5255" y="10711"/>
                      </a:lnTo>
                      <a:lnTo>
                        <a:pt x="5762" y="10707"/>
                      </a:lnTo>
                      <a:lnTo>
                        <a:pt x="6269" y="10702"/>
                      </a:lnTo>
                      <a:lnTo>
                        <a:pt x="6290" y="10661"/>
                      </a:lnTo>
                      <a:lnTo>
                        <a:pt x="6320" y="10600"/>
                      </a:lnTo>
                      <a:lnTo>
                        <a:pt x="6372" y="10494"/>
                      </a:lnTo>
                      <a:lnTo>
                        <a:pt x="6394" y="10450"/>
                      </a:lnTo>
                      <a:lnTo>
                        <a:pt x="6441" y="10365"/>
                      </a:lnTo>
                      <a:lnTo>
                        <a:pt x="6492" y="10285"/>
                      </a:lnTo>
                      <a:lnTo>
                        <a:pt x="6547" y="10208"/>
                      </a:lnTo>
                      <a:lnTo>
                        <a:pt x="6606" y="10135"/>
                      </a:lnTo>
                      <a:lnTo>
                        <a:pt x="6668" y="10067"/>
                      </a:lnTo>
                      <a:lnTo>
                        <a:pt x="6734" y="10003"/>
                      </a:lnTo>
                      <a:lnTo>
                        <a:pt x="6803" y="9943"/>
                      </a:lnTo>
                      <a:lnTo>
                        <a:pt x="6876" y="9887"/>
                      </a:lnTo>
                      <a:lnTo>
                        <a:pt x="6952" y="9836"/>
                      </a:lnTo>
                      <a:lnTo>
                        <a:pt x="7032" y="9789"/>
                      </a:lnTo>
                      <a:lnTo>
                        <a:pt x="7115" y="9746"/>
                      </a:lnTo>
                      <a:lnTo>
                        <a:pt x="7201" y="9708"/>
                      </a:lnTo>
                      <a:lnTo>
                        <a:pt x="7291" y="9674"/>
                      </a:lnTo>
                      <a:lnTo>
                        <a:pt x="7383" y="9644"/>
                      </a:lnTo>
                      <a:lnTo>
                        <a:pt x="7479" y="9620"/>
                      </a:lnTo>
                      <a:lnTo>
                        <a:pt x="7529" y="9609"/>
                      </a:lnTo>
                      <a:lnTo>
                        <a:pt x="7563" y="9602"/>
                      </a:lnTo>
                      <a:lnTo>
                        <a:pt x="7643" y="9593"/>
                      </a:lnTo>
                      <a:lnTo>
                        <a:pt x="7782" y="9586"/>
                      </a:lnTo>
                      <a:lnTo>
                        <a:pt x="7981" y="9591"/>
                      </a:lnTo>
                      <a:lnTo>
                        <a:pt x="8120" y="9606"/>
                      </a:lnTo>
                      <a:lnTo>
                        <a:pt x="8202" y="9619"/>
                      </a:lnTo>
                      <a:lnTo>
                        <a:pt x="8237" y="9627"/>
                      </a:lnTo>
                      <a:lnTo>
                        <a:pt x="8290" y="9641"/>
                      </a:lnTo>
                      <a:lnTo>
                        <a:pt x="8392" y="9673"/>
                      </a:lnTo>
                      <a:lnTo>
                        <a:pt x="8490" y="9709"/>
                      </a:lnTo>
                      <a:lnTo>
                        <a:pt x="8585" y="9750"/>
                      </a:lnTo>
                      <a:lnTo>
                        <a:pt x="8676" y="9796"/>
                      </a:lnTo>
                      <a:lnTo>
                        <a:pt x="8763" y="9847"/>
                      </a:lnTo>
                      <a:lnTo>
                        <a:pt x="8845" y="9902"/>
                      </a:lnTo>
                      <a:lnTo>
                        <a:pt x="8924" y="9962"/>
                      </a:lnTo>
                      <a:lnTo>
                        <a:pt x="8998" y="10027"/>
                      </a:lnTo>
                      <a:lnTo>
                        <a:pt x="9068" y="10096"/>
                      </a:lnTo>
                      <a:lnTo>
                        <a:pt x="9134" y="10169"/>
                      </a:lnTo>
                      <a:lnTo>
                        <a:pt x="9195" y="10247"/>
                      </a:lnTo>
                      <a:lnTo>
                        <a:pt x="9251" y="10328"/>
                      </a:lnTo>
                      <a:lnTo>
                        <a:pt x="9303" y="10414"/>
                      </a:lnTo>
                      <a:lnTo>
                        <a:pt x="9350" y="10504"/>
                      </a:lnTo>
                      <a:lnTo>
                        <a:pt x="9393" y="10599"/>
                      </a:lnTo>
                      <a:lnTo>
                        <a:pt x="9412" y="10647"/>
                      </a:lnTo>
                      <a:lnTo>
                        <a:pt x="9428" y="10693"/>
                      </a:lnTo>
                      <a:lnTo>
                        <a:pt x="9457" y="10791"/>
                      </a:lnTo>
                      <a:lnTo>
                        <a:pt x="9482" y="10899"/>
                      </a:lnTo>
                      <a:lnTo>
                        <a:pt x="9502" y="11021"/>
                      </a:lnTo>
                      <a:lnTo>
                        <a:pt x="9510" y="11089"/>
                      </a:lnTo>
                      <a:lnTo>
                        <a:pt x="9517" y="11155"/>
                      </a:lnTo>
                      <a:lnTo>
                        <a:pt x="9519" y="11290"/>
                      </a:lnTo>
                      <a:lnTo>
                        <a:pt x="9509" y="11429"/>
                      </a:lnTo>
                      <a:lnTo>
                        <a:pt x="9487" y="11569"/>
                      </a:lnTo>
                      <a:lnTo>
                        <a:pt x="9452" y="11707"/>
                      </a:lnTo>
                      <a:lnTo>
                        <a:pt x="9407" y="11843"/>
                      </a:lnTo>
                      <a:lnTo>
                        <a:pt x="9351" y="11974"/>
                      </a:lnTo>
                      <a:lnTo>
                        <a:pt x="9284" y="12099"/>
                      </a:lnTo>
                      <a:lnTo>
                        <a:pt x="9247" y="12157"/>
                      </a:lnTo>
                      <a:lnTo>
                        <a:pt x="9217" y="12201"/>
                      </a:lnTo>
                      <a:lnTo>
                        <a:pt x="9154" y="12284"/>
                      </a:lnTo>
                      <a:lnTo>
                        <a:pt x="9087" y="12362"/>
                      </a:lnTo>
                      <a:lnTo>
                        <a:pt x="9015" y="12435"/>
                      </a:lnTo>
                      <a:lnTo>
                        <a:pt x="8940" y="12504"/>
                      </a:lnTo>
                      <a:lnTo>
                        <a:pt x="8860" y="12567"/>
                      </a:lnTo>
                      <a:lnTo>
                        <a:pt x="8777" y="12625"/>
                      </a:lnTo>
                      <a:lnTo>
                        <a:pt x="8690" y="12677"/>
                      </a:lnTo>
                      <a:lnTo>
                        <a:pt x="8600" y="12724"/>
                      </a:lnTo>
                      <a:lnTo>
                        <a:pt x="8507" y="12766"/>
                      </a:lnTo>
                      <a:lnTo>
                        <a:pt x="8410" y="12802"/>
                      </a:lnTo>
                      <a:lnTo>
                        <a:pt x="8312" y="12832"/>
                      </a:lnTo>
                      <a:lnTo>
                        <a:pt x="8210" y="12856"/>
                      </a:lnTo>
                      <a:lnTo>
                        <a:pt x="8106" y="12875"/>
                      </a:lnTo>
                      <a:lnTo>
                        <a:pt x="8000" y="12887"/>
                      </a:lnTo>
                      <a:lnTo>
                        <a:pt x="7892" y="12893"/>
                      </a:lnTo>
                      <a:lnTo>
                        <a:pt x="7837" y="12894"/>
                      </a:lnTo>
                      <a:lnTo>
                        <a:pt x="7776" y="12893"/>
                      </a:lnTo>
                      <a:lnTo>
                        <a:pt x="7657" y="12886"/>
                      </a:lnTo>
                      <a:lnTo>
                        <a:pt x="7541" y="12870"/>
                      </a:lnTo>
                      <a:lnTo>
                        <a:pt x="7428" y="12847"/>
                      </a:lnTo>
                      <a:lnTo>
                        <a:pt x="7318" y="12816"/>
                      </a:lnTo>
                      <a:lnTo>
                        <a:pt x="7212" y="12779"/>
                      </a:lnTo>
                      <a:lnTo>
                        <a:pt x="7110" y="12734"/>
                      </a:lnTo>
                      <a:lnTo>
                        <a:pt x="7011" y="12682"/>
                      </a:lnTo>
                      <a:lnTo>
                        <a:pt x="6917" y="12623"/>
                      </a:lnTo>
                      <a:lnTo>
                        <a:pt x="6827" y="12557"/>
                      </a:lnTo>
                      <a:lnTo>
                        <a:pt x="6742" y="12485"/>
                      </a:lnTo>
                      <a:lnTo>
                        <a:pt x="6662" y="12406"/>
                      </a:lnTo>
                      <a:lnTo>
                        <a:pt x="6586" y="12321"/>
                      </a:lnTo>
                      <a:lnTo>
                        <a:pt x="6516" y="12229"/>
                      </a:lnTo>
                      <a:lnTo>
                        <a:pt x="6451" y="12132"/>
                      </a:lnTo>
                      <a:lnTo>
                        <a:pt x="6392" y="12028"/>
                      </a:lnTo>
                      <a:lnTo>
                        <a:pt x="6365" y="11974"/>
                      </a:lnTo>
                      <a:lnTo>
                        <a:pt x="6270" y="11779"/>
                      </a:lnTo>
                      <a:lnTo>
                        <a:pt x="5614" y="11777"/>
                      </a:lnTo>
                      <a:lnTo>
                        <a:pt x="5302" y="11777"/>
                      </a:lnTo>
                      <a:lnTo>
                        <a:pt x="5017" y="11770"/>
                      </a:lnTo>
                      <a:lnTo>
                        <a:pt x="4912" y="11762"/>
                      </a:lnTo>
                      <a:lnTo>
                        <a:pt x="4889" y="11757"/>
                      </a:lnTo>
                      <a:lnTo>
                        <a:pt x="4865" y="11750"/>
                      </a:lnTo>
                      <a:lnTo>
                        <a:pt x="4817" y="11729"/>
                      </a:lnTo>
                      <a:lnTo>
                        <a:pt x="4764" y="11697"/>
                      </a:lnTo>
                      <a:lnTo>
                        <a:pt x="4700" y="11650"/>
                      </a:lnTo>
                      <a:lnTo>
                        <a:pt x="4579" y="11544"/>
                      </a:lnTo>
                      <a:lnTo>
                        <a:pt x="4335" y="11309"/>
                      </a:lnTo>
                      <a:lnTo>
                        <a:pt x="4162" y="11136"/>
                      </a:lnTo>
                      <a:lnTo>
                        <a:pt x="3670" y="10644"/>
                      </a:lnTo>
                      <a:lnTo>
                        <a:pt x="2084" y="10644"/>
                      </a:lnTo>
                      <a:lnTo>
                        <a:pt x="1199" y="10644"/>
                      </a:lnTo>
                      <a:lnTo>
                        <a:pt x="627" y="10651"/>
                      </a:lnTo>
                      <a:lnTo>
                        <a:pt x="523" y="10658"/>
                      </a:lnTo>
                      <a:lnTo>
                        <a:pt x="497" y="10664"/>
                      </a:lnTo>
                      <a:lnTo>
                        <a:pt x="495" y="10667"/>
                      </a:lnTo>
                      <a:lnTo>
                        <a:pt x="496" y="10678"/>
                      </a:lnTo>
                      <a:lnTo>
                        <a:pt x="506" y="10697"/>
                      </a:lnTo>
                      <a:lnTo>
                        <a:pt x="512" y="10702"/>
                      </a:lnTo>
                      <a:lnTo>
                        <a:pt x="518" y="10708"/>
                      </a:lnTo>
                      <a:lnTo>
                        <a:pt x="528" y="10726"/>
                      </a:lnTo>
                      <a:lnTo>
                        <a:pt x="529" y="10736"/>
                      </a:lnTo>
                      <a:lnTo>
                        <a:pt x="531" y="10750"/>
                      </a:lnTo>
                      <a:lnTo>
                        <a:pt x="553" y="10811"/>
                      </a:lnTo>
                      <a:lnTo>
                        <a:pt x="569" y="10847"/>
                      </a:lnTo>
                      <a:lnTo>
                        <a:pt x="611" y="10944"/>
                      </a:lnTo>
                      <a:lnTo>
                        <a:pt x="662" y="11061"/>
                      </a:lnTo>
                      <a:lnTo>
                        <a:pt x="691" y="11126"/>
                      </a:lnTo>
                      <a:lnTo>
                        <a:pt x="759" y="11270"/>
                      </a:lnTo>
                      <a:lnTo>
                        <a:pt x="878" y="11503"/>
                      </a:lnTo>
                      <a:lnTo>
                        <a:pt x="1061" y="11830"/>
                      </a:lnTo>
                      <a:lnTo>
                        <a:pt x="1251" y="12141"/>
                      </a:lnTo>
                      <a:lnTo>
                        <a:pt x="1342" y="12277"/>
                      </a:lnTo>
                      <a:lnTo>
                        <a:pt x="1450" y="12433"/>
                      </a:lnTo>
                      <a:lnTo>
                        <a:pt x="1657" y="12710"/>
                      </a:lnTo>
                      <a:lnTo>
                        <a:pt x="1874" y="12970"/>
                      </a:lnTo>
                      <a:lnTo>
                        <a:pt x="2125" y="13243"/>
                      </a:lnTo>
                      <a:lnTo>
                        <a:pt x="2274" y="13396"/>
                      </a:lnTo>
                      <a:lnTo>
                        <a:pt x="2595" y="13721"/>
                      </a:lnTo>
                      <a:lnTo>
                        <a:pt x="2137" y="15551"/>
                      </a:lnTo>
                      <a:lnTo>
                        <a:pt x="1903" y="16490"/>
                      </a:lnTo>
                      <a:lnTo>
                        <a:pt x="1728" y="17221"/>
                      </a:lnTo>
                      <a:lnTo>
                        <a:pt x="1690" y="17401"/>
                      </a:lnTo>
                      <a:lnTo>
                        <a:pt x="1679" y="17468"/>
                      </a:lnTo>
                      <a:lnTo>
                        <a:pt x="1679" y="17486"/>
                      </a:lnTo>
                      <a:lnTo>
                        <a:pt x="1679" y="17515"/>
                      </a:lnTo>
                      <a:lnTo>
                        <a:pt x="1684" y="17565"/>
                      </a:lnTo>
                      <a:lnTo>
                        <a:pt x="1695" y="17611"/>
                      </a:lnTo>
                      <a:lnTo>
                        <a:pt x="1715" y="17661"/>
                      </a:lnTo>
                      <a:lnTo>
                        <a:pt x="1729" y="17691"/>
                      </a:lnTo>
                      <a:lnTo>
                        <a:pt x="1752" y="17735"/>
                      </a:lnTo>
                      <a:lnTo>
                        <a:pt x="1806" y="17809"/>
                      </a:lnTo>
                      <a:lnTo>
                        <a:pt x="1873" y="17871"/>
                      </a:lnTo>
                      <a:lnTo>
                        <a:pt x="1956" y="17923"/>
                      </a:lnTo>
                      <a:lnTo>
                        <a:pt x="2007" y="17947"/>
                      </a:lnTo>
                      <a:lnTo>
                        <a:pt x="2112" y="17994"/>
                      </a:lnTo>
                      <a:lnTo>
                        <a:pt x="5864" y="17994"/>
                      </a:lnTo>
                      <a:lnTo>
                        <a:pt x="9617" y="17994"/>
                      </a:lnTo>
                      <a:lnTo>
                        <a:pt x="9715" y="17959"/>
                      </a:lnTo>
                      <a:lnTo>
                        <a:pt x="9756" y="17942"/>
                      </a:lnTo>
                      <a:lnTo>
                        <a:pt x="9837" y="17895"/>
                      </a:lnTo>
                      <a:lnTo>
                        <a:pt x="9912" y="17834"/>
                      </a:lnTo>
                      <a:lnTo>
                        <a:pt x="9975" y="17766"/>
                      </a:lnTo>
                      <a:lnTo>
                        <a:pt x="9999" y="17731"/>
                      </a:lnTo>
                      <a:lnTo>
                        <a:pt x="10010" y="17706"/>
                      </a:lnTo>
                      <a:lnTo>
                        <a:pt x="10053" y="17567"/>
                      </a:lnTo>
                      <a:lnTo>
                        <a:pt x="10161" y="17167"/>
                      </a:lnTo>
                      <a:lnTo>
                        <a:pt x="10270" y="16736"/>
                      </a:lnTo>
                      <a:lnTo>
                        <a:pt x="10505" y="15802"/>
                      </a:lnTo>
                      <a:lnTo>
                        <a:pt x="10604" y="15806"/>
                      </a:lnTo>
                      <a:lnTo>
                        <a:pt x="10651" y="15808"/>
                      </a:lnTo>
                      <a:lnTo>
                        <a:pt x="10773" y="15820"/>
                      </a:lnTo>
                      <a:lnTo>
                        <a:pt x="10829" y="15827"/>
                      </a:lnTo>
                      <a:lnTo>
                        <a:pt x="11190" y="15881"/>
                      </a:lnTo>
                      <a:lnTo>
                        <a:pt x="11704" y="15954"/>
                      </a:lnTo>
                      <a:lnTo>
                        <a:pt x="12013" y="15997"/>
                      </a:lnTo>
                      <a:lnTo>
                        <a:pt x="12345" y="16044"/>
                      </a:lnTo>
                      <a:lnTo>
                        <a:pt x="12639" y="16087"/>
                      </a:lnTo>
                      <a:lnTo>
                        <a:pt x="12812" y="16111"/>
                      </a:lnTo>
                      <a:lnTo>
                        <a:pt x="12931" y="16128"/>
                      </a:lnTo>
                      <a:lnTo>
                        <a:pt x="13037" y="16144"/>
                      </a:lnTo>
                      <a:lnTo>
                        <a:pt x="13130" y="16157"/>
                      </a:lnTo>
                      <a:lnTo>
                        <a:pt x="13204" y="16169"/>
                      </a:lnTo>
                      <a:lnTo>
                        <a:pt x="13335" y="16187"/>
                      </a:lnTo>
                      <a:lnTo>
                        <a:pt x="13620" y="16229"/>
                      </a:lnTo>
                      <a:lnTo>
                        <a:pt x="13766" y="16250"/>
                      </a:lnTo>
                      <a:lnTo>
                        <a:pt x="14011" y="16278"/>
                      </a:lnTo>
                      <a:lnTo>
                        <a:pt x="14072" y="16281"/>
                      </a:lnTo>
                      <a:lnTo>
                        <a:pt x="14109" y="16280"/>
                      </a:lnTo>
                      <a:lnTo>
                        <a:pt x="14182" y="16271"/>
                      </a:lnTo>
                      <a:lnTo>
                        <a:pt x="14253" y="16251"/>
                      </a:lnTo>
                      <a:lnTo>
                        <a:pt x="14320" y="16223"/>
                      </a:lnTo>
                      <a:lnTo>
                        <a:pt x="14383" y="16186"/>
                      </a:lnTo>
                      <a:lnTo>
                        <a:pt x="14439" y="16141"/>
                      </a:lnTo>
                      <a:lnTo>
                        <a:pt x="14487" y="16090"/>
                      </a:lnTo>
                      <a:lnTo>
                        <a:pt x="14526" y="16032"/>
                      </a:lnTo>
                      <a:lnTo>
                        <a:pt x="14542" y="16001"/>
                      </a:lnTo>
                      <a:lnTo>
                        <a:pt x="14557" y="15954"/>
                      </a:lnTo>
                      <a:lnTo>
                        <a:pt x="14653" y="15595"/>
                      </a:lnTo>
                      <a:lnTo>
                        <a:pt x="14901" y="14626"/>
                      </a:lnTo>
                      <a:lnTo>
                        <a:pt x="15120" y="13756"/>
                      </a:lnTo>
                      <a:lnTo>
                        <a:pt x="15337" y="12888"/>
                      </a:lnTo>
                      <a:lnTo>
                        <a:pt x="15580" y="11939"/>
                      </a:lnTo>
                      <a:lnTo>
                        <a:pt x="15670" y="11600"/>
                      </a:lnTo>
                      <a:lnTo>
                        <a:pt x="15682" y="11564"/>
                      </a:lnTo>
                      <a:lnTo>
                        <a:pt x="15734" y="11525"/>
                      </a:lnTo>
                      <a:lnTo>
                        <a:pt x="16162" y="11234"/>
                      </a:lnTo>
                      <a:lnTo>
                        <a:pt x="16470" y="11027"/>
                      </a:lnTo>
                      <a:lnTo>
                        <a:pt x="16789" y="10814"/>
                      </a:lnTo>
                      <a:lnTo>
                        <a:pt x="17140" y="10570"/>
                      </a:lnTo>
                      <a:lnTo>
                        <a:pt x="17274" y="10470"/>
                      </a:lnTo>
                      <a:lnTo>
                        <a:pt x="17297" y="10449"/>
                      </a:lnTo>
                      <a:lnTo>
                        <a:pt x="17325" y="10416"/>
                      </a:lnTo>
                      <a:lnTo>
                        <a:pt x="17369" y="10344"/>
                      </a:lnTo>
                      <a:lnTo>
                        <a:pt x="17401" y="10265"/>
                      </a:lnTo>
                      <a:lnTo>
                        <a:pt x="17420" y="10182"/>
                      </a:lnTo>
                      <a:lnTo>
                        <a:pt x="17426" y="10097"/>
                      </a:lnTo>
                      <a:lnTo>
                        <a:pt x="17419" y="10013"/>
                      </a:lnTo>
                      <a:lnTo>
                        <a:pt x="17398" y="9932"/>
                      </a:lnTo>
                      <a:lnTo>
                        <a:pt x="17363" y="9856"/>
                      </a:lnTo>
                      <a:lnTo>
                        <a:pt x="17340" y="9821"/>
                      </a:lnTo>
                      <a:lnTo>
                        <a:pt x="17135" y="9544"/>
                      </a:lnTo>
                      <a:lnTo>
                        <a:pt x="16519" y="8719"/>
                      </a:lnTo>
                      <a:lnTo>
                        <a:pt x="15732" y="7669"/>
                      </a:lnTo>
                      <a:lnTo>
                        <a:pt x="15722" y="7511"/>
                      </a:lnTo>
                      <a:lnTo>
                        <a:pt x="15705" y="7285"/>
                      </a:lnTo>
                      <a:lnTo>
                        <a:pt x="15662" y="6864"/>
                      </a:lnTo>
                      <a:lnTo>
                        <a:pt x="15602" y="6463"/>
                      </a:lnTo>
                      <a:lnTo>
                        <a:pt x="15525" y="6065"/>
                      </a:lnTo>
                      <a:lnTo>
                        <a:pt x="15477" y="5861"/>
                      </a:lnTo>
                      <a:lnTo>
                        <a:pt x="15457" y="5781"/>
                      </a:lnTo>
                      <a:lnTo>
                        <a:pt x="15391" y="5552"/>
                      </a:lnTo>
                      <a:lnTo>
                        <a:pt x="15315" y="5303"/>
                      </a:lnTo>
                      <a:lnTo>
                        <a:pt x="15250" y="5105"/>
                      </a:lnTo>
                      <a:lnTo>
                        <a:pt x="15230" y="5052"/>
                      </a:lnTo>
                      <a:lnTo>
                        <a:pt x="15201" y="4982"/>
                      </a:lnTo>
                      <a:lnTo>
                        <a:pt x="15137" y="4819"/>
                      </a:lnTo>
                      <a:lnTo>
                        <a:pt x="15084" y="4688"/>
                      </a:lnTo>
                      <a:lnTo>
                        <a:pt x="14969" y="4429"/>
                      </a:lnTo>
                      <a:lnTo>
                        <a:pt x="14844" y="4174"/>
                      </a:lnTo>
                      <a:lnTo>
                        <a:pt x="14709" y="3924"/>
                      </a:lnTo>
                      <a:lnTo>
                        <a:pt x="14564" y="3679"/>
                      </a:lnTo>
                      <a:lnTo>
                        <a:pt x="14410" y="3440"/>
                      </a:lnTo>
                      <a:lnTo>
                        <a:pt x="14246" y="3206"/>
                      </a:lnTo>
                      <a:lnTo>
                        <a:pt x="14074" y="2979"/>
                      </a:lnTo>
                      <a:lnTo>
                        <a:pt x="13892" y="2757"/>
                      </a:lnTo>
                      <a:lnTo>
                        <a:pt x="13702" y="2543"/>
                      </a:lnTo>
                      <a:lnTo>
                        <a:pt x="13504" y="2335"/>
                      </a:lnTo>
                      <a:lnTo>
                        <a:pt x="13298" y="2135"/>
                      </a:lnTo>
                      <a:lnTo>
                        <a:pt x="13085" y="1943"/>
                      </a:lnTo>
                      <a:lnTo>
                        <a:pt x="12864" y="1759"/>
                      </a:lnTo>
                      <a:lnTo>
                        <a:pt x="12636" y="1583"/>
                      </a:lnTo>
                      <a:lnTo>
                        <a:pt x="12401" y="1415"/>
                      </a:lnTo>
                      <a:lnTo>
                        <a:pt x="12280" y="1336"/>
                      </a:lnTo>
                      <a:lnTo>
                        <a:pt x="12130" y="1240"/>
                      </a:lnTo>
                      <a:lnTo>
                        <a:pt x="11803" y="1046"/>
                      </a:lnTo>
                      <a:lnTo>
                        <a:pt x="11474" y="868"/>
                      </a:lnTo>
                      <a:lnTo>
                        <a:pt x="11249" y="758"/>
                      </a:lnTo>
                      <a:lnTo>
                        <a:pt x="11116" y="699"/>
                      </a:lnTo>
                      <a:lnTo>
                        <a:pt x="11057" y="676"/>
                      </a:lnTo>
                      <a:lnTo>
                        <a:pt x="10980" y="645"/>
                      </a:lnTo>
                      <a:lnTo>
                        <a:pt x="10920" y="619"/>
                      </a:lnTo>
                      <a:lnTo>
                        <a:pt x="10844" y="587"/>
                      </a:lnTo>
                      <a:lnTo>
                        <a:pt x="10628" y="506"/>
                      </a:lnTo>
                      <a:lnTo>
                        <a:pt x="10384" y="421"/>
                      </a:lnTo>
                      <a:lnTo>
                        <a:pt x="10162" y="349"/>
                      </a:lnTo>
                      <a:lnTo>
                        <a:pt x="10079" y="326"/>
                      </a:lnTo>
                      <a:lnTo>
                        <a:pt x="9932" y="286"/>
                      </a:lnTo>
                      <a:lnTo>
                        <a:pt x="9703" y="227"/>
                      </a:lnTo>
                      <a:lnTo>
                        <a:pt x="9637" y="212"/>
                      </a:lnTo>
                      <a:lnTo>
                        <a:pt x="9478" y="179"/>
                      </a:lnTo>
                      <a:lnTo>
                        <a:pt x="9197" y="126"/>
                      </a:lnTo>
                      <a:lnTo>
                        <a:pt x="9020" y="96"/>
                      </a:lnTo>
                      <a:lnTo>
                        <a:pt x="8922" y="81"/>
                      </a:lnTo>
                      <a:lnTo>
                        <a:pt x="8554" y="38"/>
                      </a:lnTo>
                      <a:lnTo>
                        <a:pt x="8362" y="17"/>
                      </a:lnTo>
                      <a:lnTo>
                        <a:pt x="8279" y="11"/>
                      </a:lnTo>
                      <a:lnTo>
                        <a:pt x="7976" y="3"/>
                      </a:lnTo>
                      <a:lnTo>
                        <a:pt x="7630" y="0"/>
                      </a:lnTo>
                      <a:lnTo>
                        <a:pt x="7376" y="4"/>
                      </a:lnTo>
                      <a:lnTo>
                        <a:pt x="7337" y="9"/>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399" name="Freeform 6"/>
                <p:cNvSpPr>
                  <a:spLocks/>
                </p:cNvSpPr>
                <p:nvPr/>
              </p:nvSpPr>
              <p:spPr bwMode="auto">
                <a:xfrm>
                  <a:off x="3493" y="928"/>
                  <a:ext cx="281" cy="283"/>
                </a:xfrm>
                <a:custGeom>
                  <a:avLst/>
                  <a:gdLst>
                    <a:gd name="T0" fmla="*/ 355 w 1170"/>
                    <a:gd name="T1" fmla="*/ 42 h 1180"/>
                    <a:gd name="T2" fmla="*/ 326 w 1170"/>
                    <a:gd name="T3" fmla="*/ 55 h 1180"/>
                    <a:gd name="T4" fmla="*/ 272 w 1170"/>
                    <a:gd name="T5" fmla="*/ 84 h 1180"/>
                    <a:gd name="T6" fmla="*/ 223 w 1170"/>
                    <a:gd name="T7" fmla="*/ 118 h 1180"/>
                    <a:gd name="T8" fmla="*/ 178 w 1170"/>
                    <a:gd name="T9" fmla="*/ 158 h 1180"/>
                    <a:gd name="T10" fmla="*/ 138 w 1170"/>
                    <a:gd name="T11" fmla="*/ 201 h 1180"/>
                    <a:gd name="T12" fmla="*/ 102 w 1170"/>
                    <a:gd name="T13" fmla="*/ 248 h 1180"/>
                    <a:gd name="T14" fmla="*/ 72 w 1170"/>
                    <a:gd name="T15" fmla="*/ 298 h 1180"/>
                    <a:gd name="T16" fmla="*/ 46 w 1170"/>
                    <a:gd name="T17" fmla="*/ 352 h 1180"/>
                    <a:gd name="T18" fmla="*/ 27 w 1170"/>
                    <a:gd name="T19" fmla="*/ 408 h 1180"/>
                    <a:gd name="T20" fmla="*/ 12 w 1170"/>
                    <a:gd name="T21" fmla="*/ 466 h 1180"/>
                    <a:gd name="T22" fmla="*/ 3 w 1170"/>
                    <a:gd name="T23" fmla="*/ 525 h 1180"/>
                    <a:gd name="T24" fmla="*/ 0 w 1170"/>
                    <a:gd name="T25" fmla="*/ 586 h 1180"/>
                    <a:gd name="T26" fmla="*/ 3 w 1170"/>
                    <a:gd name="T27" fmla="*/ 647 h 1180"/>
                    <a:gd name="T28" fmla="*/ 12 w 1170"/>
                    <a:gd name="T29" fmla="*/ 709 h 1180"/>
                    <a:gd name="T30" fmla="*/ 28 w 1170"/>
                    <a:gd name="T31" fmla="*/ 770 h 1180"/>
                    <a:gd name="T32" fmla="*/ 50 w 1170"/>
                    <a:gd name="T33" fmla="*/ 831 h 1180"/>
                    <a:gd name="T34" fmla="*/ 63 w 1170"/>
                    <a:gd name="T35" fmla="*/ 861 h 1180"/>
                    <a:gd name="T36" fmla="*/ 83 w 1170"/>
                    <a:gd name="T37" fmla="*/ 900 h 1180"/>
                    <a:gd name="T38" fmla="*/ 130 w 1170"/>
                    <a:gd name="T39" fmla="*/ 969 h 1180"/>
                    <a:gd name="T40" fmla="*/ 185 w 1170"/>
                    <a:gd name="T41" fmla="*/ 1029 h 1180"/>
                    <a:gd name="T42" fmla="*/ 247 w 1170"/>
                    <a:gd name="T43" fmla="*/ 1079 h 1180"/>
                    <a:gd name="T44" fmla="*/ 314 w 1170"/>
                    <a:gd name="T45" fmla="*/ 1119 h 1180"/>
                    <a:gd name="T46" fmla="*/ 386 w 1170"/>
                    <a:gd name="T47" fmla="*/ 1149 h 1180"/>
                    <a:gd name="T48" fmla="*/ 461 w 1170"/>
                    <a:gd name="T49" fmla="*/ 1169 h 1180"/>
                    <a:gd name="T50" fmla="*/ 539 w 1170"/>
                    <a:gd name="T51" fmla="*/ 1180 h 1180"/>
                    <a:gd name="T52" fmla="*/ 617 w 1170"/>
                    <a:gd name="T53" fmla="*/ 1180 h 1180"/>
                    <a:gd name="T54" fmla="*/ 695 w 1170"/>
                    <a:gd name="T55" fmla="*/ 1170 h 1180"/>
                    <a:gd name="T56" fmla="*/ 771 w 1170"/>
                    <a:gd name="T57" fmla="*/ 1150 h 1180"/>
                    <a:gd name="T58" fmla="*/ 845 w 1170"/>
                    <a:gd name="T59" fmla="*/ 1121 h 1180"/>
                    <a:gd name="T60" fmla="*/ 915 w 1170"/>
                    <a:gd name="T61" fmla="*/ 1081 h 1180"/>
                    <a:gd name="T62" fmla="*/ 980 w 1170"/>
                    <a:gd name="T63" fmla="*/ 1032 h 1180"/>
                    <a:gd name="T64" fmla="*/ 1039 w 1170"/>
                    <a:gd name="T65" fmla="*/ 972 h 1180"/>
                    <a:gd name="T66" fmla="*/ 1091 w 1170"/>
                    <a:gd name="T67" fmla="*/ 903 h 1180"/>
                    <a:gd name="T68" fmla="*/ 1113 w 1170"/>
                    <a:gd name="T69" fmla="*/ 864 h 1180"/>
                    <a:gd name="T70" fmla="*/ 1132 w 1170"/>
                    <a:gd name="T71" fmla="*/ 829 h 1180"/>
                    <a:gd name="T72" fmla="*/ 1155 w 1170"/>
                    <a:gd name="T73" fmla="*/ 776 h 1180"/>
                    <a:gd name="T74" fmla="*/ 1166 w 1170"/>
                    <a:gd name="T75" fmla="*/ 722 h 1180"/>
                    <a:gd name="T76" fmla="*/ 1170 w 1170"/>
                    <a:gd name="T77" fmla="*/ 647 h 1180"/>
                    <a:gd name="T78" fmla="*/ 1170 w 1170"/>
                    <a:gd name="T79" fmla="*/ 592 h 1180"/>
                    <a:gd name="T80" fmla="*/ 1170 w 1170"/>
                    <a:gd name="T81" fmla="*/ 540 h 1180"/>
                    <a:gd name="T82" fmla="*/ 1166 w 1170"/>
                    <a:gd name="T83" fmla="*/ 465 h 1180"/>
                    <a:gd name="T84" fmla="*/ 1156 w 1170"/>
                    <a:gd name="T85" fmla="*/ 411 h 1180"/>
                    <a:gd name="T86" fmla="*/ 1136 w 1170"/>
                    <a:gd name="T87" fmla="*/ 360 h 1180"/>
                    <a:gd name="T88" fmla="*/ 1120 w 1170"/>
                    <a:gd name="T89" fmla="*/ 329 h 1180"/>
                    <a:gd name="T90" fmla="*/ 1108 w 1170"/>
                    <a:gd name="T91" fmla="*/ 306 h 1180"/>
                    <a:gd name="T92" fmla="*/ 1078 w 1170"/>
                    <a:gd name="T93" fmla="*/ 259 h 1180"/>
                    <a:gd name="T94" fmla="*/ 1044 w 1170"/>
                    <a:gd name="T95" fmla="*/ 215 h 1180"/>
                    <a:gd name="T96" fmla="*/ 1004 w 1170"/>
                    <a:gd name="T97" fmla="*/ 172 h 1180"/>
                    <a:gd name="T98" fmla="*/ 962 w 1170"/>
                    <a:gd name="T99" fmla="*/ 133 h 1180"/>
                    <a:gd name="T100" fmla="*/ 918 w 1170"/>
                    <a:gd name="T101" fmla="*/ 98 h 1180"/>
                    <a:gd name="T102" fmla="*/ 872 w 1170"/>
                    <a:gd name="T103" fmla="*/ 68 h 1180"/>
                    <a:gd name="T104" fmla="*/ 826 w 1170"/>
                    <a:gd name="T105" fmla="*/ 45 h 1180"/>
                    <a:gd name="T106" fmla="*/ 803 w 1170"/>
                    <a:gd name="T107" fmla="*/ 36 h 1180"/>
                    <a:gd name="T108" fmla="*/ 778 w 1170"/>
                    <a:gd name="T109" fmla="*/ 27 h 1180"/>
                    <a:gd name="T110" fmla="*/ 724 w 1170"/>
                    <a:gd name="T111" fmla="*/ 13 h 1180"/>
                    <a:gd name="T112" fmla="*/ 667 w 1170"/>
                    <a:gd name="T113" fmla="*/ 4 h 1180"/>
                    <a:gd name="T114" fmla="*/ 608 w 1170"/>
                    <a:gd name="T115" fmla="*/ 0 h 1180"/>
                    <a:gd name="T116" fmla="*/ 548 w 1170"/>
                    <a:gd name="T117" fmla="*/ 1 h 1180"/>
                    <a:gd name="T118" fmla="*/ 490 w 1170"/>
                    <a:gd name="T119" fmla="*/ 7 h 1180"/>
                    <a:gd name="T120" fmla="*/ 433 w 1170"/>
                    <a:gd name="T121" fmla="*/ 17 h 1180"/>
                    <a:gd name="T122" fmla="*/ 380 w 1170"/>
                    <a:gd name="T123" fmla="*/ 33 h 1180"/>
                    <a:gd name="T124" fmla="*/ 355 w 1170"/>
                    <a:gd name="T125" fmla="*/ 42 h 1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170" h="1180">
                      <a:moveTo>
                        <a:pt x="355" y="42"/>
                      </a:moveTo>
                      <a:lnTo>
                        <a:pt x="326" y="55"/>
                      </a:lnTo>
                      <a:lnTo>
                        <a:pt x="272" y="84"/>
                      </a:lnTo>
                      <a:lnTo>
                        <a:pt x="223" y="118"/>
                      </a:lnTo>
                      <a:lnTo>
                        <a:pt x="178" y="158"/>
                      </a:lnTo>
                      <a:lnTo>
                        <a:pt x="138" y="201"/>
                      </a:lnTo>
                      <a:lnTo>
                        <a:pt x="102" y="248"/>
                      </a:lnTo>
                      <a:lnTo>
                        <a:pt x="72" y="298"/>
                      </a:lnTo>
                      <a:lnTo>
                        <a:pt x="46" y="352"/>
                      </a:lnTo>
                      <a:lnTo>
                        <a:pt x="27" y="408"/>
                      </a:lnTo>
                      <a:lnTo>
                        <a:pt x="12" y="466"/>
                      </a:lnTo>
                      <a:lnTo>
                        <a:pt x="3" y="525"/>
                      </a:lnTo>
                      <a:lnTo>
                        <a:pt x="0" y="586"/>
                      </a:lnTo>
                      <a:lnTo>
                        <a:pt x="3" y="647"/>
                      </a:lnTo>
                      <a:lnTo>
                        <a:pt x="12" y="709"/>
                      </a:lnTo>
                      <a:lnTo>
                        <a:pt x="28" y="770"/>
                      </a:lnTo>
                      <a:lnTo>
                        <a:pt x="50" y="831"/>
                      </a:lnTo>
                      <a:lnTo>
                        <a:pt x="63" y="861"/>
                      </a:lnTo>
                      <a:lnTo>
                        <a:pt x="83" y="900"/>
                      </a:lnTo>
                      <a:lnTo>
                        <a:pt x="130" y="969"/>
                      </a:lnTo>
                      <a:lnTo>
                        <a:pt x="185" y="1029"/>
                      </a:lnTo>
                      <a:lnTo>
                        <a:pt x="247" y="1079"/>
                      </a:lnTo>
                      <a:lnTo>
                        <a:pt x="314" y="1119"/>
                      </a:lnTo>
                      <a:lnTo>
                        <a:pt x="386" y="1149"/>
                      </a:lnTo>
                      <a:lnTo>
                        <a:pt x="461" y="1169"/>
                      </a:lnTo>
                      <a:lnTo>
                        <a:pt x="539" y="1180"/>
                      </a:lnTo>
                      <a:lnTo>
                        <a:pt x="617" y="1180"/>
                      </a:lnTo>
                      <a:lnTo>
                        <a:pt x="695" y="1170"/>
                      </a:lnTo>
                      <a:lnTo>
                        <a:pt x="771" y="1150"/>
                      </a:lnTo>
                      <a:lnTo>
                        <a:pt x="845" y="1121"/>
                      </a:lnTo>
                      <a:lnTo>
                        <a:pt x="915" y="1081"/>
                      </a:lnTo>
                      <a:lnTo>
                        <a:pt x="980" y="1032"/>
                      </a:lnTo>
                      <a:lnTo>
                        <a:pt x="1039" y="972"/>
                      </a:lnTo>
                      <a:lnTo>
                        <a:pt x="1091" y="903"/>
                      </a:lnTo>
                      <a:lnTo>
                        <a:pt x="1113" y="864"/>
                      </a:lnTo>
                      <a:lnTo>
                        <a:pt x="1132" y="829"/>
                      </a:lnTo>
                      <a:lnTo>
                        <a:pt x="1155" y="776"/>
                      </a:lnTo>
                      <a:lnTo>
                        <a:pt x="1166" y="722"/>
                      </a:lnTo>
                      <a:lnTo>
                        <a:pt x="1170" y="647"/>
                      </a:lnTo>
                      <a:lnTo>
                        <a:pt x="1170" y="592"/>
                      </a:lnTo>
                      <a:lnTo>
                        <a:pt x="1170" y="540"/>
                      </a:lnTo>
                      <a:lnTo>
                        <a:pt x="1166" y="465"/>
                      </a:lnTo>
                      <a:lnTo>
                        <a:pt x="1156" y="411"/>
                      </a:lnTo>
                      <a:lnTo>
                        <a:pt x="1136" y="360"/>
                      </a:lnTo>
                      <a:lnTo>
                        <a:pt x="1120" y="329"/>
                      </a:lnTo>
                      <a:lnTo>
                        <a:pt x="1108" y="306"/>
                      </a:lnTo>
                      <a:lnTo>
                        <a:pt x="1078" y="259"/>
                      </a:lnTo>
                      <a:lnTo>
                        <a:pt x="1044" y="215"/>
                      </a:lnTo>
                      <a:lnTo>
                        <a:pt x="1004" y="172"/>
                      </a:lnTo>
                      <a:lnTo>
                        <a:pt x="962" y="133"/>
                      </a:lnTo>
                      <a:lnTo>
                        <a:pt x="918" y="98"/>
                      </a:lnTo>
                      <a:lnTo>
                        <a:pt x="872" y="68"/>
                      </a:lnTo>
                      <a:lnTo>
                        <a:pt x="826" y="45"/>
                      </a:lnTo>
                      <a:lnTo>
                        <a:pt x="803" y="36"/>
                      </a:lnTo>
                      <a:lnTo>
                        <a:pt x="778" y="27"/>
                      </a:lnTo>
                      <a:lnTo>
                        <a:pt x="724" y="13"/>
                      </a:lnTo>
                      <a:lnTo>
                        <a:pt x="667" y="4"/>
                      </a:lnTo>
                      <a:lnTo>
                        <a:pt x="608" y="0"/>
                      </a:lnTo>
                      <a:lnTo>
                        <a:pt x="548" y="1"/>
                      </a:lnTo>
                      <a:lnTo>
                        <a:pt x="490" y="7"/>
                      </a:lnTo>
                      <a:lnTo>
                        <a:pt x="433" y="17"/>
                      </a:lnTo>
                      <a:lnTo>
                        <a:pt x="380" y="33"/>
                      </a:lnTo>
                      <a:lnTo>
                        <a:pt x="355" y="42"/>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400" name="Freeform 7"/>
                <p:cNvSpPr>
                  <a:spLocks/>
                </p:cNvSpPr>
                <p:nvPr/>
              </p:nvSpPr>
              <p:spPr bwMode="auto">
                <a:xfrm>
                  <a:off x="4310" y="1741"/>
                  <a:ext cx="281" cy="284"/>
                </a:xfrm>
                <a:custGeom>
                  <a:avLst/>
                  <a:gdLst>
                    <a:gd name="T0" fmla="*/ 450 w 1173"/>
                    <a:gd name="T1" fmla="*/ 19 h 1183"/>
                    <a:gd name="T2" fmla="*/ 415 w 1173"/>
                    <a:gd name="T3" fmla="*/ 28 h 1183"/>
                    <a:gd name="T4" fmla="*/ 349 w 1173"/>
                    <a:gd name="T5" fmla="*/ 51 h 1183"/>
                    <a:gd name="T6" fmla="*/ 290 w 1173"/>
                    <a:gd name="T7" fmla="*/ 78 h 1183"/>
                    <a:gd name="T8" fmla="*/ 236 w 1173"/>
                    <a:gd name="T9" fmla="*/ 110 h 1183"/>
                    <a:gd name="T10" fmla="*/ 187 w 1173"/>
                    <a:gd name="T11" fmla="*/ 148 h 1183"/>
                    <a:gd name="T12" fmla="*/ 144 w 1173"/>
                    <a:gd name="T13" fmla="*/ 191 h 1183"/>
                    <a:gd name="T14" fmla="*/ 105 w 1173"/>
                    <a:gd name="T15" fmla="*/ 240 h 1183"/>
                    <a:gd name="T16" fmla="*/ 71 w 1173"/>
                    <a:gd name="T17" fmla="*/ 296 h 1183"/>
                    <a:gd name="T18" fmla="*/ 55 w 1173"/>
                    <a:gd name="T19" fmla="*/ 326 h 1183"/>
                    <a:gd name="T20" fmla="*/ 37 w 1173"/>
                    <a:gd name="T21" fmla="*/ 362 h 1183"/>
                    <a:gd name="T22" fmla="*/ 15 w 1173"/>
                    <a:gd name="T23" fmla="*/ 418 h 1183"/>
                    <a:gd name="T24" fmla="*/ 4 w 1173"/>
                    <a:gd name="T25" fmla="*/ 474 h 1183"/>
                    <a:gd name="T26" fmla="*/ 0 w 1173"/>
                    <a:gd name="T27" fmla="*/ 550 h 1183"/>
                    <a:gd name="T28" fmla="*/ 0 w 1173"/>
                    <a:gd name="T29" fmla="*/ 604 h 1183"/>
                    <a:gd name="T30" fmla="*/ 1 w 1173"/>
                    <a:gd name="T31" fmla="*/ 658 h 1183"/>
                    <a:gd name="T32" fmla="*/ 5 w 1173"/>
                    <a:gd name="T33" fmla="*/ 733 h 1183"/>
                    <a:gd name="T34" fmla="*/ 16 w 1173"/>
                    <a:gd name="T35" fmla="*/ 787 h 1183"/>
                    <a:gd name="T36" fmla="*/ 37 w 1173"/>
                    <a:gd name="T37" fmla="*/ 840 h 1183"/>
                    <a:gd name="T38" fmla="*/ 54 w 1173"/>
                    <a:gd name="T39" fmla="*/ 873 h 1183"/>
                    <a:gd name="T40" fmla="*/ 74 w 1173"/>
                    <a:gd name="T41" fmla="*/ 910 h 1183"/>
                    <a:gd name="T42" fmla="*/ 121 w 1173"/>
                    <a:gd name="T43" fmla="*/ 977 h 1183"/>
                    <a:gd name="T44" fmla="*/ 174 w 1173"/>
                    <a:gd name="T45" fmla="*/ 1035 h 1183"/>
                    <a:gd name="T46" fmla="*/ 235 w 1173"/>
                    <a:gd name="T47" fmla="*/ 1084 h 1183"/>
                    <a:gd name="T48" fmla="*/ 301 w 1173"/>
                    <a:gd name="T49" fmla="*/ 1123 h 1183"/>
                    <a:gd name="T50" fmla="*/ 375 w 1173"/>
                    <a:gd name="T51" fmla="*/ 1152 h 1183"/>
                    <a:gd name="T52" fmla="*/ 454 w 1173"/>
                    <a:gd name="T53" fmla="*/ 1172 h 1183"/>
                    <a:gd name="T54" fmla="*/ 539 w 1173"/>
                    <a:gd name="T55" fmla="*/ 1182 h 1183"/>
                    <a:gd name="T56" fmla="*/ 584 w 1173"/>
                    <a:gd name="T57" fmla="*/ 1183 h 1183"/>
                    <a:gd name="T58" fmla="*/ 614 w 1173"/>
                    <a:gd name="T59" fmla="*/ 1183 h 1183"/>
                    <a:gd name="T60" fmla="*/ 671 w 1173"/>
                    <a:gd name="T61" fmla="*/ 1178 h 1183"/>
                    <a:gd name="T62" fmla="*/ 726 w 1173"/>
                    <a:gd name="T63" fmla="*/ 1169 h 1183"/>
                    <a:gd name="T64" fmla="*/ 777 w 1173"/>
                    <a:gd name="T65" fmla="*/ 1155 h 1183"/>
                    <a:gd name="T66" fmla="*/ 826 w 1173"/>
                    <a:gd name="T67" fmla="*/ 1136 h 1183"/>
                    <a:gd name="T68" fmla="*/ 874 w 1173"/>
                    <a:gd name="T69" fmla="*/ 1111 h 1183"/>
                    <a:gd name="T70" fmla="*/ 920 w 1173"/>
                    <a:gd name="T71" fmla="*/ 1080 h 1183"/>
                    <a:gd name="T72" fmla="*/ 966 w 1173"/>
                    <a:gd name="T73" fmla="*/ 1043 h 1183"/>
                    <a:gd name="T74" fmla="*/ 989 w 1173"/>
                    <a:gd name="T75" fmla="*/ 1023 h 1183"/>
                    <a:gd name="T76" fmla="*/ 1022 w 1173"/>
                    <a:gd name="T77" fmla="*/ 990 h 1183"/>
                    <a:gd name="T78" fmla="*/ 1078 w 1173"/>
                    <a:gd name="T79" fmla="*/ 916 h 1183"/>
                    <a:gd name="T80" fmla="*/ 1122 w 1173"/>
                    <a:gd name="T81" fmla="*/ 834 h 1183"/>
                    <a:gd name="T82" fmla="*/ 1153 w 1173"/>
                    <a:gd name="T83" fmla="*/ 747 h 1183"/>
                    <a:gd name="T84" fmla="*/ 1170 w 1173"/>
                    <a:gd name="T85" fmla="*/ 656 h 1183"/>
                    <a:gd name="T86" fmla="*/ 1173 w 1173"/>
                    <a:gd name="T87" fmla="*/ 564 h 1183"/>
                    <a:gd name="T88" fmla="*/ 1162 w 1173"/>
                    <a:gd name="T89" fmla="*/ 471 h 1183"/>
                    <a:gd name="T90" fmla="*/ 1136 w 1173"/>
                    <a:gd name="T91" fmla="*/ 381 h 1183"/>
                    <a:gd name="T92" fmla="*/ 1117 w 1173"/>
                    <a:gd name="T93" fmla="*/ 338 h 1183"/>
                    <a:gd name="T94" fmla="*/ 1103 w 1173"/>
                    <a:gd name="T95" fmla="*/ 311 h 1183"/>
                    <a:gd name="T96" fmla="*/ 1069 w 1173"/>
                    <a:gd name="T97" fmla="*/ 258 h 1183"/>
                    <a:gd name="T98" fmla="*/ 1028 w 1173"/>
                    <a:gd name="T99" fmla="*/ 209 h 1183"/>
                    <a:gd name="T100" fmla="*/ 981 w 1173"/>
                    <a:gd name="T101" fmla="*/ 162 h 1183"/>
                    <a:gd name="T102" fmla="*/ 929 w 1173"/>
                    <a:gd name="T103" fmla="*/ 120 h 1183"/>
                    <a:gd name="T104" fmla="*/ 873 w 1173"/>
                    <a:gd name="T105" fmla="*/ 84 h 1183"/>
                    <a:gd name="T106" fmla="*/ 814 w 1173"/>
                    <a:gd name="T107" fmla="*/ 53 h 1183"/>
                    <a:gd name="T108" fmla="*/ 753 w 1173"/>
                    <a:gd name="T109" fmla="*/ 28 h 1183"/>
                    <a:gd name="T110" fmla="*/ 722 w 1173"/>
                    <a:gd name="T111" fmla="*/ 19 h 1183"/>
                    <a:gd name="T112" fmla="*/ 684 w 1173"/>
                    <a:gd name="T113" fmla="*/ 10 h 1183"/>
                    <a:gd name="T114" fmla="*/ 619 w 1173"/>
                    <a:gd name="T115" fmla="*/ 0 h 1183"/>
                    <a:gd name="T116" fmla="*/ 558 w 1173"/>
                    <a:gd name="T117" fmla="*/ 0 h 1183"/>
                    <a:gd name="T118" fmla="*/ 490 w 1173"/>
                    <a:gd name="T119" fmla="*/ 10 h 1183"/>
                    <a:gd name="T120" fmla="*/ 450 w 1173"/>
                    <a:gd name="T121" fmla="*/ 19 h 11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173" h="1183">
                      <a:moveTo>
                        <a:pt x="450" y="19"/>
                      </a:moveTo>
                      <a:lnTo>
                        <a:pt x="415" y="28"/>
                      </a:lnTo>
                      <a:lnTo>
                        <a:pt x="349" y="51"/>
                      </a:lnTo>
                      <a:lnTo>
                        <a:pt x="290" y="78"/>
                      </a:lnTo>
                      <a:lnTo>
                        <a:pt x="236" y="110"/>
                      </a:lnTo>
                      <a:lnTo>
                        <a:pt x="187" y="148"/>
                      </a:lnTo>
                      <a:lnTo>
                        <a:pt x="144" y="191"/>
                      </a:lnTo>
                      <a:lnTo>
                        <a:pt x="105" y="240"/>
                      </a:lnTo>
                      <a:lnTo>
                        <a:pt x="71" y="296"/>
                      </a:lnTo>
                      <a:lnTo>
                        <a:pt x="55" y="326"/>
                      </a:lnTo>
                      <a:lnTo>
                        <a:pt x="37" y="362"/>
                      </a:lnTo>
                      <a:lnTo>
                        <a:pt x="15" y="418"/>
                      </a:lnTo>
                      <a:lnTo>
                        <a:pt x="4" y="474"/>
                      </a:lnTo>
                      <a:lnTo>
                        <a:pt x="0" y="550"/>
                      </a:lnTo>
                      <a:lnTo>
                        <a:pt x="0" y="604"/>
                      </a:lnTo>
                      <a:lnTo>
                        <a:pt x="1" y="658"/>
                      </a:lnTo>
                      <a:lnTo>
                        <a:pt x="5" y="733"/>
                      </a:lnTo>
                      <a:lnTo>
                        <a:pt x="16" y="787"/>
                      </a:lnTo>
                      <a:lnTo>
                        <a:pt x="37" y="840"/>
                      </a:lnTo>
                      <a:lnTo>
                        <a:pt x="54" y="873"/>
                      </a:lnTo>
                      <a:lnTo>
                        <a:pt x="74" y="910"/>
                      </a:lnTo>
                      <a:lnTo>
                        <a:pt x="121" y="977"/>
                      </a:lnTo>
                      <a:lnTo>
                        <a:pt x="174" y="1035"/>
                      </a:lnTo>
                      <a:lnTo>
                        <a:pt x="235" y="1084"/>
                      </a:lnTo>
                      <a:lnTo>
                        <a:pt x="301" y="1123"/>
                      </a:lnTo>
                      <a:lnTo>
                        <a:pt x="375" y="1152"/>
                      </a:lnTo>
                      <a:lnTo>
                        <a:pt x="454" y="1172"/>
                      </a:lnTo>
                      <a:lnTo>
                        <a:pt x="539" y="1182"/>
                      </a:lnTo>
                      <a:lnTo>
                        <a:pt x="584" y="1183"/>
                      </a:lnTo>
                      <a:lnTo>
                        <a:pt x="614" y="1183"/>
                      </a:lnTo>
                      <a:lnTo>
                        <a:pt x="671" y="1178"/>
                      </a:lnTo>
                      <a:lnTo>
                        <a:pt x="726" y="1169"/>
                      </a:lnTo>
                      <a:lnTo>
                        <a:pt x="777" y="1155"/>
                      </a:lnTo>
                      <a:lnTo>
                        <a:pt x="826" y="1136"/>
                      </a:lnTo>
                      <a:lnTo>
                        <a:pt x="874" y="1111"/>
                      </a:lnTo>
                      <a:lnTo>
                        <a:pt x="920" y="1080"/>
                      </a:lnTo>
                      <a:lnTo>
                        <a:pt x="966" y="1043"/>
                      </a:lnTo>
                      <a:lnTo>
                        <a:pt x="989" y="1023"/>
                      </a:lnTo>
                      <a:lnTo>
                        <a:pt x="1022" y="990"/>
                      </a:lnTo>
                      <a:lnTo>
                        <a:pt x="1078" y="916"/>
                      </a:lnTo>
                      <a:lnTo>
                        <a:pt x="1122" y="834"/>
                      </a:lnTo>
                      <a:lnTo>
                        <a:pt x="1153" y="747"/>
                      </a:lnTo>
                      <a:lnTo>
                        <a:pt x="1170" y="656"/>
                      </a:lnTo>
                      <a:lnTo>
                        <a:pt x="1173" y="564"/>
                      </a:lnTo>
                      <a:lnTo>
                        <a:pt x="1162" y="471"/>
                      </a:lnTo>
                      <a:lnTo>
                        <a:pt x="1136" y="381"/>
                      </a:lnTo>
                      <a:lnTo>
                        <a:pt x="1117" y="338"/>
                      </a:lnTo>
                      <a:lnTo>
                        <a:pt x="1103" y="311"/>
                      </a:lnTo>
                      <a:lnTo>
                        <a:pt x="1069" y="258"/>
                      </a:lnTo>
                      <a:lnTo>
                        <a:pt x="1028" y="209"/>
                      </a:lnTo>
                      <a:lnTo>
                        <a:pt x="981" y="162"/>
                      </a:lnTo>
                      <a:lnTo>
                        <a:pt x="929" y="120"/>
                      </a:lnTo>
                      <a:lnTo>
                        <a:pt x="873" y="84"/>
                      </a:lnTo>
                      <a:lnTo>
                        <a:pt x="814" y="53"/>
                      </a:lnTo>
                      <a:lnTo>
                        <a:pt x="753" y="28"/>
                      </a:lnTo>
                      <a:lnTo>
                        <a:pt x="722" y="19"/>
                      </a:lnTo>
                      <a:lnTo>
                        <a:pt x="684" y="10"/>
                      </a:lnTo>
                      <a:lnTo>
                        <a:pt x="619" y="0"/>
                      </a:lnTo>
                      <a:lnTo>
                        <a:pt x="558" y="0"/>
                      </a:lnTo>
                      <a:lnTo>
                        <a:pt x="490" y="10"/>
                      </a:lnTo>
                      <a:lnTo>
                        <a:pt x="450" y="19"/>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401" name="Freeform 8"/>
                <p:cNvSpPr>
                  <a:spLocks/>
                </p:cNvSpPr>
                <p:nvPr/>
              </p:nvSpPr>
              <p:spPr bwMode="auto">
                <a:xfrm>
                  <a:off x="3494" y="2557"/>
                  <a:ext cx="280" cy="284"/>
                </a:xfrm>
                <a:custGeom>
                  <a:avLst/>
                  <a:gdLst>
                    <a:gd name="T0" fmla="*/ 403 w 1165"/>
                    <a:gd name="T1" fmla="*/ 27 h 1182"/>
                    <a:gd name="T2" fmla="*/ 370 w 1165"/>
                    <a:gd name="T3" fmla="*/ 38 h 1182"/>
                    <a:gd name="T4" fmla="*/ 310 w 1165"/>
                    <a:gd name="T5" fmla="*/ 63 h 1182"/>
                    <a:gd name="T6" fmla="*/ 256 w 1165"/>
                    <a:gd name="T7" fmla="*/ 92 h 1182"/>
                    <a:gd name="T8" fmla="*/ 207 w 1165"/>
                    <a:gd name="T9" fmla="*/ 126 h 1182"/>
                    <a:gd name="T10" fmla="*/ 163 w 1165"/>
                    <a:gd name="T11" fmla="*/ 164 h 1182"/>
                    <a:gd name="T12" fmla="*/ 124 w 1165"/>
                    <a:gd name="T13" fmla="*/ 208 h 1182"/>
                    <a:gd name="T14" fmla="*/ 89 w 1165"/>
                    <a:gd name="T15" fmla="*/ 257 h 1182"/>
                    <a:gd name="T16" fmla="*/ 58 w 1165"/>
                    <a:gd name="T17" fmla="*/ 313 h 1182"/>
                    <a:gd name="T18" fmla="*/ 43 w 1165"/>
                    <a:gd name="T19" fmla="*/ 343 h 1182"/>
                    <a:gd name="T20" fmla="*/ 32 w 1165"/>
                    <a:gd name="T21" fmla="*/ 371 h 1182"/>
                    <a:gd name="T22" fmla="*/ 15 w 1165"/>
                    <a:gd name="T23" fmla="*/ 420 h 1182"/>
                    <a:gd name="T24" fmla="*/ 5 w 1165"/>
                    <a:gd name="T25" fmla="*/ 473 h 1182"/>
                    <a:gd name="T26" fmla="*/ 1 w 1165"/>
                    <a:gd name="T27" fmla="*/ 537 h 1182"/>
                    <a:gd name="T28" fmla="*/ 0 w 1165"/>
                    <a:gd name="T29" fmla="*/ 578 h 1182"/>
                    <a:gd name="T30" fmla="*/ 1 w 1165"/>
                    <a:gd name="T31" fmla="*/ 636 h 1182"/>
                    <a:gd name="T32" fmla="*/ 10 w 1165"/>
                    <a:gd name="T33" fmla="*/ 732 h 1182"/>
                    <a:gd name="T34" fmla="*/ 33 w 1165"/>
                    <a:gd name="T35" fmla="*/ 814 h 1182"/>
                    <a:gd name="T36" fmla="*/ 73 w 1165"/>
                    <a:gd name="T37" fmla="*/ 895 h 1182"/>
                    <a:gd name="T38" fmla="*/ 102 w 1165"/>
                    <a:gd name="T39" fmla="*/ 940 h 1182"/>
                    <a:gd name="T40" fmla="*/ 129 w 1165"/>
                    <a:gd name="T41" fmla="*/ 978 h 1182"/>
                    <a:gd name="T42" fmla="*/ 195 w 1165"/>
                    <a:gd name="T43" fmla="*/ 1044 h 1182"/>
                    <a:gd name="T44" fmla="*/ 273 w 1165"/>
                    <a:gd name="T45" fmla="*/ 1099 h 1182"/>
                    <a:gd name="T46" fmla="*/ 361 w 1165"/>
                    <a:gd name="T47" fmla="*/ 1141 h 1182"/>
                    <a:gd name="T48" fmla="*/ 455 w 1165"/>
                    <a:gd name="T49" fmla="*/ 1169 h 1182"/>
                    <a:gd name="T50" fmla="*/ 553 w 1165"/>
                    <a:gd name="T51" fmla="*/ 1182 h 1182"/>
                    <a:gd name="T52" fmla="*/ 651 w 1165"/>
                    <a:gd name="T53" fmla="*/ 1181 h 1182"/>
                    <a:gd name="T54" fmla="*/ 747 w 1165"/>
                    <a:gd name="T55" fmla="*/ 1163 h 1182"/>
                    <a:gd name="T56" fmla="*/ 793 w 1165"/>
                    <a:gd name="T57" fmla="*/ 1147 h 1182"/>
                    <a:gd name="T58" fmla="*/ 817 w 1165"/>
                    <a:gd name="T59" fmla="*/ 1137 h 1182"/>
                    <a:gd name="T60" fmla="*/ 865 w 1165"/>
                    <a:gd name="T61" fmla="*/ 1112 h 1182"/>
                    <a:gd name="T62" fmla="*/ 912 w 1165"/>
                    <a:gd name="T63" fmla="*/ 1082 h 1182"/>
                    <a:gd name="T64" fmla="*/ 957 w 1165"/>
                    <a:gd name="T65" fmla="*/ 1046 h 1182"/>
                    <a:gd name="T66" fmla="*/ 1000 w 1165"/>
                    <a:gd name="T67" fmla="*/ 1007 h 1182"/>
                    <a:gd name="T68" fmla="*/ 1039 w 1165"/>
                    <a:gd name="T69" fmla="*/ 965 h 1182"/>
                    <a:gd name="T70" fmla="*/ 1073 w 1165"/>
                    <a:gd name="T71" fmla="*/ 920 h 1182"/>
                    <a:gd name="T72" fmla="*/ 1103 w 1165"/>
                    <a:gd name="T73" fmla="*/ 873 h 1182"/>
                    <a:gd name="T74" fmla="*/ 1115 w 1165"/>
                    <a:gd name="T75" fmla="*/ 850 h 1182"/>
                    <a:gd name="T76" fmla="*/ 1131 w 1165"/>
                    <a:gd name="T77" fmla="*/ 819 h 1182"/>
                    <a:gd name="T78" fmla="*/ 1151 w 1165"/>
                    <a:gd name="T79" fmla="*/ 768 h 1182"/>
                    <a:gd name="T80" fmla="*/ 1161 w 1165"/>
                    <a:gd name="T81" fmla="*/ 714 h 1182"/>
                    <a:gd name="T82" fmla="*/ 1165 w 1165"/>
                    <a:gd name="T83" fmla="*/ 640 h 1182"/>
                    <a:gd name="T84" fmla="*/ 1165 w 1165"/>
                    <a:gd name="T85" fmla="*/ 587 h 1182"/>
                    <a:gd name="T86" fmla="*/ 1164 w 1165"/>
                    <a:gd name="T87" fmla="*/ 523 h 1182"/>
                    <a:gd name="T88" fmla="*/ 1157 w 1165"/>
                    <a:gd name="T89" fmla="*/ 446 h 1182"/>
                    <a:gd name="T90" fmla="*/ 1148 w 1165"/>
                    <a:gd name="T91" fmla="*/ 402 h 1182"/>
                    <a:gd name="T92" fmla="*/ 1134 w 1165"/>
                    <a:gd name="T93" fmla="*/ 360 h 1182"/>
                    <a:gd name="T94" fmla="*/ 1114 w 1165"/>
                    <a:gd name="T95" fmla="*/ 320 h 1182"/>
                    <a:gd name="T96" fmla="*/ 1075 w 1165"/>
                    <a:gd name="T97" fmla="*/ 258 h 1182"/>
                    <a:gd name="T98" fmla="*/ 1038 w 1165"/>
                    <a:gd name="T99" fmla="*/ 210 h 1182"/>
                    <a:gd name="T100" fmla="*/ 1011 w 1165"/>
                    <a:gd name="T101" fmla="*/ 177 h 1182"/>
                    <a:gd name="T102" fmla="*/ 947 w 1165"/>
                    <a:gd name="T103" fmla="*/ 120 h 1182"/>
                    <a:gd name="T104" fmla="*/ 875 w 1165"/>
                    <a:gd name="T105" fmla="*/ 72 h 1182"/>
                    <a:gd name="T106" fmla="*/ 796 w 1165"/>
                    <a:gd name="T107" fmla="*/ 37 h 1182"/>
                    <a:gd name="T108" fmla="*/ 712 w 1165"/>
                    <a:gd name="T109" fmla="*/ 12 h 1182"/>
                    <a:gd name="T110" fmla="*/ 624 w 1165"/>
                    <a:gd name="T111" fmla="*/ 0 h 1182"/>
                    <a:gd name="T112" fmla="*/ 535 w 1165"/>
                    <a:gd name="T113" fmla="*/ 0 h 1182"/>
                    <a:gd name="T114" fmla="*/ 447 w 1165"/>
                    <a:gd name="T115" fmla="*/ 14 h 1182"/>
                    <a:gd name="T116" fmla="*/ 403 w 1165"/>
                    <a:gd name="T117" fmla="*/ 27 h 1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165" h="1182">
                      <a:moveTo>
                        <a:pt x="403" y="27"/>
                      </a:moveTo>
                      <a:lnTo>
                        <a:pt x="370" y="38"/>
                      </a:lnTo>
                      <a:lnTo>
                        <a:pt x="310" y="63"/>
                      </a:lnTo>
                      <a:lnTo>
                        <a:pt x="256" y="92"/>
                      </a:lnTo>
                      <a:lnTo>
                        <a:pt x="207" y="126"/>
                      </a:lnTo>
                      <a:lnTo>
                        <a:pt x="163" y="164"/>
                      </a:lnTo>
                      <a:lnTo>
                        <a:pt x="124" y="208"/>
                      </a:lnTo>
                      <a:lnTo>
                        <a:pt x="89" y="257"/>
                      </a:lnTo>
                      <a:lnTo>
                        <a:pt x="58" y="313"/>
                      </a:lnTo>
                      <a:lnTo>
                        <a:pt x="43" y="343"/>
                      </a:lnTo>
                      <a:lnTo>
                        <a:pt x="32" y="371"/>
                      </a:lnTo>
                      <a:lnTo>
                        <a:pt x="15" y="420"/>
                      </a:lnTo>
                      <a:lnTo>
                        <a:pt x="5" y="473"/>
                      </a:lnTo>
                      <a:lnTo>
                        <a:pt x="1" y="537"/>
                      </a:lnTo>
                      <a:lnTo>
                        <a:pt x="0" y="578"/>
                      </a:lnTo>
                      <a:lnTo>
                        <a:pt x="1" y="636"/>
                      </a:lnTo>
                      <a:lnTo>
                        <a:pt x="10" y="732"/>
                      </a:lnTo>
                      <a:lnTo>
                        <a:pt x="33" y="814"/>
                      </a:lnTo>
                      <a:lnTo>
                        <a:pt x="73" y="895"/>
                      </a:lnTo>
                      <a:lnTo>
                        <a:pt x="102" y="940"/>
                      </a:lnTo>
                      <a:lnTo>
                        <a:pt x="129" y="978"/>
                      </a:lnTo>
                      <a:lnTo>
                        <a:pt x="195" y="1044"/>
                      </a:lnTo>
                      <a:lnTo>
                        <a:pt x="273" y="1099"/>
                      </a:lnTo>
                      <a:lnTo>
                        <a:pt x="361" y="1141"/>
                      </a:lnTo>
                      <a:lnTo>
                        <a:pt x="455" y="1169"/>
                      </a:lnTo>
                      <a:lnTo>
                        <a:pt x="553" y="1182"/>
                      </a:lnTo>
                      <a:lnTo>
                        <a:pt x="651" y="1181"/>
                      </a:lnTo>
                      <a:lnTo>
                        <a:pt x="747" y="1163"/>
                      </a:lnTo>
                      <a:lnTo>
                        <a:pt x="793" y="1147"/>
                      </a:lnTo>
                      <a:lnTo>
                        <a:pt x="817" y="1137"/>
                      </a:lnTo>
                      <a:lnTo>
                        <a:pt x="865" y="1112"/>
                      </a:lnTo>
                      <a:lnTo>
                        <a:pt x="912" y="1082"/>
                      </a:lnTo>
                      <a:lnTo>
                        <a:pt x="957" y="1046"/>
                      </a:lnTo>
                      <a:lnTo>
                        <a:pt x="1000" y="1007"/>
                      </a:lnTo>
                      <a:lnTo>
                        <a:pt x="1039" y="965"/>
                      </a:lnTo>
                      <a:lnTo>
                        <a:pt x="1073" y="920"/>
                      </a:lnTo>
                      <a:lnTo>
                        <a:pt x="1103" y="873"/>
                      </a:lnTo>
                      <a:lnTo>
                        <a:pt x="1115" y="850"/>
                      </a:lnTo>
                      <a:lnTo>
                        <a:pt x="1131" y="819"/>
                      </a:lnTo>
                      <a:lnTo>
                        <a:pt x="1151" y="768"/>
                      </a:lnTo>
                      <a:lnTo>
                        <a:pt x="1161" y="714"/>
                      </a:lnTo>
                      <a:lnTo>
                        <a:pt x="1165" y="640"/>
                      </a:lnTo>
                      <a:lnTo>
                        <a:pt x="1165" y="587"/>
                      </a:lnTo>
                      <a:lnTo>
                        <a:pt x="1164" y="523"/>
                      </a:lnTo>
                      <a:lnTo>
                        <a:pt x="1157" y="446"/>
                      </a:lnTo>
                      <a:lnTo>
                        <a:pt x="1148" y="402"/>
                      </a:lnTo>
                      <a:lnTo>
                        <a:pt x="1134" y="360"/>
                      </a:lnTo>
                      <a:lnTo>
                        <a:pt x="1114" y="320"/>
                      </a:lnTo>
                      <a:lnTo>
                        <a:pt x="1075" y="258"/>
                      </a:lnTo>
                      <a:lnTo>
                        <a:pt x="1038" y="210"/>
                      </a:lnTo>
                      <a:lnTo>
                        <a:pt x="1011" y="177"/>
                      </a:lnTo>
                      <a:lnTo>
                        <a:pt x="947" y="120"/>
                      </a:lnTo>
                      <a:lnTo>
                        <a:pt x="875" y="72"/>
                      </a:lnTo>
                      <a:lnTo>
                        <a:pt x="796" y="37"/>
                      </a:lnTo>
                      <a:lnTo>
                        <a:pt x="712" y="12"/>
                      </a:lnTo>
                      <a:lnTo>
                        <a:pt x="624" y="0"/>
                      </a:lnTo>
                      <a:lnTo>
                        <a:pt x="535" y="0"/>
                      </a:lnTo>
                      <a:lnTo>
                        <a:pt x="447" y="14"/>
                      </a:lnTo>
                      <a:lnTo>
                        <a:pt x="403" y="27"/>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grpSp>
          <p:grpSp>
            <p:nvGrpSpPr>
              <p:cNvPr id="379" name="Group 4"/>
              <p:cNvGrpSpPr>
                <a:grpSpLocks noChangeAspect="1"/>
              </p:cNvGrpSpPr>
              <p:nvPr/>
            </p:nvGrpSpPr>
            <p:grpSpPr bwMode="auto">
              <a:xfrm>
                <a:off x="4328296" y="3497948"/>
                <a:ext cx="256171" cy="256171"/>
                <a:chOff x="1680" y="0"/>
                <a:chExt cx="4320" cy="4320"/>
              </a:xfrm>
            </p:grpSpPr>
            <p:sp>
              <p:nvSpPr>
                <p:cNvPr id="392" name="AutoShape 3"/>
                <p:cNvSpPr>
                  <a:spLocks noChangeAspect="1" noChangeArrowheads="1" noTextEdit="1"/>
                </p:cNvSpPr>
                <p:nvPr/>
              </p:nvSpPr>
              <p:spPr bwMode="auto">
                <a:xfrm>
                  <a:off x="1680" y="0"/>
                  <a:ext cx="4320" cy="43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393" name="Freeform 5"/>
                <p:cNvSpPr>
                  <a:spLocks/>
                </p:cNvSpPr>
                <p:nvPr/>
              </p:nvSpPr>
              <p:spPr bwMode="auto">
                <a:xfrm>
                  <a:off x="1749" y="1"/>
                  <a:ext cx="4182" cy="4319"/>
                </a:xfrm>
                <a:custGeom>
                  <a:avLst/>
                  <a:gdLst>
                    <a:gd name="T0" fmla="*/ 6745 w 17426"/>
                    <a:gd name="T1" fmla="*/ 69 h 17994"/>
                    <a:gd name="T2" fmla="*/ 4827 w 17426"/>
                    <a:gd name="T3" fmla="*/ 564 h 17994"/>
                    <a:gd name="T4" fmla="*/ 2990 w 17426"/>
                    <a:gd name="T5" fmla="*/ 1624 h 17994"/>
                    <a:gd name="T6" fmla="*/ 1316 w 17426"/>
                    <a:gd name="T7" fmla="*/ 3448 h 17994"/>
                    <a:gd name="T8" fmla="*/ 585 w 17426"/>
                    <a:gd name="T9" fmla="*/ 4819 h 17994"/>
                    <a:gd name="T10" fmla="*/ 4557 w 17426"/>
                    <a:gd name="T11" fmla="*/ 4164 h 17994"/>
                    <a:gd name="T12" fmla="*/ 6409 w 17426"/>
                    <a:gd name="T13" fmla="*/ 3625 h 17994"/>
                    <a:gd name="T14" fmla="*/ 7054 w 17426"/>
                    <a:gd name="T15" fmla="*/ 2988 h 17994"/>
                    <a:gd name="T16" fmla="*/ 7951 w 17426"/>
                    <a:gd name="T17" fmla="*/ 2803 h 17994"/>
                    <a:gd name="T18" fmla="*/ 8821 w 17426"/>
                    <a:gd name="T19" fmla="*/ 3096 h 17994"/>
                    <a:gd name="T20" fmla="*/ 9397 w 17426"/>
                    <a:gd name="T21" fmla="*/ 3816 h 17994"/>
                    <a:gd name="T22" fmla="*/ 9445 w 17426"/>
                    <a:gd name="T23" fmla="*/ 4944 h 17994"/>
                    <a:gd name="T24" fmla="*/ 8772 w 17426"/>
                    <a:gd name="T25" fmla="*/ 5838 h 17994"/>
                    <a:gd name="T26" fmla="*/ 7725 w 17426"/>
                    <a:gd name="T27" fmla="*/ 6106 h 17994"/>
                    <a:gd name="T28" fmla="*/ 6897 w 17426"/>
                    <a:gd name="T29" fmla="*/ 5815 h 17994"/>
                    <a:gd name="T30" fmla="*/ 6334 w 17426"/>
                    <a:gd name="T31" fmla="*/ 5122 h 17994"/>
                    <a:gd name="T32" fmla="*/ 4724 w 17426"/>
                    <a:gd name="T33" fmla="*/ 5506 h 17994"/>
                    <a:gd name="T34" fmla="*/ 150 w 17426"/>
                    <a:gd name="T35" fmla="*/ 6197 h 17994"/>
                    <a:gd name="T36" fmla="*/ 758 w 17426"/>
                    <a:gd name="T37" fmla="*/ 7304 h 17994"/>
                    <a:gd name="T38" fmla="*/ 9747 w 17426"/>
                    <a:gd name="T39" fmla="*/ 7136 h 17994"/>
                    <a:gd name="T40" fmla="*/ 10489 w 17426"/>
                    <a:gd name="T41" fmla="*/ 6361 h 17994"/>
                    <a:gd name="T42" fmla="*/ 11378 w 17426"/>
                    <a:gd name="T43" fmla="*/ 6192 h 17994"/>
                    <a:gd name="T44" fmla="*/ 12212 w 17426"/>
                    <a:gd name="T45" fmla="*/ 6482 h 17994"/>
                    <a:gd name="T46" fmla="*/ 12752 w 17426"/>
                    <a:gd name="T47" fmla="*/ 7119 h 17994"/>
                    <a:gd name="T48" fmla="*/ 12896 w 17426"/>
                    <a:gd name="T49" fmla="*/ 8046 h 17994"/>
                    <a:gd name="T50" fmla="*/ 12491 w 17426"/>
                    <a:gd name="T51" fmla="*/ 8960 h 17994"/>
                    <a:gd name="T52" fmla="*/ 11502 w 17426"/>
                    <a:gd name="T53" fmla="*/ 9482 h 17994"/>
                    <a:gd name="T54" fmla="*/ 10572 w 17426"/>
                    <a:gd name="T55" fmla="*/ 9365 h 17994"/>
                    <a:gd name="T56" fmla="*/ 9905 w 17426"/>
                    <a:gd name="T57" fmla="*/ 8830 h 17994"/>
                    <a:gd name="T58" fmla="*/ 8799 w 17426"/>
                    <a:gd name="T59" fmla="*/ 8385 h 17994"/>
                    <a:gd name="T60" fmla="*/ 23 w 17426"/>
                    <a:gd name="T61" fmla="*/ 8687 h 17994"/>
                    <a:gd name="T62" fmla="*/ 4234 w 17426"/>
                    <a:gd name="T63" fmla="*/ 9710 h 17994"/>
                    <a:gd name="T64" fmla="*/ 6372 w 17426"/>
                    <a:gd name="T65" fmla="*/ 10494 h 17994"/>
                    <a:gd name="T66" fmla="*/ 6876 w 17426"/>
                    <a:gd name="T67" fmla="*/ 9887 h 17994"/>
                    <a:gd name="T68" fmla="*/ 7563 w 17426"/>
                    <a:gd name="T69" fmla="*/ 9602 h 17994"/>
                    <a:gd name="T70" fmla="*/ 8490 w 17426"/>
                    <a:gd name="T71" fmla="*/ 9709 h 17994"/>
                    <a:gd name="T72" fmla="*/ 9195 w 17426"/>
                    <a:gd name="T73" fmla="*/ 10247 h 17994"/>
                    <a:gd name="T74" fmla="*/ 9502 w 17426"/>
                    <a:gd name="T75" fmla="*/ 11021 h 17994"/>
                    <a:gd name="T76" fmla="*/ 9284 w 17426"/>
                    <a:gd name="T77" fmla="*/ 12099 h 17994"/>
                    <a:gd name="T78" fmla="*/ 8690 w 17426"/>
                    <a:gd name="T79" fmla="*/ 12677 h 17994"/>
                    <a:gd name="T80" fmla="*/ 7837 w 17426"/>
                    <a:gd name="T81" fmla="*/ 12894 h 17994"/>
                    <a:gd name="T82" fmla="*/ 6917 w 17426"/>
                    <a:gd name="T83" fmla="*/ 12623 h 17994"/>
                    <a:gd name="T84" fmla="*/ 6270 w 17426"/>
                    <a:gd name="T85" fmla="*/ 11779 h 17994"/>
                    <a:gd name="T86" fmla="*/ 4700 w 17426"/>
                    <a:gd name="T87" fmla="*/ 11650 h 17994"/>
                    <a:gd name="T88" fmla="*/ 497 w 17426"/>
                    <a:gd name="T89" fmla="*/ 10664 h 17994"/>
                    <a:gd name="T90" fmla="*/ 553 w 17426"/>
                    <a:gd name="T91" fmla="*/ 10811 h 17994"/>
                    <a:gd name="T92" fmla="*/ 1342 w 17426"/>
                    <a:gd name="T93" fmla="*/ 12277 h 17994"/>
                    <a:gd name="T94" fmla="*/ 1728 w 17426"/>
                    <a:gd name="T95" fmla="*/ 17221 h 17994"/>
                    <a:gd name="T96" fmla="*/ 1752 w 17426"/>
                    <a:gd name="T97" fmla="*/ 17735 h 17994"/>
                    <a:gd name="T98" fmla="*/ 9756 w 17426"/>
                    <a:gd name="T99" fmla="*/ 17942 h 17994"/>
                    <a:gd name="T100" fmla="*/ 10505 w 17426"/>
                    <a:gd name="T101" fmla="*/ 15802 h 17994"/>
                    <a:gd name="T102" fmla="*/ 12639 w 17426"/>
                    <a:gd name="T103" fmla="*/ 16087 h 17994"/>
                    <a:gd name="T104" fmla="*/ 14011 w 17426"/>
                    <a:gd name="T105" fmla="*/ 16278 h 17994"/>
                    <a:gd name="T106" fmla="*/ 14526 w 17426"/>
                    <a:gd name="T107" fmla="*/ 16032 h 17994"/>
                    <a:gd name="T108" fmla="*/ 15682 w 17426"/>
                    <a:gd name="T109" fmla="*/ 11564 h 17994"/>
                    <a:gd name="T110" fmla="*/ 17369 w 17426"/>
                    <a:gd name="T111" fmla="*/ 10344 h 17994"/>
                    <a:gd name="T112" fmla="*/ 16519 w 17426"/>
                    <a:gd name="T113" fmla="*/ 8719 h 17994"/>
                    <a:gd name="T114" fmla="*/ 15391 w 17426"/>
                    <a:gd name="T115" fmla="*/ 5552 h 17994"/>
                    <a:gd name="T116" fmla="*/ 14709 w 17426"/>
                    <a:gd name="T117" fmla="*/ 3924 h 17994"/>
                    <a:gd name="T118" fmla="*/ 13085 w 17426"/>
                    <a:gd name="T119" fmla="*/ 1943 h 17994"/>
                    <a:gd name="T120" fmla="*/ 11116 w 17426"/>
                    <a:gd name="T121" fmla="*/ 699 h 17994"/>
                    <a:gd name="T122" fmla="*/ 9932 w 17426"/>
                    <a:gd name="T123" fmla="*/ 286 h 17994"/>
                    <a:gd name="T124" fmla="*/ 8279 w 17426"/>
                    <a:gd name="T125" fmla="*/ 11 h 179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7426" h="17994">
                      <a:moveTo>
                        <a:pt x="7337" y="9"/>
                      </a:moveTo>
                      <a:lnTo>
                        <a:pt x="7317" y="14"/>
                      </a:lnTo>
                      <a:lnTo>
                        <a:pt x="7230" y="24"/>
                      </a:lnTo>
                      <a:lnTo>
                        <a:pt x="7179" y="26"/>
                      </a:lnTo>
                      <a:lnTo>
                        <a:pt x="7123" y="28"/>
                      </a:lnTo>
                      <a:lnTo>
                        <a:pt x="6996" y="38"/>
                      </a:lnTo>
                      <a:lnTo>
                        <a:pt x="6945" y="44"/>
                      </a:lnTo>
                      <a:lnTo>
                        <a:pt x="6840" y="57"/>
                      </a:lnTo>
                      <a:lnTo>
                        <a:pt x="6745" y="69"/>
                      </a:lnTo>
                      <a:lnTo>
                        <a:pt x="6628" y="84"/>
                      </a:lnTo>
                      <a:lnTo>
                        <a:pt x="6284" y="140"/>
                      </a:lnTo>
                      <a:lnTo>
                        <a:pt x="6179" y="161"/>
                      </a:lnTo>
                      <a:lnTo>
                        <a:pt x="6036" y="193"/>
                      </a:lnTo>
                      <a:lnTo>
                        <a:pt x="5767" y="259"/>
                      </a:lnTo>
                      <a:lnTo>
                        <a:pt x="5515" y="328"/>
                      </a:lnTo>
                      <a:lnTo>
                        <a:pt x="5277" y="401"/>
                      </a:lnTo>
                      <a:lnTo>
                        <a:pt x="5049" y="479"/>
                      </a:lnTo>
                      <a:lnTo>
                        <a:pt x="4827" y="564"/>
                      </a:lnTo>
                      <a:lnTo>
                        <a:pt x="4609" y="656"/>
                      </a:lnTo>
                      <a:lnTo>
                        <a:pt x="4390" y="758"/>
                      </a:lnTo>
                      <a:lnTo>
                        <a:pt x="4279" y="812"/>
                      </a:lnTo>
                      <a:lnTo>
                        <a:pt x="4153" y="876"/>
                      </a:lnTo>
                      <a:lnTo>
                        <a:pt x="3908" y="1010"/>
                      </a:lnTo>
                      <a:lnTo>
                        <a:pt x="3669" y="1152"/>
                      </a:lnTo>
                      <a:lnTo>
                        <a:pt x="3436" y="1302"/>
                      </a:lnTo>
                      <a:lnTo>
                        <a:pt x="3210" y="1459"/>
                      </a:lnTo>
                      <a:lnTo>
                        <a:pt x="2990" y="1624"/>
                      </a:lnTo>
                      <a:lnTo>
                        <a:pt x="2777" y="1797"/>
                      </a:lnTo>
                      <a:lnTo>
                        <a:pt x="2571" y="1977"/>
                      </a:lnTo>
                      <a:lnTo>
                        <a:pt x="2371" y="2165"/>
                      </a:lnTo>
                      <a:lnTo>
                        <a:pt x="2178" y="2360"/>
                      </a:lnTo>
                      <a:lnTo>
                        <a:pt x="1992" y="2563"/>
                      </a:lnTo>
                      <a:lnTo>
                        <a:pt x="1813" y="2773"/>
                      </a:lnTo>
                      <a:lnTo>
                        <a:pt x="1640" y="2991"/>
                      </a:lnTo>
                      <a:lnTo>
                        <a:pt x="1475" y="3216"/>
                      </a:lnTo>
                      <a:lnTo>
                        <a:pt x="1316" y="3448"/>
                      </a:lnTo>
                      <a:lnTo>
                        <a:pt x="1165" y="3688"/>
                      </a:lnTo>
                      <a:lnTo>
                        <a:pt x="1092" y="3811"/>
                      </a:lnTo>
                      <a:lnTo>
                        <a:pt x="1038" y="3905"/>
                      </a:lnTo>
                      <a:lnTo>
                        <a:pt x="905" y="4151"/>
                      </a:lnTo>
                      <a:lnTo>
                        <a:pt x="772" y="4410"/>
                      </a:lnTo>
                      <a:lnTo>
                        <a:pt x="671" y="4618"/>
                      </a:lnTo>
                      <a:lnTo>
                        <a:pt x="645" y="4677"/>
                      </a:lnTo>
                      <a:lnTo>
                        <a:pt x="619" y="4741"/>
                      </a:lnTo>
                      <a:lnTo>
                        <a:pt x="585" y="4819"/>
                      </a:lnTo>
                      <a:lnTo>
                        <a:pt x="517" y="4977"/>
                      </a:lnTo>
                      <a:lnTo>
                        <a:pt x="495" y="5037"/>
                      </a:lnTo>
                      <a:lnTo>
                        <a:pt x="585" y="5040"/>
                      </a:lnTo>
                      <a:lnTo>
                        <a:pt x="1447" y="5044"/>
                      </a:lnTo>
                      <a:lnTo>
                        <a:pt x="2082" y="5044"/>
                      </a:lnTo>
                      <a:lnTo>
                        <a:pt x="3669" y="5044"/>
                      </a:lnTo>
                      <a:lnTo>
                        <a:pt x="4187" y="4529"/>
                      </a:lnTo>
                      <a:lnTo>
                        <a:pt x="4342" y="4375"/>
                      </a:lnTo>
                      <a:lnTo>
                        <a:pt x="4557" y="4164"/>
                      </a:lnTo>
                      <a:lnTo>
                        <a:pt x="4690" y="4043"/>
                      </a:lnTo>
                      <a:lnTo>
                        <a:pt x="4772" y="3982"/>
                      </a:lnTo>
                      <a:lnTo>
                        <a:pt x="4804" y="3966"/>
                      </a:lnTo>
                      <a:lnTo>
                        <a:pt x="4904" y="3919"/>
                      </a:lnTo>
                      <a:lnTo>
                        <a:pt x="5589" y="3914"/>
                      </a:lnTo>
                      <a:lnTo>
                        <a:pt x="6272" y="3909"/>
                      </a:lnTo>
                      <a:lnTo>
                        <a:pt x="6335" y="3771"/>
                      </a:lnTo>
                      <a:lnTo>
                        <a:pt x="6358" y="3722"/>
                      </a:lnTo>
                      <a:lnTo>
                        <a:pt x="6409" y="3625"/>
                      </a:lnTo>
                      <a:lnTo>
                        <a:pt x="6467" y="3531"/>
                      </a:lnTo>
                      <a:lnTo>
                        <a:pt x="6531" y="3440"/>
                      </a:lnTo>
                      <a:lnTo>
                        <a:pt x="6599" y="3354"/>
                      </a:lnTo>
                      <a:lnTo>
                        <a:pt x="6672" y="3273"/>
                      </a:lnTo>
                      <a:lnTo>
                        <a:pt x="6749" y="3199"/>
                      </a:lnTo>
                      <a:lnTo>
                        <a:pt x="6828" y="3131"/>
                      </a:lnTo>
                      <a:lnTo>
                        <a:pt x="6869" y="3101"/>
                      </a:lnTo>
                      <a:lnTo>
                        <a:pt x="6922" y="3063"/>
                      </a:lnTo>
                      <a:lnTo>
                        <a:pt x="7054" y="2988"/>
                      </a:lnTo>
                      <a:lnTo>
                        <a:pt x="7200" y="2918"/>
                      </a:lnTo>
                      <a:lnTo>
                        <a:pt x="7346" y="2862"/>
                      </a:lnTo>
                      <a:lnTo>
                        <a:pt x="7412" y="2842"/>
                      </a:lnTo>
                      <a:lnTo>
                        <a:pt x="7456" y="2831"/>
                      </a:lnTo>
                      <a:lnTo>
                        <a:pt x="7534" y="2815"/>
                      </a:lnTo>
                      <a:lnTo>
                        <a:pt x="7624" y="2806"/>
                      </a:lnTo>
                      <a:lnTo>
                        <a:pt x="7745" y="2803"/>
                      </a:lnTo>
                      <a:lnTo>
                        <a:pt x="7829" y="2802"/>
                      </a:lnTo>
                      <a:lnTo>
                        <a:pt x="7951" y="2803"/>
                      </a:lnTo>
                      <a:lnTo>
                        <a:pt x="8100" y="2812"/>
                      </a:lnTo>
                      <a:lnTo>
                        <a:pt x="8189" y="2824"/>
                      </a:lnTo>
                      <a:lnTo>
                        <a:pt x="8273" y="2842"/>
                      </a:lnTo>
                      <a:lnTo>
                        <a:pt x="8356" y="2866"/>
                      </a:lnTo>
                      <a:lnTo>
                        <a:pt x="8489" y="2916"/>
                      </a:lnTo>
                      <a:lnTo>
                        <a:pt x="8592" y="2962"/>
                      </a:lnTo>
                      <a:lnTo>
                        <a:pt x="8638" y="2984"/>
                      </a:lnTo>
                      <a:lnTo>
                        <a:pt x="8731" y="3036"/>
                      </a:lnTo>
                      <a:lnTo>
                        <a:pt x="8821" y="3096"/>
                      </a:lnTo>
                      <a:lnTo>
                        <a:pt x="8910" y="3164"/>
                      </a:lnTo>
                      <a:lnTo>
                        <a:pt x="8995" y="3238"/>
                      </a:lnTo>
                      <a:lnTo>
                        <a:pt x="9075" y="3317"/>
                      </a:lnTo>
                      <a:lnTo>
                        <a:pt x="9149" y="3400"/>
                      </a:lnTo>
                      <a:lnTo>
                        <a:pt x="9217" y="3486"/>
                      </a:lnTo>
                      <a:lnTo>
                        <a:pt x="9247" y="3531"/>
                      </a:lnTo>
                      <a:lnTo>
                        <a:pt x="9282" y="3585"/>
                      </a:lnTo>
                      <a:lnTo>
                        <a:pt x="9344" y="3699"/>
                      </a:lnTo>
                      <a:lnTo>
                        <a:pt x="9397" y="3816"/>
                      </a:lnTo>
                      <a:lnTo>
                        <a:pt x="9440" y="3937"/>
                      </a:lnTo>
                      <a:lnTo>
                        <a:pt x="9474" y="4061"/>
                      </a:lnTo>
                      <a:lnTo>
                        <a:pt x="9498" y="4186"/>
                      </a:lnTo>
                      <a:lnTo>
                        <a:pt x="9513" y="4313"/>
                      </a:lnTo>
                      <a:lnTo>
                        <a:pt x="9518" y="4441"/>
                      </a:lnTo>
                      <a:lnTo>
                        <a:pt x="9514" y="4568"/>
                      </a:lnTo>
                      <a:lnTo>
                        <a:pt x="9500" y="4695"/>
                      </a:lnTo>
                      <a:lnTo>
                        <a:pt x="9477" y="4820"/>
                      </a:lnTo>
                      <a:lnTo>
                        <a:pt x="9445" y="4944"/>
                      </a:lnTo>
                      <a:lnTo>
                        <a:pt x="9403" y="5065"/>
                      </a:lnTo>
                      <a:lnTo>
                        <a:pt x="9352" y="5182"/>
                      </a:lnTo>
                      <a:lnTo>
                        <a:pt x="9292" y="5295"/>
                      </a:lnTo>
                      <a:lnTo>
                        <a:pt x="9222" y="5404"/>
                      </a:lnTo>
                      <a:lnTo>
                        <a:pt x="9184" y="5456"/>
                      </a:lnTo>
                      <a:lnTo>
                        <a:pt x="9133" y="5521"/>
                      </a:lnTo>
                      <a:lnTo>
                        <a:pt x="9023" y="5639"/>
                      </a:lnTo>
                      <a:lnTo>
                        <a:pt x="8902" y="5745"/>
                      </a:lnTo>
                      <a:lnTo>
                        <a:pt x="8772" y="5838"/>
                      </a:lnTo>
                      <a:lnTo>
                        <a:pt x="8631" y="5918"/>
                      </a:lnTo>
                      <a:lnTo>
                        <a:pt x="8481" y="5985"/>
                      </a:lnTo>
                      <a:lnTo>
                        <a:pt x="8321" y="6039"/>
                      </a:lnTo>
                      <a:lnTo>
                        <a:pt x="8151" y="6079"/>
                      </a:lnTo>
                      <a:lnTo>
                        <a:pt x="8062" y="6094"/>
                      </a:lnTo>
                      <a:lnTo>
                        <a:pt x="8015" y="6101"/>
                      </a:lnTo>
                      <a:lnTo>
                        <a:pt x="7919" y="6109"/>
                      </a:lnTo>
                      <a:lnTo>
                        <a:pt x="7822" y="6110"/>
                      </a:lnTo>
                      <a:lnTo>
                        <a:pt x="7725" y="6106"/>
                      </a:lnTo>
                      <a:lnTo>
                        <a:pt x="7627" y="6095"/>
                      </a:lnTo>
                      <a:lnTo>
                        <a:pt x="7530" y="6079"/>
                      </a:lnTo>
                      <a:lnTo>
                        <a:pt x="7434" y="6057"/>
                      </a:lnTo>
                      <a:lnTo>
                        <a:pt x="7339" y="6030"/>
                      </a:lnTo>
                      <a:lnTo>
                        <a:pt x="7245" y="5997"/>
                      </a:lnTo>
                      <a:lnTo>
                        <a:pt x="7154" y="5959"/>
                      </a:lnTo>
                      <a:lnTo>
                        <a:pt x="7065" y="5916"/>
                      </a:lnTo>
                      <a:lnTo>
                        <a:pt x="6979" y="5868"/>
                      </a:lnTo>
                      <a:lnTo>
                        <a:pt x="6897" y="5815"/>
                      </a:lnTo>
                      <a:lnTo>
                        <a:pt x="6818" y="5758"/>
                      </a:lnTo>
                      <a:lnTo>
                        <a:pt x="6744" y="5696"/>
                      </a:lnTo>
                      <a:lnTo>
                        <a:pt x="6675" y="5630"/>
                      </a:lnTo>
                      <a:lnTo>
                        <a:pt x="6642" y="5596"/>
                      </a:lnTo>
                      <a:lnTo>
                        <a:pt x="6599" y="5547"/>
                      </a:lnTo>
                      <a:lnTo>
                        <a:pt x="6509" y="5427"/>
                      </a:lnTo>
                      <a:lnTo>
                        <a:pt x="6425" y="5297"/>
                      </a:lnTo>
                      <a:lnTo>
                        <a:pt x="6356" y="5174"/>
                      </a:lnTo>
                      <a:lnTo>
                        <a:pt x="6334" y="5122"/>
                      </a:lnTo>
                      <a:lnTo>
                        <a:pt x="6317" y="5080"/>
                      </a:lnTo>
                      <a:lnTo>
                        <a:pt x="6282" y="5014"/>
                      </a:lnTo>
                      <a:lnTo>
                        <a:pt x="6270" y="5002"/>
                      </a:lnTo>
                      <a:lnTo>
                        <a:pt x="6260" y="4998"/>
                      </a:lnTo>
                      <a:lnTo>
                        <a:pt x="6185" y="4992"/>
                      </a:lnTo>
                      <a:lnTo>
                        <a:pt x="5970" y="4986"/>
                      </a:lnTo>
                      <a:lnTo>
                        <a:pt x="5747" y="4986"/>
                      </a:lnTo>
                      <a:lnTo>
                        <a:pt x="5245" y="4987"/>
                      </a:lnTo>
                      <a:lnTo>
                        <a:pt x="4724" y="5506"/>
                      </a:lnTo>
                      <a:lnTo>
                        <a:pt x="4581" y="5648"/>
                      </a:lnTo>
                      <a:lnTo>
                        <a:pt x="4369" y="5855"/>
                      </a:lnTo>
                      <a:lnTo>
                        <a:pt x="4230" y="5983"/>
                      </a:lnTo>
                      <a:lnTo>
                        <a:pt x="4146" y="6050"/>
                      </a:lnTo>
                      <a:lnTo>
                        <a:pt x="4120" y="6064"/>
                      </a:lnTo>
                      <a:lnTo>
                        <a:pt x="4037" y="6102"/>
                      </a:lnTo>
                      <a:lnTo>
                        <a:pt x="2104" y="6111"/>
                      </a:lnTo>
                      <a:lnTo>
                        <a:pt x="170" y="6119"/>
                      </a:lnTo>
                      <a:lnTo>
                        <a:pt x="150" y="6197"/>
                      </a:lnTo>
                      <a:lnTo>
                        <a:pt x="137" y="6253"/>
                      </a:lnTo>
                      <a:lnTo>
                        <a:pt x="109" y="6398"/>
                      </a:lnTo>
                      <a:lnTo>
                        <a:pt x="67" y="6658"/>
                      </a:lnTo>
                      <a:lnTo>
                        <a:pt x="21" y="7013"/>
                      </a:lnTo>
                      <a:lnTo>
                        <a:pt x="3" y="7210"/>
                      </a:lnTo>
                      <a:lnTo>
                        <a:pt x="3" y="7284"/>
                      </a:lnTo>
                      <a:lnTo>
                        <a:pt x="7" y="7296"/>
                      </a:lnTo>
                      <a:lnTo>
                        <a:pt x="71" y="7299"/>
                      </a:lnTo>
                      <a:lnTo>
                        <a:pt x="758" y="7304"/>
                      </a:lnTo>
                      <a:lnTo>
                        <a:pt x="2802" y="7308"/>
                      </a:lnTo>
                      <a:lnTo>
                        <a:pt x="4844" y="7307"/>
                      </a:lnTo>
                      <a:lnTo>
                        <a:pt x="7580" y="7304"/>
                      </a:lnTo>
                      <a:lnTo>
                        <a:pt x="9297" y="7295"/>
                      </a:lnTo>
                      <a:lnTo>
                        <a:pt x="9600" y="7288"/>
                      </a:lnTo>
                      <a:lnTo>
                        <a:pt x="9674" y="7281"/>
                      </a:lnTo>
                      <a:lnTo>
                        <a:pt x="9680" y="7277"/>
                      </a:lnTo>
                      <a:lnTo>
                        <a:pt x="9702" y="7232"/>
                      </a:lnTo>
                      <a:lnTo>
                        <a:pt x="9747" y="7136"/>
                      </a:lnTo>
                      <a:lnTo>
                        <a:pt x="9777" y="7072"/>
                      </a:lnTo>
                      <a:lnTo>
                        <a:pt x="9845" y="6952"/>
                      </a:lnTo>
                      <a:lnTo>
                        <a:pt x="9921" y="6839"/>
                      </a:lnTo>
                      <a:lnTo>
                        <a:pt x="10005" y="6734"/>
                      </a:lnTo>
                      <a:lnTo>
                        <a:pt x="10098" y="6636"/>
                      </a:lnTo>
                      <a:lnTo>
                        <a:pt x="10199" y="6547"/>
                      </a:lnTo>
                      <a:lnTo>
                        <a:pt x="10309" y="6466"/>
                      </a:lnTo>
                      <a:lnTo>
                        <a:pt x="10427" y="6394"/>
                      </a:lnTo>
                      <a:lnTo>
                        <a:pt x="10489" y="6361"/>
                      </a:lnTo>
                      <a:lnTo>
                        <a:pt x="10535" y="6337"/>
                      </a:lnTo>
                      <a:lnTo>
                        <a:pt x="10607" y="6303"/>
                      </a:lnTo>
                      <a:lnTo>
                        <a:pt x="10713" y="6266"/>
                      </a:lnTo>
                      <a:lnTo>
                        <a:pt x="10820" y="6237"/>
                      </a:lnTo>
                      <a:lnTo>
                        <a:pt x="10879" y="6223"/>
                      </a:lnTo>
                      <a:lnTo>
                        <a:pt x="10999" y="6201"/>
                      </a:lnTo>
                      <a:lnTo>
                        <a:pt x="11123" y="6188"/>
                      </a:lnTo>
                      <a:lnTo>
                        <a:pt x="11250" y="6185"/>
                      </a:lnTo>
                      <a:lnTo>
                        <a:pt x="11378" y="6192"/>
                      </a:lnTo>
                      <a:lnTo>
                        <a:pt x="11507" y="6207"/>
                      </a:lnTo>
                      <a:lnTo>
                        <a:pt x="11634" y="6232"/>
                      </a:lnTo>
                      <a:lnTo>
                        <a:pt x="11759" y="6265"/>
                      </a:lnTo>
                      <a:lnTo>
                        <a:pt x="11820" y="6286"/>
                      </a:lnTo>
                      <a:lnTo>
                        <a:pt x="11864" y="6302"/>
                      </a:lnTo>
                      <a:lnTo>
                        <a:pt x="11967" y="6348"/>
                      </a:lnTo>
                      <a:lnTo>
                        <a:pt x="12076" y="6402"/>
                      </a:lnTo>
                      <a:lnTo>
                        <a:pt x="12174" y="6458"/>
                      </a:lnTo>
                      <a:lnTo>
                        <a:pt x="12212" y="6482"/>
                      </a:lnTo>
                      <a:lnTo>
                        <a:pt x="12251" y="6510"/>
                      </a:lnTo>
                      <a:lnTo>
                        <a:pt x="12330" y="6575"/>
                      </a:lnTo>
                      <a:lnTo>
                        <a:pt x="12409" y="6649"/>
                      </a:lnTo>
                      <a:lnTo>
                        <a:pt x="12486" y="6730"/>
                      </a:lnTo>
                      <a:lnTo>
                        <a:pt x="12559" y="6816"/>
                      </a:lnTo>
                      <a:lnTo>
                        <a:pt x="12625" y="6903"/>
                      </a:lnTo>
                      <a:lnTo>
                        <a:pt x="12684" y="6992"/>
                      </a:lnTo>
                      <a:lnTo>
                        <a:pt x="12732" y="7078"/>
                      </a:lnTo>
                      <a:lnTo>
                        <a:pt x="12752" y="7119"/>
                      </a:lnTo>
                      <a:lnTo>
                        <a:pt x="12792" y="7211"/>
                      </a:lnTo>
                      <a:lnTo>
                        <a:pt x="12838" y="7339"/>
                      </a:lnTo>
                      <a:lnTo>
                        <a:pt x="12861" y="7422"/>
                      </a:lnTo>
                      <a:lnTo>
                        <a:pt x="12879" y="7507"/>
                      </a:lnTo>
                      <a:lnTo>
                        <a:pt x="12892" y="7595"/>
                      </a:lnTo>
                      <a:lnTo>
                        <a:pt x="12902" y="7737"/>
                      </a:lnTo>
                      <a:lnTo>
                        <a:pt x="12904" y="7844"/>
                      </a:lnTo>
                      <a:lnTo>
                        <a:pt x="12903" y="7914"/>
                      </a:lnTo>
                      <a:lnTo>
                        <a:pt x="12896" y="8046"/>
                      </a:lnTo>
                      <a:lnTo>
                        <a:pt x="12880" y="8169"/>
                      </a:lnTo>
                      <a:lnTo>
                        <a:pt x="12857" y="8286"/>
                      </a:lnTo>
                      <a:lnTo>
                        <a:pt x="12824" y="8398"/>
                      </a:lnTo>
                      <a:lnTo>
                        <a:pt x="12782" y="8507"/>
                      </a:lnTo>
                      <a:lnTo>
                        <a:pt x="12730" y="8615"/>
                      </a:lnTo>
                      <a:lnTo>
                        <a:pt x="12668" y="8723"/>
                      </a:lnTo>
                      <a:lnTo>
                        <a:pt x="12632" y="8777"/>
                      </a:lnTo>
                      <a:lnTo>
                        <a:pt x="12588" y="8841"/>
                      </a:lnTo>
                      <a:lnTo>
                        <a:pt x="12491" y="8960"/>
                      </a:lnTo>
                      <a:lnTo>
                        <a:pt x="12384" y="9067"/>
                      </a:lnTo>
                      <a:lnTo>
                        <a:pt x="12267" y="9164"/>
                      </a:lnTo>
                      <a:lnTo>
                        <a:pt x="12140" y="9250"/>
                      </a:lnTo>
                      <a:lnTo>
                        <a:pt x="12004" y="9324"/>
                      </a:lnTo>
                      <a:lnTo>
                        <a:pt x="11858" y="9387"/>
                      </a:lnTo>
                      <a:lnTo>
                        <a:pt x="11702" y="9439"/>
                      </a:lnTo>
                      <a:lnTo>
                        <a:pt x="11620" y="9461"/>
                      </a:lnTo>
                      <a:lnTo>
                        <a:pt x="11584" y="9469"/>
                      </a:lnTo>
                      <a:lnTo>
                        <a:pt x="11502" y="9482"/>
                      </a:lnTo>
                      <a:lnTo>
                        <a:pt x="11361" y="9495"/>
                      </a:lnTo>
                      <a:lnTo>
                        <a:pt x="11161" y="9498"/>
                      </a:lnTo>
                      <a:lnTo>
                        <a:pt x="11020" y="9489"/>
                      </a:lnTo>
                      <a:lnTo>
                        <a:pt x="10937" y="9478"/>
                      </a:lnTo>
                      <a:lnTo>
                        <a:pt x="10900" y="9471"/>
                      </a:lnTo>
                      <a:lnTo>
                        <a:pt x="10851" y="9460"/>
                      </a:lnTo>
                      <a:lnTo>
                        <a:pt x="10756" y="9433"/>
                      </a:lnTo>
                      <a:lnTo>
                        <a:pt x="10662" y="9402"/>
                      </a:lnTo>
                      <a:lnTo>
                        <a:pt x="10572" y="9365"/>
                      </a:lnTo>
                      <a:lnTo>
                        <a:pt x="10484" y="9324"/>
                      </a:lnTo>
                      <a:lnTo>
                        <a:pt x="10399" y="9277"/>
                      </a:lnTo>
                      <a:lnTo>
                        <a:pt x="10317" y="9226"/>
                      </a:lnTo>
                      <a:lnTo>
                        <a:pt x="10239" y="9170"/>
                      </a:lnTo>
                      <a:lnTo>
                        <a:pt x="10164" y="9110"/>
                      </a:lnTo>
                      <a:lnTo>
                        <a:pt x="10093" y="9046"/>
                      </a:lnTo>
                      <a:lnTo>
                        <a:pt x="10026" y="8978"/>
                      </a:lnTo>
                      <a:lnTo>
                        <a:pt x="9963" y="8906"/>
                      </a:lnTo>
                      <a:lnTo>
                        <a:pt x="9905" y="8830"/>
                      </a:lnTo>
                      <a:lnTo>
                        <a:pt x="9851" y="8750"/>
                      </a:lnTo>
                      <a:lnTo>
                        <a:pt x="9802" y="8667"/>
                      </a:lnTo>
                      <a:lnTo>
                        <a:pt x="9757" y="8580"/>
                      </a:lnTo>
                      <a:lnTo>
                        <a:pt x="9737" y="8536"/>
                      </a:lnTo>
                      <a:lnTo>
                        <a:pt x="9695" y="8440"/>
                      </a:lnTo>
                      <a:lnTo>
                        <a:pt x="9674" y="8397"/>
                      </a:lnTo>
                      <a:lnTo>
                        <a:pt x="9653" y="8395"/>
                      </a:lnTo>
                      <a:lnTo>
                        <a:pt x="9438" y="8390"/>
                      </a:lnTo>
                      <a:lnTo>
                        <a:pt x="8799" y="8385"/>
                      </a:lnTo>
                      <a:lnTo>
                        <a:pt x="6648" y="8377"/>
                      </a:lnTo>
                      <a:lnTo>
                        <a:pt x="3028" y="8376"/>
                      </a:lnTo>
                      <a:lnTo>
                        <a:pt x="877" y="8383"/>
                      </a:lnTo>
                      <a:lnTo>
                        <a:pt x="238" y="8388"/>
                      </a:lnTo>
                      <a:lnTo>
                        <a:pt x="24" y="8393"/>
                      </a:lnTo>
                      <a:lnTo>
                        <a:pt x="4" y="8396"/>
                      </a:lnTo>
                      <a:lnTo>
                        <a:pt x="0" y="8409"/>
                      </a:lnTo>
                      <a:lnTo>
                        <a:pt x="3" y="8487"/>
                      </a:lnTo>
                      <a:lnTo>
                        <a:pt x="23" y="8687"/>
                      </a:lnTo>
                      <a:lnTo>
                        <a:pt x="70" y="9043"/>
                      </a:lnTo>
                      <a:lnTo>
                        <a:pt x="126" y="9378"/>
                      </a:lnTo>
                      <a:lnTo>
                        <a:pt x="150" y="9491"/>
                      </a:lnTo>
                      <a:lnTo>
                        <a:pt x="170" y="9569"/>
                      </a:lnTo>
                      <a:lnTo>
                        <a:pt x="2104" y="9577"/>
                      </a:lnTo>
                      <a:lnTo>
                        <a:pt x="4037" y="9586"/>
                      </a:lnTo>
                      <a:lnTo>
                        <a:pt x="4120" y="9626"/>
                      </a:lnTo>
                      <a:lnTo>
                        <a:pt x="4147" y="9640"/>
                      </a:lnTo>
                      <a:lnTo>
                        <a:pt x="4234" y="9710"/>
                      </a:lnTo>
                      <a:lnTo>
                        <a:pt x="4376" y="9842"/>
                      </a:lnTo>
                      <a:lnTo>
                        <a:pt x="4588" y="10049"/>
                      </a:lnTo>
                      <a:lnTo>
                        <a:pt x="4729" y="10189"/>
                      </a:lnTo>
                      <a:lnTo>
                        <a:pt x="5255" y="10711"/>
                      </a:lnTo>
                      <a:lnTo>
                        <a:pt x="5762" y="10707"/>
                      </a:lnTo>
                      <a:lnTo>
                        <a:pt x="6269" y="10702"/>
                      </a:lnTo>
                      <a:lnTo>
                        <a:pt x="6290" y="10661"/>
                      </a:lnTo>
                      <a:lnTo>
                        <a:pt x="6320" y="10600"/>
                      </a:lnTo>
                      <a:lnTo>
                        <a:pt x="6372" y="10494"/>
                      </a:lnTo>
                      <a:lnTo>
                        <a:pt x="6394" y="10450"/>
                      </a:lnTo>
                      <a:lnTo>
                        <a:pt x="6441" y="10365"/>
                      </a:lnTo>
                      <a:lnTo>
                        <a:pt x="6492" y="10285"/>
                      </a:lnTo>
                      <a:lnTo>
                        <a:pt x="6547" y="10208"/>
                      </a:lnTo>
                      <a:lnTo>
                        <a:pt x="6606" y="10135"/>
                      </a:lnTo>
                      <a:lnTo>
                        <a:pt x="6668" y="10067"/>
                      </a:lnTo>
                      <a:lnTo>
                        <a:pt x="6734" y="10003"/>
                      </a:lnTo>
                      <a:lnTo>
                        <a:pt x="6803" y="9943"/>
                      </a:lnTo>
                      <a:lnTo>
                        <a:pt x="6876" y="9887"/>
                      </a:lnTo>
                      <a:lnTo>
                        <a:pt x="6952" y="9836"/>
                      </a:lnTo>
                      <a:lnTo>
                        <a:pt x="7032" y="9789"/>
                      </a:lnTo>
                      <a:lnTo>
                        <a:pt x="7115" y="9746"/>
                      </a:lnTo>
                      <a:lnTo>
                        <a:pt x="7201" y="9708"/>
                      </a:lnTo>
                      <a:lnTo>
                        <a:pt x="7291" y="9674"/>
                      </a:lnTo>
                      <a:lnTo>
                        <a:pt x="7383" y="9644"/>
                      </a:lnTo>
                      <a:lnTo>
                        <a:pt x="7479" y="9620"/>
                      </a:lnTo>
                      <a:lnTo>
                        <a:pt x="7529" y="9609"/>
                      </a:lnTo>
                      <a:lnTo>
                        <a:pt x="7563" y="9602"/>
                      </a:lnTo>
                      <a:lnTo>
                        <a:pt x="7643" y="9593"/>
                      </a:lnTo>
                      <a:lnTo>
                        <a:pt x="7782" y="9586"/>
                      </a:lnTo>
                      <a:lnTo>
                        <a:pt x="7981" y="9591"/>
                      </a:lnTo>
                      <a:lnTo>
                        <a:pt x="8120" y="9606"/>
                      </a:lnTo>
                      <a:lnTo>
                        <a:pt x="8202" y="9619"/>
                      </a:lnTo>
                      <a:lnTo>
                        <a:pt x="8237" y="9627"/>
                      </a:lnTo>
                      <a:lnTo>
                        <a:pt x="8290" y="9641"/>
                      </a:lnTo>
                      <a:lnTo>
                        <a:pt x="8392" y="9673"/>
                      </a:lnTo>
                      <a:lnTo>
                        <a:pt x="8490" y="9709"/>
                      </a:lnTo>
                      <a:lnTo>
                        <a:pt x="8585" y="9750"/>
                      </a:lnTo>
                      <a:lnTo>
                        <a:pt x="8676" y="9796"/>
                      </a:lnTo>
                      <a:lnTo>
                        <a:pt x="8763" y="9847"/>
                      </a:lnTo>
                      <a:lnTo>
                        <a:pt x="8845" y="9902"/>
                      </a:lnTo>
                      <a:lnTo>
                        <a:pt x="8924" y="9962"/>
                      </a:lnTo>
                      <a:lnTo>
                        <a:pt x="8998" y="10027"/>
                      </a:lnTo>
                      <a:lnTo>
                        <a:pt x="9068" y="10096"/>
                      </a:lnTo>
                      <a:lnTo>
                        <a:pt x="9134" y="10169"/>
                      </a:lnTo>
                      <a:lnTo>
                        <a:pt x="9195" y="10247"/>
                      </a:lnTo>
                      <a:lnTo>
                        <a:pt x="9251" y="10328"/>
                      </a:lnTo>
                      <a:lnTo>
                        <a:pt x="9303" y="10414"/>
                      </a:lnTo>
                      <a:lnTo>
                        <a:pt x="9350" y="10504"/>
                      </a:lnTo>
                      <a:lnTo>
                        <a:pt x="9393" y="10599"/>
                      </a:lnTo>
                      <a:lnTo>
                        <a:pt x="9412" y="10647"/>
                      </a:lnTo>
                      <a:lnTo>
                        <a:pt x="9428" y="10693"/>
                      </a:lnTo>
                      <a:lnTo>
                        <a:pt x="9457" y="10791"/>
                      </a:lnTo>
                      <a:lnTo>
                        <a:pt x="9482" y="10899"/>
                      </a:lnTo>
                      <a:lnTo>
                        <a:pt x="9502" y="11021"/>
                      </a:lnTo>
                      <a:lnTo>
                        <a:pt x="9510" y="11089"/>
                      </a:lnTo>
                      <a:lnTo>
                        <a:pt x="9517" y="11155"/>
                      </a:lnTo>
                      <a:lnTo>
                        <a:pt x="9519" y="11290"/>
                      </a:lnTo>
                      <a:lnTo>
                        <a:pt x="9509" y="11429"/>
                      </a:lnTo>
                      <a:lnTo>
                        <a:pt x="9487" y="11569"/>
                      </a:lnTo>
                      <a:lnTo>
                        <a:pt x="9452" y="11707"/>
                      </a:lnTo>
                      <a:lnTo>
                        <a:pt x="9407" y="11843"/>
                      </a:lnTo>
                      <a:lnTo>
                        <a:pt x="9351" y="11974"/>
                      </a:lnTo>
                      <a:lnTo>
                        <a:pt x="9284" y="12099"/>
                      </a:lnTo>
                      <a:lnTo>
                        <a:pt x="9247" y="12157"/>
                      </a:lnTo>
                      <a:lnTo>
                        <a:pt x="9217" y="12201"/>
                      </a:lnTo>
                      <a:lnTo>
                        <a:pt x="9154" y="12284"/>
                      </a:lnTo>
                      <a:lnTo>
                        <a:pt x="9087" y="12362"/>
                      </a:lnTo>
                      <a:lnTo>
                        <a:pt x="9015" y="12435"/>
                      </a:lnTo>
                      <a:lnTo>
                        <a:pt x="8940" y="12504"/>
                      </a:lnTo>
                      <a:lnTo>
                        <a:pt x="8860" y="12567"/>
                      </a:lnTo>
                      <a:lnTo>
                        <a:pt x="8777" y="12625"/>
                      </a:lnTo>
                      <a:lnTo>
                        <a:pt x="8690" y="12677"/>
                      </a:lnTo>
                      <a:lnTo>
                        <a:pt x="8600" y="12724"/>
                      </a:lnTo>
                      <a:lnTo>
                        <a:pt x="8507" y="12766"/>
                      </a:lnTo>
                      <a:lnTo>
                        <a:pt x="8410" y="12802"/>
                      </a:lnTo>
                      <a:lnTo>
                        <a:pt x="8312" y="12832"/>
                      </a:lnTo>
                      <a:lnTo>
                        <a:pt x="8210" y="12856"/>
                      </a:lnTo>
                      <a:lnTo>
                        <a:pt x="8106" y="12875"/>
                      </a:lnTo>
                      <a:lnTo>
                        <a:pt x="8000" y="12887"/>
                      </a:lnTo>
                      <a:lnTo>
                        <a:pt x="7892" y="12893"/>
                      </a:lnTo>
                      <a:lnTo>
                        <a:pt x="7837" y="12894"/>
                      </a:lnTo>
                      <a:lnTo>
                        <a:pt x="7776" y="12893"/>
                      </a:lnTo>
                      <a:lnTo>
                        <a:pt x="7657" y="12886"/>
                      </a:lnTo>
                      <a:lnTo>
                        <a:pt x="7541" y="12870"/>
                      </a:lnTo>
                      <a:lnTo>
                        <a:pt x="7428" y="12847"/>
                      </a:lnTo>
                      <a:lnTo>
                        <a:pt x="7318" y="12816"/>
                      </a:lnTo>
                      <a:lnTo>
                        <a:pt x="7212" y="12779"/>
                      </a:lnTo>
                      <a:lnTo>
                        <a:pt x="7110" y="12734"/>
                      </a:lnTo>
                      <a:lnTo>
                        <a:pt x="7011" y="12682"/>
                      </a:lnTo>
                      <a:lnTo>
                        <a:pt x="6917" y="12623"/>
                      </a:lnTo>
                      <a:lnTo>
                        <a:pt x="6827" y="12557"/>
                      </a:lnTo>
                      <a:lnTo>
                        <a:pt x="6742" y="12485"/>
                      </a:lnTo>
                      <a:lnTo>
                        <a:pt x="6662" y="12406"/>
                      </a:lnTo>
                      <a:lnTo>
                        <a:pt x="6586" y="12321"/>
                      </a:lnTo>
                      <a:lnTo>
                        <a:pt x="6516" y="12229"/>
                      </a:lnTo>
                      <a:lnTo>
                        <a:pt x="6451" y="12132"/>
                      </a:lnTo>
                      <a:lnTo>
                        <a:pt x="6392" y="12028"/>
                      </a:lnTo>
                      <a:lnTo>
                        <a:pt x="6365" y="11974"/>
                      </a:lnTo>
                      <a:lnTo>
                        <a:pt x="6270" y="11779"/>
                      </a:lnTo>
                      <a:lnTo>
                        <a:pt x="5614" y="11777"/>
                      </a:lnTo>
                      <a:lnTo>
                        <a:pt x="5302" y="11777"/>
                      </a:lnTo>
                      <a:lnTo>
                        <a:pt x="5017" y="11770"/>
                      </a:lnTo>
                      <a:lnTo>
                        <a:pt x="4912" y="11762"/>
                      </a:lnTo>
                      <a:lnTo>
                        <a:pt x="4889" y="11757"/>
                      </a:lnTo>
                      <a:lnTo>
                        <a:pt x="4865" y="11750"/>
                      </a:lnTo>
                      <a:lnTo>
                        <a:pt x="4817" y="11729"/>
                      </a:lnTo>
                      <a:lnTo>
                        <a:pt x="4764" y="11697"/>
                      </a:lnTo>
                      <a:lnTo>
                        <a:pt x="4700" y="11650"/>
                      </a:lnTo>
                      <a:lnTo>
                        <a:pt x="4579" y="11544"/>
                      </a:lnTo>
                      <a:lnTo>
                        <a:pt x="4335" y="11309"/>
                      </a:lnTo>
                      <a:lnTo>
                        <a:pt x="4162" y="11136"/>
                      </a:lnTo>
                      <a:lnTo>
                        <a:pt x="3670" y="10644"/>
                      </a:lnTo>
                      <a:lnTo>
                        <a:pt x="2084" y="10644"/>
                      </a:lnTo>
                      <a:lnTo>
                        <a:pt x="1199" y="10644"/>
                      </a:lnTo>
                      <a:lnTo>
                        <a:pt x="627" y="10651"/>
                      </a:lnTo>
                      <a:lnTo>
                        <a:pt x="523" y="10658"/>
                      </a:lnTo>
                      <a:lnTo>
                        <a:pt x="497" y="10664"/>
                      </a:lnTo>
                      <a:lnTo>
                        <a:pt x="495" y="10667"/>
                      </a:lnTo>
                      <a:lnTo>
                        <a:pt x="496" y="10678"/>
                      </a:lnTo>
                      <a:lnTo>
                        <a:pt x="506" y="10697"/>
                      </a:lnTo>
                      <a:lnTo>
                        <a:pt x="512" y="10702"/>
                      </a:lnTo>
                      <a:lnTo>
                        <a:pt x="518" y="10708"/>
                      </a:lnTo>
                      <a:lnTo>
                        <a:pt x="528" y="10726"/>
                      </a:lnTo>
                      <a:lnTo>
                        <a:pt x="529" y="10736"/>
                      </a:lnTo>
                      <a:lnTo>
                        <a:pt x="531" y="10750"/>
                      </a:lnTo>
                      <a:lnTo>
                        <a:pt x="553" y="10811"/>
                      </a:lnTo>
                      <a:lnTo>
                        <a:pt x="569" y="10847"/>
                      </a:lnTo>
                      <a:lnTo>
                        <a:pt x="611" y="10944"/>
                      </a:lnTo>
                      <a:lnTo>
                        <a:pt x="662" y="11061"/>
                      </a:lnTo>
                      <a:lnTo>
                        <a:pt x="691" y="11126"/>
                      </a:lnTo>
                      <a:lnTo>
                        <a:pt x="759" y="11270"/>
                      </a:lnTo>
                      <a:lnTo>
                        <a:pt x="878" y="11503"/>
                      </a:lnTo>
                      <a:lnTo>
                        <a:pt x="1061" y="11830"/>
                      </a:lnTo>
                      <a:lnTo>
                        <a:pt x="1251" y="12141"/>
                      </a:lnTo>
                      <a:lnTo>
                        <a:pt x="1342" y="12277"/>
                      </a:lnTo>
                      <a:lnTo>
                        <a:pt x="1450" y="12433"/>
                      </a:lnTo>
                      <a:lnTo>
                        <a:pt x="1657" y="12710"/>
                      </a:lnTo>
                      <a:lnTo>
                        <a:pt x="1874" y="12970"/>
                      </a:lnTo>
                      <a:lnTo>
                        <a:pt x="2125" y="13243"/>
                      </a:lnTo>
                      <a:lnTo>
                        <a:pt x="2274" y="13396"/>
                      </a:lnTo>
                      <a:lnTo>
                        <a:pt x="2595" y="13721"/>
                      </a:lnTo>
                      <a:lnTo>
                        <a:pt x="2137" y="15551"/>
                      </a:lnTo>
                      <a:lnTo>
                        <a:pt x="1903" y="16490"/>
                      </a:lnTo>
                      <a:lnTo>
                        <a:pt x="1728" y="17221"/>
                      </a:lnTo>
                      <a:lnTo>
                        <a:pt x="1690" y="17401"/>
                      </a:lnTo>
                      <a:lnTo>
                        <a:pt x="1679" y="17468"/>
                      </a:lnTo>
                      <a:lnTo>
                        <a:pt x="1679" y="17486"/>
                      </a:lnTo>
                      <a:lnTo>
                        <a:pt x="1679" y="17515"/>
                      </a:lnTo>
                      <a:lnTo>
                        <a:pt x="1684" y="17565"/>
                      </a:lnTo>
                      <a:lnTo>
                        <a:pt x="1695" y="17611"/>
                      </a:lnTo>
                      <a:lnTo>
                        <a:pt x="1715" y="17661"/>
                      </a:lnTo>
                      <a:lnTo>
                        <a:pt x="1729" y="17691"/>
                      </a:lnTo>
                      <a:lnTo>
                        <a:pt x="1752" y="17735"/>
                      </a:lnTo>
                      <a:lnTo>
                        <a:pt x="1806" y="17809"/>
                      </a:lnTo>
                      <a:lnTo>
                        <a:pt x="1873" y="17871"/>
                      </a:lnTo>
                      <a:lnTo>
                        <a:pt x="1956" y="17923"/>
                      </a:lnTo>
                      <a:lnTo>
                        <a:pt x="2007" y="17947"/>
                      </a:lnTo>
                      <a:lnTo>
                        <a:pt x="2112" y="17994"/>
                      </a:lnTo>
                      <a:lnTo>
                        <a:pt x="5864" y="17994"/>
                      </a:lnTo>
                      <a:lnTo>
                        <a:pt x="9617" y="17994"/>
                      </a:lnTo>
                      <a:lnTo>
                        <a:pt x="9715" y="17959"/>
                      </a:lnTo>
                      <a:lnTo>
                        <a:pt x="9756" y="17942"/>
                      </a:lnTo>
                      <a:lnTo>
                        <a:pt x="9837" y="17895"/>
                      </a:lnTo>
                      <a:lnTo>
                        <a:pt x="9912" y="17834"/>
                      </a:lnTo>
                      <a:lnTo>
                        <a:pt x="9975" y="17766"/>
                      </a:lnTo>
                      <a:lnTo>
                        <a:pt x="9999" y="17731"/>
                      </a:lnTo>
                      <a:lnTo>
                        <a:pt x="10010" y="17706"/>
                      </a:lnTo>
                      <a:lnTo>
                        <a:pt x="10053" y="17567"/>
                      </a:lnTo>
                      <a:lnTo>
                        <a:pt x="10161" y="17167"/>
                      </a:lnTo>
                      <a:lnTo>
                        <a:pt x="10270" y="16736"/>
                      </a:lnTo>
                      <a:lnTo>
                        <a:pt x="10505" y="15802"/>
                      </a:lnTo>
                      <a:lnTo>
                        <a:pt x="10604" y="15806"/>
                      </a:lnTo>
                      <a:lnTo>
                        <a:pt x="10651" y="15808"/>
                      </a:lnTo>
                      <a:lnTo>
                        <a:pt x="10773" y="15820"/>
                      </a:lnTo>
                      <a:lnTo>
                        <a:pt x="10829" y="15827"/>
                      </a:lnTo>
                      <a:lnTo>
                        <a:pt x="11190" y="15881"/>
                      </a:lnTo>
                      <a:lnTo>
                        <a:pt x="11704" y="15954"/>
                      </a:lnTo>
                      <a:lnTo>
                        <a:pt x="12013" y="15997"/>
                      </a:lnTo>
                      <a:lnTo>
                        <a:pt x="12345" y="16044"/>
                      </a:lnTo>
                      <a:lnTo>
                        <a:pt x="12639" y="16087"/>
                      </a:lnTo>
                      <a:lnTo>
                        <a:pt x="12812" y="16111"/>
                      </a:lnTo>
                      <a:lnTo>
                        <a:pt x="12931" y="16128"/>
                      </a:lnTo>
                      <a:lnTo>
                        <a:pt x="13037" y="16144"/>
                      </a:lnTo>
                      <a:lnTo>
                        <a:pt x="13130" y="16157"/>
                      </a:lnTo>
                      <a:lnTo>
                        <a:pt x="13204" y="16169"/>
                      </a:lnTo>
                      <a:lnTo>
                        <a:pt x="13335" y="16187"/>
                      </a:lnTo>
                      <a:lnTo>
                        <a:pt x="13620" y="16229"/>
                      </a:lnTo>
                      <a:lnTo>
                        <a:pt x="13766" y="16250"/>
                      </a:lnTo>
                      <a:lnTo>
                        <a:pt x="14011" y="16278"/>
                      </a:lnTo>
                      <a:lnTo>
                        <a:pt x="14072" y="16281"/>
                      </a:lnTo>
                      <a:lnTo>
                        <a:pt x="14109" y="16280"/>
                      </a:lnTo>
                      <a:lnTo>
                        <a:pt x="14182" y="16271"/>
                      </a:lnTo>
                      <a:lnTo>
                        <a:pt x="14253" y="16251"/>
                      </a:lnTo>
                      <a:lnTo>
                        <a:pt x="14320" y="16223"/>
                      </a:lnTo>
                      <a:lnTo>
                        <a:pt x="14383" y="16186"/>
                      </a:lnTo>
                      <a:lnTo>
                        <a:pt x="14439" y="16141"/>
                      </a:lnTo>
                      <a:lnTo>
                        <a:pt x="14487" y="16090"/>
                      </a:lnTo>
                      <a:lnTo>
                        <a:pt x="14526" y="16032"/>
                      </a:lnTo>
                      <a:lnTo>
                        <a:pt x="14542" y="16001"/>
                      </a:lnTo>
                      <a:lnTo>
                        <a:pt x="14557" y="15954"/>
                      </a:lnTo>
                      <a:lnTo>
                        <a:pt x="14653" y="15595"/>
                      </a:lnTo>
                      <a:lnTo>
                        <a:pt x="14901" y="14626"/>
                      </a:lnTo>
                      <a:lnTo>
                        <a:pt x="15120" y="13756"/>
                      </a:lnTo>
                      <a:lnTo>
                        <a:pt x="15337" y="12888"/>
                      </a:lnTo>
                      <a:lnTo>
                        <a:pt x="15580" y="11939"/>
                      </a:lnTo>
                      <a:lnTo>
                        <a:pt x="15670" y="11600"/>
                      </a:lnTo>
                      <a:lnTo>
                        <a:pt x="15682" y="11564"/>
                      </a:lnTo>
                      <a:lnTo>
                        <a:pt x="15734" y="11525"/>
                      </a:lnTo>
                      <a:lnTo>
                        <a:pt x="16162" y="11234"/>
                      </a:lnTo>
                      <a:lnTo>
                        <a:pt x="16470" y="11027"/>
                      </a:lnTo>
                      <a:lnTo>
                        <a:pt x="16789" y="10814"/>
                      </a:lnTo>
                      <a:lnTo>
                        <a:pt x="17140" y="10570"/>
                      </a:lnTo>
                      <a:lnTo>
                        <a:pt x="17274" y="10470"/>
                      </a:lnTo>
                      <a:lnTo>
                        <a:pt x="17297" y="10449"/>
                      </a:lnTo>
                      <a:lnTo>
                        <a:pt x="17325" y="10416"/>
                      </a:lnTo>
                      <a:lnTo>
                        <a:pt x="17369" y="10344"/>
                      </a:lnTo>
                      <a:lnTo>
                        <a:pt x="17401" y="10265"/>
                      </a:lnTo>
                      <a:lnTo>
                        <a:pt x="17420" y="10182"/>
                      </a:lnTo>
                      <a:lnTo>
                        <a:pt x="17426" y="10097"/>
                      </a:lnTo>
                      <a:lnTo>
                        <a:pt x="17419" y="10013"/>
                      </a:lnTo>
                      <a:lnTo>
                        <a:pt x="17398" y="9932"/>
                      </a:lnTo>
                      <a:lnTo>
                        <a:pt x="17363" y="9856"/>
                      </a:lnTo>
                      <a:lnTo>
                        <a:pt x="17340" y="9821"/>
                      </a:lnTo>
                      <a:lnTo>
                        <a:pt x="17135" y="9544"/>
                      </a:lnTo>
                      <a:lnTo>
                        <a:pt x="16519" y="8719"/>
                      </a:lnTo>
                      <a:lnTo>
                        <a:pt x="15732" y="7669"/>
                      </a:lnTo>
                      <a:lnTo>
                        <a:pt x="15722" y="7511"/>
                      </a:lnTo>
                      <a:lnTo>
                        <a:pt x="15705" y="7285"/>
                      </a:lnTo>
                      <a:lnTo>
                        <a:pt x="15662" y="6864"/>
                      </a:lnTo>
                      <a:lnTo>
                        <a:pt x="15602" y="6463"/>
                      </a:lnTo>
                      <a:lnTo>
                        <a:pt x="15525" y="6065"/>
                      </a:lnTo>
                      <a:lnTo>
                        <a:pt x="15477" y="5861"/>
                      </a:lnTo>
                      <a:lnTo>
                        <a:pt x="15457" y="5781"/>
                      </a:lnTo>
                      <a:lnTo>
                        <a:pt x="15391" y="5552"/>
                      </a:lnTo>
                      <a:lnTo>
                        <a:pt x="15315" y="5303"/>
                      </a:lnTo>
                      <a:lnTo>
                        <a:pt x="15250" y="5105"/>
                      </a:lnTo>
                      <a:lnTo>
                        <a:pt x="15230" y="5052"/>
                      </a:lnTo>
                      <a:lnTo>
                        <a:pt x="15201" y="4982"/>
                      </a:lnTo>
                      <a:lnTo>
                        <a:pt x="15137" y="4819"/>
                      </a:lnTo>
                      <a:lnTo>
                        <a:pt x="15084" y="4688"/>
                      </a:lnTo>
                      <a:lnTo>
                        <a:pt x="14969" y="4429"/>
                      </a:lnTo>
                      <a:lnTo>
                        <a:pt x="14844" y="4174"/>
                      </a:lnTo>
                      <a:lnTo>
                        <a:pt x="14709" y="3924"/>
                      </a:lnTo>
                      <a:lnTo>
                        <a:pt x="14564" y="3679"/>
                      </a:lnTo>
                      <a:lnTo>
                        <a:pt x="14410" y="3440"/>
                      </a:lnTo>
                      <a:lnTo>
                        <a:pt x="14246" y="3206"/>
                      </a:lnTo>
                      <a:lnTo>
                        <a:pt x="14074" y="2979"/>
                      </a:lnTo>
                      <a:lnTo>
                        <a:pt x="13892" y="2757"/>
                      </a:lnTo>
                      <a:lnTo>
                        <a:pt x="13702" y="2543"/>
                      </a:lnTo>
                      <a:lnTo>
                        <a:pt x="13504" y="2335"/>
                      </a:lnTo>
                      <a:lnTo>
                        <a:pt x="13298" y="2135"/>
                      </a:lnTo>
                      <a:lnTo>
                        <a:pt x="13085" y="1943"/>
                      </a:lnTo>
                      <a:lnTo>
                        <a:pt x="12864" y="1759"/>
                      </a:lnTo>
                      <a:lnTo>
                        <a:pt x="12636" y="1583"/>
                      </a:lnTo>
                      <a:lnTo>
                        <a:pt x="12401" y="1415"/>
                      </a:lnTo>
                      <a:lnTo>
                        <a:pt x="12280" y="1336"/>
                      </a:lnTo>
                      <a:lnTo>
                        <a:pt x="12130" y="1240"/>
                      </a:lnTo>
                      <a:lnTo>
                        <a:pt x="11803" y="1046"/>
                      </a:lnTo>
                      <a:lnTo>
                        <a:pt x="11474" y="868"/>
                      </a:lnTo>
                      <a:lnTo>
                        <a:pt x="11249" y="758"/>
                      </a:lnTo>
                      <a:lnTo>
                        <a:pt x="11116" y="699"/>
                      </a:lnTo>
                      <a:lnTo>
                        <a:pt x="11057" y="676"/>
                      </a:lnTo>
                      <a:lnTo>
                        <a:pt x="10980" y="645"/>
                      </a:lnTo>
                      <a:lnTo>
                        <a:pt x="10920" y="619"/>
                      </a:lnTo>
                      <a:lnTo>
                        <a:pt x="10844" y="587"/>
                      </a:lnTo>
                      <a:lnTo>
                        <a:pt x="10628" y="506"/>
                      </a:lnTo>
                      <a:lnTo>
                        <a:pt x="10384" y="421"/>
                      </a:lnTo>
                      <a:lnTo>
                        <a:pt x="10162" y="349"/>
                      </a:lnTo>
                      <a:lnTo>
                        <a:pt x="10079" y="326"/>
                      </a:lnTo>
                      <a:lnTo>
                        <a:pt x="9932" y="286"/>
                      </a:lnTo>
                      <a:lnTo>
                        <a:pt x="9703" y="227"/>
                      </a:lnTo>
                      <a:lnTo>
                        <a:pt x="9637" y="212"/>
                      </a:lnTo>
                      <a:lnTo>
                        <a:pt x="9478" y="179"/>
                      </a:lnTo>
                      <a:lnTo>
                        <a:pt x="9197" y="126"/>
                      </a:lnTo>
                      <a:lnTo>
                        <a:pt x="9020" y="96"/>
                      </a:lnTo>
                      <a:lnTo>
                        <a:pt x="8922" y="81"/>
                      </a:lnTo>
                      <a:lnTo>
                        <a:pt x="8554" y="38"/>
                      </a:lnTo>
                      <a:lnTo>
                        <a:pt x="8362" y="17"/>
                      </a:lnTo>
                      <a:lnTo>
                        <a:pt x="8279" y="11"/>
                      </a:lnTo>
                      <a:lnTo>
                        <a:pt x="7976" y="3"/>
                      </a:lnTo>
                      <a:lnTo>
                        <a:pt x="7630" y="0"/>
                      </a:lnTo>
                      <a:lnTo>
                        <a:pt x="7376" y="4"/>
                      </a:lnTo>
                      <a:lnTo>
                        <a:pt x="7337" y="9"/>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394" name="Freeform 6"/>
                <p:cNvSpPr>
                  <a:spLocks/>
                </p:cNvSpPr>
                <p:nvPr/>
              </p:nvSpPr>
              <p:spPr bwMode="auto">
                <a:xfrm>
                  <a:off x="3493" y="928"/>
                  <a:ext cx="281" cy="283"/>
                </a:xfrm>
                <a:custGeom>
                  <a:avLst/>
                  <a:gdLst>
                    <a:gd name="T0" fmla="*/ 355 w 1170"/>
                    <a:gd name="T1" fmla="*/ 42 h 1180"/>
                    <a:gd name="T2" fmla="*/ 326 w 1170"/>
                    <a:gd name="T3" fmla="*/ 55 h 1180"/>
                    <a:gd name="T4" fmla="*/ 272 w 1170"/>
                    <a:gd name="T5" fmla="*/ 84 h 1180"/>
                    <a:gd name="T6" fmla="*/ 223 w 1170"/>
                    <a:gd name="T7" fmla="*/ 118 h 1180"/>
                    <a:gd name="T8" fmla="*/ 178 w 1170"/>
                    <a:gd name="T9" fmla="*/ 158 h 1180"/>
                    <a:gd name="T10" fmla="*/ 138 w 1170"/>
                    <a:gd name="T11" fmla="*/ 201 h 1180"/>
                    <a:gd name="T12" fmla="*/ 102 w 1170"/>
                    <a:gd name="T13" fmla="*/ 248 h 1180"/>
                    <a:gd name="T14" fmla="*/ 72 w 1170"/>
                    <a:gd name="T15" fmla="*/ 298 h 1180"/>
                    <a:gd name="T16" fmla="*/ 46 w 1170"/>
                    <a:gd name="T17" fmla="*/ 352 h 1180"/>
                    <a:gd name="T18" fmla="*/ 27 w 1170"/>
                    <a:gd name="T19" fmla="*/ 408 h 1180"/>
                    <a:gd name="T20" fmla="*/ 12 w 1170"/>
                    <a:gd name="T21" fmla="*/ 466 h 1180"/>
                    <a:gd name="T22" fmla="*/ 3 w 1170"/>
                    <a:gd name="T23" fmla="*/ 525 h 1180"/>
                    <a:gd name="T24" fmla="*/ 0 w 1170"/>
                    <a:gd name="T25" fmla="*/ 586 h 1180"/>
                    <a:gd name="T26" fmla="*/ 3 w 1170"/>
                    <a:gd name="T27" fmla="*/ 647 h 1180"/>
                    <a:gd name="T28" fmla="*/ 12 w 1170"/>
                    <a:gd name="T29" fmla="*/ 709 h 1180"/>
                    <a:gd name="T30" fmla="*/ 28 w 1170"/>
                    <a:gd name="T31" fmla="*/ 770 h 1180"/>
                    <a:gd name="T32" fmla="*/ 50 w 1170"/>
                    <a:gd name="T33" fmla="*/ 831 h 1180"/>
                    <a:gd name="T34" fmla="*/ 63 w 1170"/>
                    <a:gd name="T35" fmla="*/ 861 h 1180"/>
                    <a:gd name="T36" fmla="*/ 83 w 1170"/>
                    <a:gd name="T37" fmla="*/ 900 h 1180"/>
                    <a:gd name="T38" fmla="*/ 130 w 1170"/>
                    <a:gd name="T39" fmla="*/ 969 h 1180"/>
                    <a:gd name="T40" fmla="*/ 185 w 1170"/>
                    <a:gd name="T41" fmla="*/ 1029 h 1180"/>
                    <a:gd name="T42" fmla="*/ 247 w 1170"/>
                    <a:gd name="T43" fmla="*/ 1079 h 1180"/>
                    <a:gd name="T44" fmla="*/ 314 w 1170"/>
                    <a:gd name="T45" fmla="*/ 1119 h 1180"/>
                    <a:gd name="T46" fmla="*/ 386 w 1170"/>
                    <a:gd name="T47" fmla="*/ 1149 h 1180"/>
                    <a:gd name="T48" fmla="*/ 461 w 1170"/>
                    <a:gd name="T49" fmla="*/ 1169 h 1180"/>
                    <a:gd name="T50" fmla="*/ 539 w 1170"/>
                    <a:gd name="T51" fmla="*/ 1180 h 1180"/>
                    <a:gd name="T52" fmla="*/ 617 w 1170"/>
                    <a:gd name="T53" fmla="*/ 1180 h 1180"/>
                    <a:gd name="T54" fmla="*/ 695 w 1170"/>
                    <a:gd name="T55" fmla="*/ 1170 h 1180"/>
                    <a:gd name="T56" fmla="*/ 771 w 1170"/>
                    <a:gd name="T57" fmla="*/ 1150 h 1180"/>
                    <a:gd name="T58" fmla="*/ 845 w 1170"/>
                    <a:gd name="T59" fmla="*/ 1121 h 1180"/>
                    <a:gd name="T60" fmla="*/ 915 w 1170"/>
                    <a:gd name="T61" fmla="*/ 1081 h 1180"/>
                    <a:gd name="T62" fmla="*/ 980 w 1170"/>
                    <a:gd name="T63" fmla="*/ 1032 h 1180"/>
                    <a:gd name="T64" fmla="*/ 1039 w 1170"/>
                    <a:gd name="T65" fmla="*/ 972 h 1180"/>
                    <a:gd name="T66" fmla="*/ 1091 w 1170"/>
                    <a:gd name="T67" fmla="*/ 903 h 1180"/>
                    <a:gd name="T68" fmla="*/ 1113 w 1170"/>
                    <a:gd name="T69" fmla="*/ 864 h 1180"/>
                    <a:gd name="T70" fmla="*/ 1132 w 1170"/>
                    <a:gd name="T71" fmla="*/ 829 h 1180"/>
                    <a:gd name="T72" fmla="*/ 1155 w 1170"/>
                    <a:gd name="T73" fmla="*/ 776 h 1180"/>
                    <a:gd name="T74" fmla="*/ 1166 w 1170"/>
                    <a:gd name="T75" fmla="*/ 722 h 1180"/>
                    <a:gd name="T76" fmla="*/ 1170 w 1170"/>
                    <a:gd name="T77" fmla="*/ 647 h 1180"/>
                    <a:gd name="T78" fmla="*/ 1170 w 1170"/>
                    <a:gd name="T79" fmla="*/ 592 h 1180"/>
                    <a:gd name="T80" fmla="*/ 1170 w 1170"/>
                    <a:gd name="T81" fmla="*/ 540 h 1180"/>
                    <a:gd name="T82" fmla="*/ 1166 w 1170"/>
                    <a:gd name="T83" fmla="*/ 465 h 1180"/>
                    <a:gd name="T84" fmla="*/ 1156 w 1170"/>
                    <a:gd name="T85" fmla="*/ 411 h 1180"/>
                    <a:gd name="T86" fmla="*/ 1136 w 1170"/>
                    <a:gd name="T87" fmla="*/ 360 h 1180"/>
                    <a:gd name="T88" fmla="*/ 1120 w 1170"/>
                    <a:gd name="T89" fmla="*/ 329 h 1180"/>
                    <a:gd name="T90" fmla="*/ 1108 w 1170"/>
                    <a:gd name="T91" fmla="*/ 306 h 1180"/>
                    <a:gd name="T92" fmla="*/ 1078 w 1170"/>
                    <a:gd name="T93" fmla="*/ 259 h 1180"/>
                    <a:gd name="T94" fmla="*/ 1044 w 1170"/>
                    <a:gd name="T95" fmla="*/ 215 h 1180"/>
                    <a:gd name="T96" fmla="*/ 1004 w 1170"/>
                    <a:gd name="T97" fmla="*/ 172 h 1180"/>
                    <a:gd name="T98" fmla="*/ 962 w 1170"/>
                    <a:gd name="T99" fmla="*/ 133 h 1180"/>
                    <a:gd name="T100" fmla="*/ 918 w 1170"/>
                    <a:gd name="T101" fmla="*/ 98 h 1180"/>
                    <a:gd name="T102" fmla="*/ 872 w 1170"/>
                    <a:gd name="T103" fmla="*/ 68 h 1180"/>
                    <a:gd name="T104" fmla="*/ 826 w 1170"/>
                    <a:gd name="T105" fmla="*/ 45 h 1180"/>
                    <a:gd name="T106" fmla="*/ 803 w 1170"/>
                    <a:gd name="T107" fmla="*/ 36 h 1180"/>
                    <a:gd name="T108" fmla="*/ 778 w 1170"/>
                    <a:gd name="T109" fmla="*/ 27 h 1180"/>
                    <a:gd name="T110" fmla="*/ 724 w 1170"/>
                    <a:gd name="T111" fmla="*/ 13 h 1180"/>
                    <a:gd name="T112" fmla="*/ 667 w 1170"/>
                    <a:gd name="T113" fmla="*/ 4 h 1180"/>
                    <a:gd name="T114" fmla="*/ 608 w 1170"/>
                    <a:gd name="T115" fmla="*/ 0 h 1180"/>
                    <a:gd name="T116" fmla="*/ 548 w 1170"/>
                    <a:gd name="T117" fmla="*/ 1 h 1180"/>
                    <a:gd name="T118" fmla="*/ 490 w 1170"/>
                    <a:gd name="T119" fmla="*/ 7 h 1180"/>
                    <a:gd name="T120" fmla="*/ 433 w 1170"/>
                    <a:gd name="T121" fmla="*/ 17 h 1180"/>
                    <a:gd name="T122" fmla="*/ 380 w 1170"/>
                    <a:gd name="T123" fmla="*/ 33 h 1180"/>
                    <a:gd name="T124" fmla="*/ 355 w 1170"/>
                    <a:gd name="T125" fmla="*/ 42 h 1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170" h="1180">
                      <a:moveTo>
                        <a:pt x="355" y="42"/>
                      </a:moveTo>
                      <a:lnTo>
                        <a:pt x="326" y="55"/>
                      </a:lnTo>
                      <a:lnTo>
                        <a:pt x="272" y="84"/>
                      </a:lnTo>
                      <a:lnTo>
                        <a:pt x="223" y="118"/>
                      </a:lnTo>
                      <a:lnTo>
                        <a:pt x="178" y="158"/>
                      </a:lnTo>
                      <a:lnTo>
                        <a:pt x="138" y="201"/>
                      </a:lnTo>
                      <a:lnTo>
                        <a:pt x="102" y="248"/>
                      </a:lnTo>
                      <a:lnTo>
                        <a:pt x="72" y="298"/>
                      </a:lnTo>
                      <a:lnTo>
                        <a:pt x="46" y="352"/>
                      </a:lnTo>
                      <a:lnTo>
                        <a:pt x="27" y="408"/>
                      </a:lnTo>
                      <a:lnTo>
                        <a:pt x="12" y="466"/>
                      </a:lnTo>
                      <a:lnTo>
                        <a:pt x="3" y="525"/>
                      </a:lnTo>
                      <a:lnTo>
                        <a:pt x="0" y="586"/>
                      </a:lnTo>
                      <a:lnTo>
                        <a:pt x="3" y="647"/>
                      </a:lnTo>
                      <a:lnTo>
                        <a:pt x="12" y="709"/>
                      </a:lnTo>
                      <a:lnTo>
                        <a:pt x="28" y="770"/>
                      </a:lnTo>
                      <a:lnTo>
                        <a:pt x="50" y="831"/>
                      </a:lnTo>
                      <a:lnTo>
                        <a:pt x="63" y="861"/>
                      </a:lnTo>
                      <a:lnTo>
                        <a:pt x="83" y="900"/>
                      </a:lnTo>
                      <a:lnTo>
                        <a:pt x="130" y="969"/>
                      </a:lnTo>
                      <a:lnTo>
                        <a:pt x="185" y="1029"/>
                      </a:lnTo>
                      <a:lnTo>
                        <a:pt x="247" y="1079"/>
                      </a:lnTo>
                      <a:lnTo>
                        <a:pt x="314" y="1119"/>
                      </a:lnTo>
                      <a:lnTo>
                        <a:pt x="386" y="1149"/>
                      </a:lnTo>
                      <a:lnTo>
                        <a:pt x="461" y="1169"/>
                      </a:lnTo>
                      <a:lnTo>
                        <a:pt x="539" y="1180"/>
                      </a:lnTo>
                      <a:lnTo>
                        <a:pt x="617" y="1180"/>
                      </a:lnTo>
                      <a:lnTo>
                        <a:pt x="695" y="1170"/>
                      </a:lnTo>
                      <a:lnTo>
                        <a:pt x="771" y="1150"/>
                      </a:lnTo>
                      <a:lnTo>
                        <a:pt x="845" y="1121"/>
                      </a:lnTo>
                      <a:lnTo>
                        <a:pt x="915" y="1081"/>
                      </a:lnTo>
                      <a:lnTo>
                        <a:pt x="980" y="1032"/>
                      </a:lnTo>
                      <a:lnTo>
                        <a:pt x="1039" y="972"/>
                      </a:lnTo>
                      <a:lnTo>
                        <a:pt x="1091" y="903"/>
                      </a:lnTo>
                      <a:lnTo>
                        <a:pt x="1113" y="864"/>
                      </a:lnTo>
                      <a:lnTo>
                        <a:pt x="1132" y="829"/>
                      </a:lnTo>
                      <a:lnTo>
                        <a:pt x="1155" y="776"/>
                      </a:lnTo>
                      <a:lnTo>
                        <a:pt x="1166" y="722"/>
                      </a:lnTo>
                      <a:lnTo>
                        <a:pt x="1170" y="647"/>
                      </a:lnTo>
                      <a:lnTo>
                        <a:pt x="1170" y="592"/>
                      </a:lnTo>
                      <a:lnTo>
                        <a:pt x="1170" y="540"/>
                      </a:lnTo>
                      <a:lnTo>
                        <a:pt x="1166" y="465"/>
                      </a:lnTo>
                      <a:lnTo>
                        <a:pt x="1156" y="411"/>
                      </a:lnTo>
                      <a:lnTo>
                        <a:pt x="1136" y="360"/>
                      </a:lnTo>
                      <a:lnTo>
                        <a:pt x="1120" y="329"/>
                      </a:lnTo>
                      <a:lnTo>
                        <a:pt x="1108" y="306"/>
                      </a:lnTo>
                      <a:lnTo>
                        <a:pt x="1078" y="259"/>
                      </a:lnTo>
                      <a:lnTo>
                        <a:pt x="1044" y="215"/>
                      </a:lnTo>
                      <a:lnTo>
                        <a:pt x="1004" y="172"/>
                      </a:lnTo>
                      <a:lnTo>
                        <a:pt x="962" y="133"/>
                      </a:lnTo>
                      <a:lnTo>
                        <a:pt x="918" y="98"/>
                      </a:lnTo>
                      <a:lnTo>
                        <a:pt x="872" y="68"/>
                      </a:lnTo>
                      <a:lnTo>
                        <a:pt x="826" y="45"/>
                      </a:lnTo>
                      <a:lnTo>
                        <a:pt x="803" y="36"/>
                      </a:lnTo>
                      <a:lnTo>
                        <a:pt x="778" y="27"/>
                      </a:lnTo>
                      <a:lnTo>
                        <a:pt x="724" y="13"/>
                      </a:lnTo>
                      <a:lnTo>
                        <a:pt x="667" y="4"/>
                      </a:lnTo>
                      <a:lnTo>
                        <a:pt x="608" y="0"/>
                      </a:lnTo>
                      <a:lnTo>
                        <a:pt x="548" y="1"/>
                      </a:lnTo>
                      <a:lnTo>
                        <a:pt x="490" y="7"/>
                      </a:lnTo>
                      <a:lnTo>
                        <a:pt x="433" y="17"/>
                      </a:lnTo>
                      <a:lnTo>
                        <a:pt x="380" y="33"/>
                      </a:lnTo>
                      <a:lnTo>
                        <a:pt x="355" y="42"/>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395" name="Freeform 7"/>
                <p:cNvSpPr>
                  <a:spLocks/>
                </p:cNvSpPr>
                <p:nvPr/>
              </p:nvSpPr>
              <p:spPr bwMode="auto">
                <a:xfrm>
                  <a:off x="4310" y="1741"/>
                  <a:ext cx="281" cy="284"/>
                </a:xfrm>
                <a:custGeom>
                  <a:avLst/>
                  <a:gdLst>
                    <a:gd name="T0" fmla="*/ 450 w 1173"/>
                    <a:gd name="T1" fmla="*/ 19 h 1183"/>
                    <a:gd name="T2" fmla="*/ 415 w 1173"/>
                    <a:gd name="T3" fmla="*/ 28 h 1183"/>
                    <a:gd name="T4" fmla="*/ 349 w 1173"/>
                    <a:gd name="T5" fmla="*/ 51 h 1183"/>
                    <a:gd name="T6" fmla="*/ 290 w 1173"/>
                    <a:gd name="T7" fmla="*/ 78 h 1183"/>
                    <a:gd name="T8" fmla="*/ 236 w 1173"/>
                    <a:gd name="T9" fmla="*/ 110 h 1183"/>
                    <a:gd name="T10" fmla="*/ 187 w 1173"/>
                    <a:gd name="T11" fmla="*/ 148 h 1183"/>
                    <a:gd name="T12" fmla="*/ 144 w 1173"/>
                    <a:gd name="T13" fmla="*/ 191 h 1183"/>
                    <a:gd name="T14" fmla="*/ 105 w 1173"/>
                    <a:gd name="T15" fmla="*/ 240 h 1183"/>
                    <a:gd name="T16" fmla="*/ 71 w 1173"/>
                    <a:gd name="T17" fmla="*/ 296 h 1183"/>
                    <a:gd name="T18" fmla="*/ 55 w 1173"/>
                    <a:gd name="T19" fmla="*/ 326 h 1183"/>
                    <a:gd name="T20" fmla="*/ 37 w 1173"/>
                    <a:gd name="T21" fmla="*/ 362 h 1183"/>
                    <a:gd name="T22" fmla="*/ 15 w 1173"/>
                    <a:gd name="T23" fmla="*/ 418 h 1183"/>
                    <a:gd name="T24" fmla="*/ 4 w 1173"/>
                    <a:gd name="T25" fmla="*/ 474 h 1183"/>
                    <a:gd name="T26" fmla="*/ 0 w 1173"/>
                    <a:gd name="T27" fmla="*/ 550 h 1183"/>
                    <a:gd name="T28" fmla="*/ 0 w 1173"/>
                    <a:gd name="T29" fmla="*/ 604 h 1183"/>
                    <a:gd name="T30" fmla="*/ 1 w 1173"/>
                    <a:gd name="T31" fmla="*/ 658 h 1183"/>
                    <a:gd name="T32" fmla="*/ 5 w 1173"/>
                    <a:gd name="T33" fmla="*/ 733 h 1183"/>
                    <a:gd name="T34" fmla="*/ 16 w 1173"/>
                    <a:gd name="T35" fmla="*/ 787 h 1183"/>
                    <a:gd name="T36" fmla="*/ 37 w 1173"/>
                    <a:gd name="T37" fmla="*/ 840 h 1183"/>
                    <a:gd name="T38" fmla="*/ 54 w 1173"/>
                    <a:gd name="T39" fmla="*/ 873 h 1183"/>
                    <a:gd name="T40" fmla="*/ 74 w 1173"/>
                    <a:gd name="T41" fmla="*/ 910 h 1183"/>
                    <a:gd name="T42" fmla="*/ 121 w 1173"/>
                    <a:gd name="T43" fmla="*/ 977 h 1183"/>
                    <a:gd name="T44" fmla="*/ 174 w 1173"/>
                    <a:gd name="T45" fmla="*/ 1035 h 1183"/>
                    <a:gd name="T46" fmla="*/ 235 w 1173"/>
                    <a:gd name="T47" fmla="*/ 1084 h 1183"/>
                    <a:gd name="T48" fmla="*/ 301 w 1173"/>
                    <a:gd name="T49" fmla="*/ 1123 h 1183"/>
                    <a:gd name="T50" fmla="*/ 375 w 1173"/>
                    <a:gd name="T51" fmla="*/ 1152 h 1183"/>
                    <a:gd name="T52" fmla="*/ 454 w 1173"/>
                    <a:gd name="T53" fmla="*/ 1172 h 1183"/>
                    <a:gd name="T54" fmla="*/ 539 w 1173"/>
                    <a:gd name="T55" fmla="*/ 1182 h 1183"/>
                    <a:gd name="T56" fmla="*/ 584 w 1173"/>
                    <a:gd name="T57" fmla="*/ 1183 h 1183"/>
                    <a:gd name="T58" fmla="*/ 614 w 1173"/>
                    <a:gd name="T59" fmla="*/ 1183 h 1183"/>
                    <a:gd name="T60" fmla="*/ 671 w 1173"/>
                    <a:gd name="T61" fmla="*/ 1178 h 1183"/>
                    <a:gd name="T62" fmla="*/ 726 w 1173"/>
                    <a:gd name="T63" fmla="*/ 1169 h 1183"/>
                    <a:gd name="T64" fmla="*/ 777 w 1173"/>
                    <a:gd name="T65" fmla="*/ 1155 h 1183"/>
                    <a:gd name="T66" fmla="*/ 826 w 1173"/>
                    <a:gd name="T67" fmla="*/ 1136 h 1183"/>
                    <a:gd name="T68" fmla="*/ 874 w 1173"/>
                    <a:gd name="T69" fmla="*/ 1111 h 1183"/>
                    <a:gd name="T70" fmla="*/ 920 w 1173"/>
                    <a:gd name="T71" fmla="*/ 1080 h 1183"/>
                    <a:gd name="T72" fmla="*/ 966 w 1173"/>
                    <a:gd name="T73" fmla="*/ 1043 h 1183"/>
                    <a:gd name="T74" fmla="*/ 989 w 1173"/>
                    <a:gd name="T75" fmla="*/ 1023 h 1183"/>
                    <a:gd name="T76" fmla="*/ 1022 w 1173"/>
                    <a:gd name="T77" fmla="*/ 990 h 1183"/>
                    <a:gd name="T78" fmla="*/ 1078 w 1173"/>
                    <a:gd name="T79" fmla="*/ 916 h 1183"/>
                    <a:gd name="T80" fmla="*/ 1122 w 1173"/>
                    <a:gd name="T81" fmla="*/ 834 h 1183"/>
                    <a:gd name="T82" fmla="*/ 1153 w 1173"/>
                    <a:gd name="T83" fmla="*/ 747 h 1183"/>
                    <a:gd name="T84" fmla="*/ 1170 w 1173"/>
                    <a:gd name="T85" fmla="*/ 656 h 1183"/>
                    <a:gd name="T86" fmla="*/ 1173 w 1173"/>
                    <a:gd name="T87" fmla="*/ 564 h 1183"/>
                    <a:gd name="T88" fmla="*/ 1162 w 1173"/>
                    <a:gd name="T89" fmla="*/ 471 h 1183"/>
                    <a:gd name="T90" fmla="*/ 1136 w 1173"/>
                    <a:gd name="T91" fmla="*/ 381 h 1183"/>
                    <a:gd name="T92" fmla="*/ 1117 w 1173"/>
                    <a:gd name="T93" fmla="*/ 338 h 1183"/>
                    <a:gd name="T94" fmla="*/ 1103 w 1173"/>
                    <a:gd name="T95" fmla="*/ 311 h 1183"/>
                    <a:gd name="T96" fmla="*/ 1069 w 1173"/>
                    <a:gd name="T97" fmla="*/ 258 h 1183"/>
                    <a:gd name="T98" fmla="*/ 1028 w 1173"/>
                    <a:gd name="T99" fmla="*/ 209 h 1183"/>
                    <a:gd name="T100" fmla="*/ 981 w 1173"/>
                    <a:gd name="T101" fmla="*/ 162 h 1183"/>
                    <a:gd name="T102" fmla="*/ 929 w 1173"/>
                    <a:gd name="T103" fmla="*/ 120 h 1183"/>
                    <a:gd name="T104" fmla="*/ 873 w 1173"/>
                    <a:gd name="T105" fmla="*/ 84 h 1183"/>
                    <a:gd name="T106" fmla="*/ 814 w 1173"/>
                    <a:gd name="T107" fmla="*/ 53 h 1183"/>
                    <a:gd name="T108" fmla="*/ 753 w 1173"/>
                    <a:gd name="T109" fmla="*/ 28 h 1183"/>
                    <a:gd name="T110" fmla="*/ 722 w 1173"/>
                    <a:gd name="T111" fmla="*/ 19 h 1183"/>
                    <a:gd name="T112" fmla="*/ 684 w 1173"/>
                    <a:gd name="T113" fmla="*/ 10 h 1183"/>
                    <a:gd name="T114" fmla="*/ 619 w 1173"/>
                    <a:gd name="T115" fmla="*/ 0 h 1183"/>
                    <a:gd name="T116" fmla="*/ 558 w 1173"/>
                    <a:gd name="T117" fmla="*/ 0 h 1183"/>
                    <a:gd name="T118" fmla="*/ 490 w 1173"/>
                    <a:gd name="T119" fmla="*/ 10 h 1183"/>
                    <a:gd name="T120" fmla="*/ 450 w 1173"/>
                    <a:gd name="T121" fmla="*/ 19 h 11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173" h="1183">
                      <a:moveTo>
                        <a:pt x="450" y="19"/>
                      </a:moveTo>
                      <a:lnTo>
                        <a:pt x="415" y="28"/>
                      </a:lnTo>
                      <a:lnTo>
                        <a:pt x="349" y="51"/>
                      </a:lnTo>
                      <a:lnTo>
                        <a:pt x="290" y="78"/>
                      </a:lnTo>
                      <a:lnTo>
                        <a:pt x="236" y="110"/>
                      </a:lnTo>
                      <a:lnTo>
                        <a:pt x="187" y="148"/>
                      </a:lnTo>
                      <a:lnTo>
                        <a:pt x="144" y="191"/>
                      </a:lnTo>
                      <a:lnTo>
                        <a:pt x="105" y="240"/>
                      </a:lnTo>
                      <a:lnTo>
                        <a:pt x="71" y="296"/>
                      </a:lnTo>
                      <a:lnTo>
                        <a:pt x="55" y="326"/>
                      </a:lnTo>
                      <a:lnTo>
                        <a:pt x="37" y="362"/>
                      </a:lnTo>
                      <a:lnTo>
                        <a:pt x="15" y="418"/>
                      </a:lnTo>
                      <a:lnTo>
                        <a:pt x="4" y="474"/>
                      </a:lnTo>
                      <a:lnTo>
                        <a:pt x="0" y="550"/>
                      </a:lnTo>
                      <a:lnTo>
                        <a:pt x="0" y="604"/>
                      </a:lnTo>
                      <a:lnTo>
                        <a:pt x="1" y="658"/>
                      </a:lnTo>
                      <a:lnTo>
                        <a:pt x="5" y="733"/>
                      </a:lnTo>
                      <a:lnTo>
                        <a:pt x="16" y="787"/>
                      </a:lnTo>
                      <a:lnTo>
                        <a:pt x="37" y="840"/>
                      </a:lnTo>
                      <a:lnTo>
                        <a:pt x="54" y="873"/>
                      </a:lnTo>
                      <a:lnTo>
                        <a:pt x="74" y="910"/>
                      </a:lnTo>
                      <a:lnTo>
                        <a:pt x="121" y="977"/>
                      </a:lnTo>
                      <a:lnTo>
                        <a:pt x="174" y="1035"/>
                      </a:lnTo>
                      <a:lnTo>
                        <a:pt x="235" y="1084"/>
                      </a:lnTo>
                      <a:lnTo>
                        <a:pt x="301" y="1123"/>
                      </a:lnTo>
                      <a:lnTo>
                        <a:pt x="375" y="1152"/>
                      </a:lnTo>
                      <a:lnTo>
                        <a:pt x="454" y="1172"/>
                      </a:lnTo>
                      <a:lnTo>
                        <a:pt x="539" y="1182"/>
                      </a:lnTo>
                      <a:lnTo>
                        <a:pt x="584" y="1183"/>
                      </a:lnTo>
                      <a:lnTo>
                        <a:pt x="614" y="1183"/>
                      </a:lnTo>
                      <a:lnTo>
                        <a:pt x="671" y="1178"/>
                      </a:lnTo>
                      <a:lnTo>
                        <a:pt x="726" y="1169"/>
                      </a:lnTo>
                      <a:lnTo>
                        <a:pt x="777" y="1155"/>
                      </a:lnTo>
                      <a:lnTo>
                        <a:pt x="826" y="1136"/>
                      </a:lnTo>
                      <a:lnTo>
                        <a:pt x="874" y="1111"/>
                      </a:lnTo>
                      <a:lnTo>
                        <a:pt x="920" y="1080"/>
                      </a:lnTo>
                      <a:lnTo>
                        <a:pt x="966" y="1043"/>
                      </a:lnTo>
                      <a:lnTo>
                        <a:pt x="989" y="1023"/>
                      </a:lnTo>
                      <a:lnTo>
                        <a:pt x="1022" y="990"/>
                      </a:lnTo>
                      <a:lnTo>
                        <a:pt x="1078" y="916"/>
                      </a:lnTo>
                      <a:lnTo>
                        <a:pt x="1122" y="834"/>
                      </a:lnTo>
                      <a:lnTo>
                        <a:pt x="1153" y="747"/>
                      </a:lnTo>
                      <a:lnTo>
                        <a:pt x="1170" y="656"/>
                      </a:lnTo>
                      <a:lnTo>
                        <a:pt x="1173" y="564"/>
                      </a:lnTo>
                      <a:lnTo>
                        <a:pt x="1162" y="471"/>
                      </a:lnTo>
                      <a:lnTo>
                        <a:pt x="1136" y="381"/>
                      </a:lnTo>
                      <a:lnTo>
                        <a:pt x="1117" y="338"/>
                      </a:lnTo>
                      <a:lnTo>
                        <a:pt x="1103" y="311"/>
                      </a:lnTo>
                      <a:lnTo>
                        <a:pt x="1069" y="258"/>
                      </a:lnTo>
                      <a:lnTo>
                        <a:pt x="1028" y="209"/>
                      </a:lnTo>
                      <a:lnTo>
                        <a:pt x="981" y="162"/>
                      </a:lnTo>
                      <a:lnTo>
                        <a:pt x="929" y="120"/>
                      </a:lnTo>
                      <a:lnTo>
                        <a:pt x="873" y="84"/>
                      </a:lnTo>
                      <a:lnTo>
                        <a:pt x="814" y="53"/>
                      </a:lnTo>
                      <a:lnTo>
                        <a:pt x="753" y="28"/>
                      </a:lnTo>
                      <a:lnTo>
                        <a:pt x="722" y="19"/>
                      </a:lnTo>
                      <a:lnTo>
                        <a:pt x="684" y="10"/>
                      </a:lnTo>
                      <a:lnTo>
                        <a:pt x="619" y="0"/>
                      </a:lnTo>
                      <a:lnTo>
                        <a:pt x="558" y="0"/>
                      </a:lnTo>
                      <a:lnTo>
                        <a:pt x="490" y="10"/>
                      </a:lnTo>
                      <a:lnTo>
                        <a:pt x="450" y="19"/>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396" name="Freeform 8"/>
                <p:cNvSpPr>
                  <a:spLocks/>
                </p:cNvSpPr>
                <p:nvPr/>
              </p:nvSpPr>
              <p:spPr bwMode="auto">
                <a:xfrm>
                  <a:off x="3494" y="2557"/>
                  <a:ext cx="280" cy="284"/>
                </a:xfrm>
                <a:custGeom>
                  <a:avLst/>
                  <a:gdLst>
                    <a:gd name="T0" fmla="*/ 403 w 1165"/>
                    <a:gd name="T1" fmla="*/ 27 h 1182"/>
                    <a:gd name="T2" fmla="*/ 370 w 1165"/>
                    <a:gd name="T3" fmla="*/ 38 h 1182"/>
                    <a:gd name="T4" fmla="*/ 310 w 1165"/>
                    <a:gd name="T5" fmla="*/ 63 h 1182"/>
                    <a:gd name="T6" fmla="*/ 256 w 1165"/>
                    <a:gd name="T7" fmla="*/ 92 h 1182"/>
                    <a:gd name="T8" fmla="*/ 207 w 1165"/>
                    <a:gd name="T9" fmla="*/ 126 h 1182"/>
                    <a:gd name="T10" fmla="*/ 163 w 1165"/>
                    <a:gd name="T11" fmla="*/ 164 h 1182"/>
                    <a:gd name="T12" fmla="*/ 124 w 1165"/>
                    <a:gd name="T13" fmla="*/ 208 h 1182"/>
                    <a:gd name="T14" fmla="*/ 89 w 1165"/>
                    <a:gd name="T15" fmla="*/ 257 h 1182"/>
                    <a:gd name="T16" fmla="*/ 58 w 1165"/>
                    <a:gd name="T17" fmla="*/ 313 h 1182"/>
                    <a:gd name="T18" fmla="*/ 43 w 1165"/>
                    <a:gd name="T19" fmla="*/ 343 h 1182"/>
                    <a:gd name="T20" fmla="*/ 32 w 1165"/>
                    <a:gd name="T21" fmla="*/ 371 h 1182"/>
                    <a:gd name="T22" fmla="*/ 15 w 1165"/>
                    <a:gd name="T23" fmla="*/ 420 h 1182"/>
                    <a:gd name="T24" fmla="*/ 5 w 1165"/>
                    <a:gd name="T25" fmla="*/ 473 h 1182"/>
                    <a:gd name="T26" fmla="*/ 1 w 1165"/>
                    <a:gd name="T27" fmla="*/ 537 h 1182"/>
                    <a:gd name="T28" fmla="*/ 0 w 1165"/>
                    <a:gd name="T29" fmla="*/ 578 h 1182"/>
                    <a:gd name="T30" fmla="*/ 1 w 1165"/>
                    <a:gd name="T31" fmla="*/ 636 h 1182"/>
                    <a:gd name="T32" fmla="*/ 10 w 1165"/>
                    <a:gd name="T33" fmla="*/ 732 h 1182"/>
                    <a:gd name="T34" fmla="*/ 33 w 1165"/>
                    <a:gd name="T35" fmla="*/ 814 h 1182"/>
                    <a:gd name="T36" fmla="*/ 73 w 1165"/>
                    <a:gd name="T37" fmla="*/ 895 h 1182"/>
                    <a:gd name="T38" fmla="*/ 102 w 1165"/>
                    <a:gd name="T39" fmla="*/ 940 h 1182"/>
                    <a:gd name="T40" fmla="*/ 129 w 1165"/>
                    <a:gd name="T41" fmla="*/ 978 h 1182"/>
                    <a:gd name="T42" fmla="*/ 195 w 1165"/>
                    <a:gd name="T43" fmla="*/ 1044 h 1182"/>
                    <a:gd name="T44" fmla="*/ 273 w 1165"/>
                    <a:gd name="T45" fmla="*/ 1099 h 1182"/>
                    <a:gd name="T46" fmla="*/ 361 w 1165"/>
                    <a:gd name="T47" fmla="*/ 1141 h 1182"/>
                    <a:gd name="T48" fmla="*/ 455 w 1165"/>
                    <a:gd name="T49" fmla="*/ 1169 h 1182"/>
                    <a:gd name="T50" fmla="*/ 553 w 1165"/>
                    <a:gd name="T51" fmla="*/ 1182 h 1182"/>
                    <a:gd name="T52" fmla="*/ 651 w 1165"/>
                    <a:gd name="T53" fmla="*/ 1181 h 1182"/>
                    <a:gd name="T54" fmla="*/ 747 w 1165"/>
                    <a:gd name="T55" fmla="*/ 1163 h 1182"/>
                    <a:gd name="T56" fmla="*/ 793 w 1165"/>
                    <a:gd name="T57" fmla="*/ 1147 h 1182"/>
                    <a:gd name="T58" fmla="*/ 817 w 1165"/>
                    <a:gd name="T59" fmla="*/ 1137 h 1182"/>
                    <a:gd name="T60" fmla="*/ 865 w 1165"/>
                    <a:gd name="T61" fmla="*/ 1112 h 1182"/>
                    <a:gd name="T62" fmla="*/ 912 w 1165"/>
                    <a:gd name="T63" fmla="*/ 1082 h 1182"/>
                    <a:gd name="T64" fmla="*/ 957 w 1165"/>
                    <a:gd name="T65" fmla="*/ 1046 h 1182"/>
                    <a:gd name="T66" fmla="*/ 1000 w 1165"/>
                    <a:gd name="T67" fmla="*/ 1007 h 1182"/>
                    <a:gd name="T68" fmla="*/ 1039 w 1165"/>
                    <a:gd name="T69" fmla="*/ 965 h 1182"/>
                    <a:gd name="T70" fmla="*/ 1073 w 1165"/>
                    <a:gd name="T71" fmla="*/ 920 h 1182"/>
                    <a:gd name="T72" fmla="*/ 1103 w 1165"/>
                    <a:gd name="T73" fmla="*/ 873 h 1182"/>
                    <a:gd name="T74" fmla="*/ 1115 w 1165"/>
                    <a:gd name="T75" fmla="*/ 850 h 1182"/>
                    <a:gd name="T76" fmla="*/ 1131 w 1165"/>
                    <a:gd name="T77" fmla="*/ 819 h 1182"/>
                    <a:gd name="T78" fmla="*/ 1151 w 1165"/>
                    <a:gd name="T79" fmla="*/ 768 h 1182"/>
                    <a:gd name="T80" fmla="*/ 1161 w 1165"/>
                    <a:gd name="T81" fmla="*/ 714 h 1182"/>
                    <a:gd name="T82" fmla="*/ 1165 w 1165"/>
                    <a:gd name="T83" fmla="*/ 640 h 1182"/>
                    <a:gd name="T84" fmla="*/ 1165 w 1165"/>
                    <a:gd name="T85" fmla="*/ 587 h 1182"/>
                    <a:gd name="T86" fmla="*/ 1164 w 1165"/>
                    <a:gd name="T87" fmla="*/ 523 h 1182"/>
                    <a:gd name="T88" fmla="*/ 1157 w 1165"/>
                    <a:gd name="T89" fmla="*/ 446 h 1182"/>
                    <a:gd name="T90" fmla="*/ 1148 w 1165"/>
                    <a:gd name="T91" fmla="*/ 402 h 1182"/>
                    <a:gd name="T92" fmla="*/ 1134 w 1165"/>
                    <a:gd name="T93" fmla="*/ 360 h 1182"/>
                    <a:gd name="T94" fmla="*/ 1114 w 1165"/>
                    <a:gd name="T95" fmla="*/ 320 h 1182"/>
                    <a:gd name="T96" fmla="*/ 1075 w 1165"/>
                    <a:gd name="T97" fmla="*/ 258 h 1182"/>
                    <a:gd name="T98" fmla="*/ 1038 w 1165"/>
                    <a:gd name="T99" fmla="*/ 210 h 1182"/>
                    <a:gd name="T100" fmla="*/ 1011 w 1165"/>
                    <a:gd name="T101" fmla="*/ 177 h 1182"/>
                    <a:gd name="T102" fmla="*/ 947 w 1165"/>
                    <a:gd name="T103" fmla="*/ 120 h 1182"/>
                    <a:gd name="T104" fmla="*/ 875 w 1165"/>
                    <a:gd name="T105" fmla="*/ 72 h 1182"/>
                    <a:gd name="T106" fmla="*/ 796 w 1165"/>
                    <a:gd name="T107" fmla="*/ 37 h 1182"/>
                    <a:gd name="T108" fmla="*/ 712 w 1165"/>
                    <a:gd name="T109" fmla="*/ 12 h 1182"/>
                    <a:gd name="T110" fmla="*/ 624 w 1165"/>
                    <a:gd name="T111" fmla="*/ 0 h 1182"/>
                    <a:gd name="T112" fmla="*/ 535 w 1165"/>
                    <a:gd name="T113" fmla="*/ 0 h 1182"/>
                    <a:gd name="T114" fmla="*/ 447 w 1165"/>
                    <a:gd name="T115" fmla="*/ 14 h 1182"/>
                    <a:gd name="T116" fmla="*/ 403 w 1165"/>
                    <a:gd name="T117" fmla="*/ 27 h 1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165" h="1182">
                      <a:moveTo>
                        <a:pt x="403" y="27"/>
                      </a:moveTo>
                      <a:lnTo>
                        <a:pt x="370" y="38"/>
                      </a:lnTo>
                      <a:lnTo>
                        <a:pt x="310" y="63"/>
                      </a:lnTo>
                      <a:lnTo>
                        <a:pt x="256" y="92"/>
                      </a:lnTo>
                      <a:lnTo>
                        <a:pt x="207" y="126"/>
                      </a:lnTo>
                      <a:lnTo>
                        <a:pt x="163" y="164"/>
                      </a:lnTo>
                      <a:lnTo>
                        <a:pt x="124" y="208"/>
                      </a:lnTo>
                      <a:lnTo>
                        <a:pt x="89" y="257"/>
                      </a:lnTo>
                      <a:lnTo>
                        <a:pt x="58" y="313"/>
                      </a:lnTo>
                      <a:lnTo>
                        <a:pt x="43" y="343"/>
                      </a:lnTo>
                      <a:lnTo>
                        <a:pt x="32" y="371"/>
                      </a:lnTo>
                      <a:lnTo>
                        <a:pt x="15" y="420"/>
                      </a:lnTo>
                      <a:lnTo>
                        <a:pt x="5" y="473"/>
                      </a:lnTo>
                      <a:lnTo>
                        <a:pt x="1" y="537"/>
                      </a:lnTo>
                      <a:lnTo>
                        <a:pt x="0" y="578"/>
                      </a:lnTo>
                      <a:lnTo>
                        <a:pt x="1" y="636"/>
                      </a:lnTo>
                      <a:lnTo>
                        <a:pt x="10" y="732"/>
                      </a:lnTo>
                      <a:lnTo>
                        <a:pt x="33" y="814"/>
                      </a:lnTo>
                      <a:lnTo>
                        <a:pt x="73" y="895"/>
                      </a:lnTo>
                      <a:lnTo>
                        <a:pt x="102" y="940"/>
                      </a:lnTo>
                      <a:lnTo>
                        <a:pt x="129" y="978"/>
                      </a:lnTo>
                      <a:lnTo>
                        <a:pt x="195" y="1044"/>
                      </a:lnTo>
                      <a:lnTo>
                        <a:pt x="273" y="1099"/>
                      </a:lnTo>
                      <a:lnTo>
                        <a:pt x="361" y="1141"/>
                      </a:lnTo>
                      <a:lnTo>
                        <a:pt x="455" y="1169"/>
                      </a:lnTo>
                      <a:lnTo>
                        <a:pt x="553" y="1182"/>
                      </a:lnTo>
                      <a:lnTo>
                        <a:pt x="651" y="1181"/>
                      </a:lnTo>
                      <a:lnTo>
                        <a:pt x="747" y="1163"/>
                      </a:lnTo>
                      <a:lnTo>
                        <a:pt x="793" y="1147"/>
                      </a:lnTo>
                      <a:lnTo>
                        <a:pt x="817" y="1137"/>
                      </a:lnTo>
                      <a:lnTo>
                        <a:pt x="865" y="1112"/>
                      </a:lnTo>
                      <a:lnTo>
                        <a:pt x="912" y="1082"/>
                      </a:lnTo>
                      <a:lnTo>
                        <a:pt x="957" y="1046"/>
                      </a:lnTo>
                      <a:lnTo>
                        <a:pt x="1000" y="1007"/>
                      </a:lnTo>
                      <a:lnTo>
                        <a:pt x="1039" y="965"/>
                      </a:lnTo>
                      <a:lnTo>
                        <a:pt x="1073" y="920"/>
                      </a:lnTo>
                      <a:lnTo>
                        <a:pt x="1103" y="873"/>
                      </a:lnTo>
                      <a:lnTo>
                        <a:pt x="1115" y="850"/>
                      </a:lnTo>
                      <a:lnTo>
                        <a:pt x="1131" y="819"/>
                      </a:lnTo>
                      <a:lnTo>
                        <a:pt x="1151" y="768"/>
                      </a:lnTo>
                      <a:lnTo>
                        <a:pt x="1161" y="714"/>
                      </a:lnTo>
                      <a:lnTo>
                        <a:pt x="1165" y="640"/>
                      </a:lnTo>
                      <a:lnTo>
                        <a:pt x="1165" y="587"/>
                      </a:lnTo>
                      <a:lnTo>
                        <a:pt x="1164" y="523"/>
                      </a:lnTo>
                      <a:lnTo>
                        <a:pt x="1157" y="446"/>
                      </a:lnTo>
                      <a:lnTo>
                        <a:pt x="1148" y="402"/>
                      </a:lnTo>
                      <a:lnTo>
                        <a:pt x="1134" y="360"/>
                      </a:lnTo>
                      <a:lnTo>
                        <a:pt x="1114" y="320"/>
                      </a:lnTo>
                      <a:lnTo>
                        <a:pt x="1075" y="258"/>
                      </a:lnTo>
                      <a:lnTo>
                        <a:pt x="1038" y="210"/>
                      </a:lnTo>
                      <a:lnTo>
                        <a:pt x="1011" y="177"/>
                      </a:lnTo>
                      <a:lnTo>
                        <a:pt x="947" y="120"/>
                      </a:lnTo>
                      <a:lnTo>
                        <a:pt x="875" y="72"/>
                      </a:lnTo>
                      <a:lnTo>
                        <a:pt x="796" y="37"/>
                      </a:lnTo>
                      <a:lnTo>
                        <a:pt x="712" y="12"/>
                      </a:lnTo>
                      <a:lnTo>
                        <a:pt x="624" y="0"/>
                      </a:lnTo>
                      <a:lnTo>
                        <a:pt x="535" y="0"/>
                      </a:lnTo>
                      <a:lnTo>
                        <a:pt x="447" y="14"/>
                      </a:lnTo>
                      <a:lnTo>
                        <a:pt x="403" y="27"/>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grpSp>
          <p:grpSp>
            <p:nvGrpSpPr>
              <p:cNvPr id="380" name="Group 4"/>
              <p:cNvGrpSpPr>
                <a:grpSpLocks noChangeAspect="1"/>
              </p:cNvGrpSpPr>
              <p:nvPr/>
            </p:nvGrpSpPr>
            <p:grpSpPr bwMode="auto">
              <a:xfrm>
                <a:off x="7304901" y="3419198"/>
                <a:ext cx="256171" cy="256171"/>
                <a:chOff x="1680" y="0"/>
                <a:chExt cx="4320" cy="4320"/>
              </a:xfrm>
            </p:grpSpPr>
            <p:sp>
              <p:nvSpPr>
                <p:cNvPr id="387" name="AutoShape 3"/>
                <p:cNvSpPr>
                  <a:spLocks noChangeAspect="1" noChangeArrowheads="1" noTextEdit="1"/>
                </p:cNvSpPr>
                <p:nvPr/>
              </p:nvSpPr>
              <p:spPr bwMode="auto">
                <a:xfrm>
                  <a:off x="1680" y="0"/>
                  <a:ext cx="4320" cy="43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388" name="Freeform 5"/>
                <p:cNvSpPr>
                  <a:spLocks/>
                </p:cNvSpPr>
                <p:nvPr/>
              </p:nvSpPr>
              <p:spPr bwMode="auto">
                <a:xfrm>
                  <a:off x="1749" y="1"/>
                  <a:ext cx="4182" cy="4319"/>
                </a:xfrm>
                <a:custGeom>
                  <a:avLst/>
                  <a:gdLst>
                    <a:gd name="T0" fmla="*/ 6745 w 17426"/>
                    <a:gd name="T1" fmla="*/ 69 h 17994"/>
                    <a:gd name="T2" fmla="*/ 4827 w 17426"/>
                    <a:gd name="T3" fmla="*/ 564 h 17994"/>
                    <a:gd name="T4" fmla="*/ 2990 w 17426"/>
                    <a:gd name="T5" fmla="*/ 1624 h 17994"/>
                    <a:gd name="T6" fmla="*/ 1316 w 17426"/>
                    <a:gd name="T7" fmla="*/ 3448 h 17994"/>
                    <a:gd name="T8" fmla="*/ 585 w 17426"/>
                    <a:gd name="T9" fmla="*/ 4819 h 17994"/>
                    <a:gd name="T10" fmla="*/ 4557 w 17426"/>
                    <a:gd name="T11" fmla="*/ 4164 h 17994"/>
                    <a:gd name="T12" fmla="*/ 6409 w 17426"/>
                    <a:gd name="T13" fmla="*/ 3625 h 17994"/>
                    <a:gd name="T14" fmla="*/ 7054 w 17426"/>
                    <a:gd name="T15" fmla="*/ 2988 h 17994"/>
                    <a:gd name="T16" fmla="*/ 7951 w 17426"/>
                    <a:gd name="T17" fmla="*/ 2803 h 17994"/>
                    <a:gd name="T18" fmla="*/ 8821 w 17426"/>
                    <a:gd name="T19" fmla="*/ 3096 h 17994"/>
                    <a:gd name="T20" fmla="*/ 9397 w 17426"/>
                    <a:gd name="T21" fmla="*/ 3816 h 17994"/>
                    <a:gd name="T22" fmla="*/ 9445 w 17426"/>
                    <a:gd name="T23" fmla="*/ 4944 h 17994"/>
                    <a:gd name="T24" fmla="*/ 8772 w 17426"/>
                    <a:gd name="T25" fmla="*/ 5838 h 17994"/>
                    <a:gd name="T26" fmla="*/ 7725 w 17426"/>
                    <a:gd name="T27" fmla="*/ 6106 h 17994"/>
                    <a:gd name="T28" fmla="*/ 6897 w 17426"/>
                    <a:gd name="T29" fmla="*/ 5815 h 17994"/>
                    <a:gd name="T30" fmla="*/ 6334 w 17426"/>
                    <a:gd name="T31" fmla="*/ 5122 h 17994"/>
                    <a:gd name="T32" fmla="*/ 4724 w 17426"/>
                    <a:gd name="T33" fmla="*/ 5506 h 17994"/>
                    <a:gd name="T34" fmla="*/ 150 w 17426"/>
                    <a:gd name="T35" fmla="*/ 6197 h 17994"/>
                    <a:gd name="T36" fmla="*/ 758 w 17426"/>
                    <a:gd name="T37" fmla="*/ 7304 h 17994"/>
                    <a:gd name="T38" fmla="*/ 9747 w 17426"/>
                    <a:gd name="T39" fmla="*/ 7136 h 17994"/>
                    <a:gd name="T40" fmla="*/ 10489 w 17426"/>
                    <a:gd name="T41" fmla="*/ 6361 h 17994"/>
                    <a:gd name="T42" fmla="*/ 11378 w 17426"/>
                    <a:gd name="T43" fmla="*/ 6192 h 17994"/>
                    <a:gd name="T44" fmla="*/ 12212 w 17426"/>
                    <a:gd name="T45" fmla="*/ 6482 h 17994"/>
                    <a:gd name="T46" fmla="*/ 12752 w 17426"/>
                    <a:gd name="T47" fmla="*/ 7119 h 17994"/>
                    <a:gd name="T48" fmla="*/ 12896 w 17426"/>
                    <a:gd name="T49" fmla="*/ 8046 h 17994"/>
                    <a:gd name="T50" fmla="*/ 12491 w 17426"/>
                    <a:gd name="T51" fmla="*/ 8960 h 17994"/>
                    <a:gd name="T52" fmla="*/ 11502 w 17426"/>
                    <a:gd name="T53" fmla="*/ 9482 h 17994"/>
                    <a:gd name="T54" fmla="*/ 10572 w 17426"/>
                    <a:gd name="T55" fmla="*/ 9365 h 17994"/>
                    <a:gd name="T56" fmla="*/ 9905 w 17426"/>
                    <a:gd name="T57" fmla="*/ 8830 h 17994"/>
                    <a:gd name="T58" fmla="*/ 8799 w 17426"/>
                    <a:gd name="T59" fmla="*/ 8385 h 17994"/>
                    <a:gd name="T60" fmla="*/ 23 w 17426"/>
                    <a:gd name="T61" fmla="*/ 8687 h 17994"/>
                    <a:gd name="T62" fmla="*/ 4234 w 17426"/>
                    <a:gd name="T63" fmla="*/ 9710 h 17994"/>
                    <a:gd name="T64" fmla="*/ 6372 w 17426"/>
                    <a:gd name="T65" fmla="*/ 10494 h 17994"/>
                    <a:gd name="T66" fmla="*/ 6876 w 17426"/>
                    <a:gd name="T67" fmla="*/ 9887 h 17994"/>
                    <a:gd name="T68" fmla="*/ 7563 w 17426"/>
                    <a:gd name="T69" fmla="*/ 9602 h 17994"/>
                    <a:gd name="T70" fmla="*/ 8490 w 17426"/>
                    <a:gd name="T71" fmla="*/ 9709 h 17994"/>
                    <a:gd name="T72" fmla="*/ 9195 w 17426"/>
                    <a:gd name="T73" fmla="*/ 10247 h 17994"/>
                    <a:gd name="T74" fmla="*/ 9502 w 17426"/>
                    <a:gd name="T75" fmla="*/ 11021 h 17994"/>
                    <a:gd name="T76" fmla="*/ 9284 w 17426"/>
                    <a:gd name="T77" fmla="*/ 12099 h 17994"/>
                    <a:gd name="T78" fmla="*/ 8690 w 17426"/>
                    <a:gd name="T79" fmla="*/ 12677 h 17994"/>
                    <a:gd name="T80" fmla="*/ 7837 w 17426"/>
                    <a:gd name="T81" fmla="*/ 12894 h 17994"/>
                    <a:gd name="T82" fmla="*/ 6917 w 17426"/>
                    <a:gd name="T83" fmla="*/ 12623 h 17994"/>
                    <a:gd name="T84" fmla="*/ 6270 w 17426"/>
                    <a:gd name="T85" fmla="*/ 11779 h 17994"/>
                    <a:gd name="T86" fmla="*/ 4700 w 17426"/>
                    <a:gd name="T87" fmla="*/ 11650 h 17994"/>
                    <a:gd name="T88" fmla="*/ 497 w 17426"/>
                    <a:gd name="T89" fmla="*/ 10664 h 17994"/>
                    <a:gd name="T90" fmla="*/ 553 w 17426"/>
                    <a:gd name="T91" fmla="*/ 10811 h 17994"/>
                    <a:gd name="T92" fmla="*/ 1342 w 17426"/>
                    <a:gd name="T93" fmla="*/ 12277 h 17994"/>
                    <a:gd name="T94" fmla="*/ 1728 w 17426"/>
                    <a:gd name="T95" fmla="*/ 17221 h 17994"/>
                    <a:gd name="T96" fmla="*/ 1752 w 17426"/>
                    <a:gd name="T97" fmla="*/ 17735 h 17994"/>
                    <a:gd name="T98" fmla="*/ 9756 w 17426"/>
                    <a:gd name="T99" fmla="*/ 17942 h 17994"/>
                    <a:gd name="T100" fmla="*/ 10505 w 17426"/>
                    <a:gd name="T101" fmla="*/ 15802 h 17994"/>
                    <a:gd name="T102" fmla="*/ 12639 w 17426"/>
                    <a:gd name="T103" fmla="*/ 16087 h 17994"/>
                    <a:gd name="T104" fmla="*/ 14011 w 17426"/>
                    <a:gd name="T105" fmla="*/ 16278 h 17994"/>
                    <a:gd name="T106" fmla="*/ 14526 w 17426"/>
                    <a:gd name="T107" fmla="*/ 16032 h 17994"/>
                    <a:gd name="T108" fmla="*/ 15682 w 17426"/>
                    <a:gd name="T109" fmla="*/ 11564 h 17994"/>
                    <a:gd name="T110" fmla="*/ 17369 w 17426"/>
                    <a:gd name="T111" fmla="*/ 10344 h 17994"/>
                    <a:gd name="T112" fmla="*/ 16519 w 17426"/>
                    <a:gd name="T113" fmla="*/ 8719 h 17994"/>
                    <a:gd name="T114" fmla="*/ 15391 w 17426"/>
                    <a:gd name="T115" fmla="*/ 5552 h 17994"/>
                    <a:gd name="T116" fmla="*/ 14709 w 17426"/>
                    <a:gd name="T117" fmla="*/ 3924 h 17994"/>
                    <a:gd name="T118" fmla="*/ 13085 w 17426"/>
                    <a:gd name="T119" fmla="*/ 1943 h 17994"/>
                    <a:gd name="T120" fmla="*/ 11116 w 17426"/>
                    <a:gd name="T121" fmla="*/ 699 h 17994"/>
                    <a:gd name="T122" fmla="*/ 9932 w 17426"/>
                    <a:gd name="T123" fmla="*/ 286 h 17994"/>
                    <a:gd name="T124" fmla="*/ 8279 w 17426"/>
                    <a:gd name="T125" fmla="*/ 11 h 179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7426" h="17994">
                      <a:moveTo>
                        <a:pt x="7337" y="9"/>
                      </a:moveTo>
                      <a:lnTo>
                        <a:pt x="7317" y="14"/>
                      </a:lnTo>
                      <a:lnTo>
                        <a:pt x="7230" y="24"/>
                      </a:lnTo>
                      <a:lnTo>
                        <a:pt x="7179" y="26"/>
                      </a:lnTo>
                      <a:lnTo>
                        <a:pt x="7123" y="28"/>
                      </a:lnTo>
                      <a:lnTo>
                        <a:pt x="6996" y="38"/>
                      </a:lnTo>
                      <a:lnTo>
                        <a:pt x="6945" y="44"/>
                      </a:lnTo>
                      <a:lnTo>
                        <a:pt x="6840" y="57"/>
                      </a:lnTo>
                      <a:lnTo>
                        <a:pt x="6745" y="69"/>
                      </a:lnTo>
                      <a:lnTo>
                        <a:pt x="6628" y="84"/>
                      </a:lnTo>
                      <a:lnTo>
                        <a:pt x="6284" y="140"/>
                      </a:lnTo>
                      <a:lnTo>
                        <a:pt x="6179" y="161"/>
                      </a:lnTo>
                      <a:lnTo>
                        <a:pt x="6036" y="193"/>
                      </a:lnTo>
                      <a:lnTo>
                        <a:pt x="5767" y="259"/>
                      </a:lnTo>
                      <a:lnTo>
                        <a:pt x="5515" y="328"/>
                      </a:lnTo>
                      <a:lnTo>
                        <a:pt x="5277" y="401"/>
                      </a:lnTo>
                      <a:lnTo>
                        <a:pt x="5049" y="479"/>
                      </a:lnTo>
                      <a:lnTo>
                        <a:pt x="4827" y="564"/>
                      </a:lnTo>
                      <a:lnTo>
                        <a:pt x="4609" y="656"/>
                      </a:lnTo>
                      <a:lnTo>
                        <a:pt x="4390" y="758"/>
                      </a:lnTo>
                      <a:lnTo>
                        <a:pt x="4279" y="812"/>
                      </a:lnTo>
                      <a:lnTo>
                        <a:pt x="4153" y="876"/>
                      </a:lnTo>
                      <a:lnTo>
                        <a:pt x="3908" y="1010"/>
                      </a:lnTo>
                      <a:lnTo>
                        <a:pt x="3669" y="1152"/>
                      </a:lnTo>
                      <a:lnTo>
                        <a:pt x="3436" y="1302"/>
                      </a:lnTo>
                      <a:lnTo>
                        <a:pt x="3210" y="1459"/>
                      </a:lnTo>
                      <a:lnTo>
                        <a:pt x="2990" y="1624"/>
                      </a:lnTo>
                      <a:lnTo>
                        <a:pt x="2777" y="1797"/>
                      </a:lnTo>
                      <a:lnTo>
                        <a:pt x="2571" y="1977"/>
                      </a:lnTo>
                      <a:lnTo>
                        <a:pt x="2371" y="2165"/>
                      </a:lnTo>
                      <a:lnTo>
                        <a:pt x="2178" y="2360"/>
                      </a:lnTo>
                      <a:lnTo>
                        <a:pt x="1992" y="2563"/>
                      </a:lnTo>
                      <a:lnTo>
                        <a:pt x="1813" y="2773"/>
                      </a:lnTo>
                      <a:lnTo>
                        <a:pt x="1640" y="2991"/>
                      </a:lnTo>
                      <a:lnTo>
                        <a:pt x="1475" y="3216"/>
                      </a:lnTo>
                      <a:lnTo>
                        <a:pt x="1316" y="3448"/>
                      </a:lnTo>
                      <a:lnTo>
                        <a:pt x="1165" y="3688"/>
                      </a:lnTo>
                      <a:lnTo>
                        <a:pt x="1092" y="3811"/>
                      </a:lnTo>
                      <a:lnTo>
                        <a:pt x="1038" y="3905"/>
                      </a:lnTo>
                      <a:lnTo>
                        <a:pt x="905" y="4151"/>
                      </a:lnTo>
                      <a:lnTo>
                        <a:pt x="772" y="4410"/>
                      </a:lnTo>
                      <a:lnTo>
                        <a:pt x="671" y="4618"/>
                      </a:lnTo>
                      <a:lnTo>
                        <a:pt x="645" y="4677"/>
                      </a:lnTo>
                      <a:lnTo>
                        <a:pt x="619" y="4741"/>
                      </a:lnTo>
                      <a:lnTo>
                        <a:pt x="585" y="4819"/>
                      </a:lnTo>
                      <a:lnTo>
                        <a:pt x="517" y="4977"/>
                      </a:lnTo>
                      <a:lnTo>
                        <a:pt x="495" y="5037"/>
                      </a:lnTo>
                      <a:lnTo>
                        <a:pt x="585" y="5040"/>
                      </a:lnTo>
                      <a:lnTo>
                        <a:pt x="1447" y="5044"/>
                      </a:lnTo>
                      <a:lnTo>
                        <a:pt x="2082" y="5044"/>
                      </a:lnTo>
                      <a:lnTo>
                        <a:pt x="3669" y="5044"/>
                      </a:lnTo>
                      <a:lnTo>
                        <a:pt x="4187" y="4529"/>
                      </a:lnTo>
                      <a:lnTo>
                        <a:pt x="4342" y="4375"/>
                      </a:lnTo>
                      <a:lnTo>
                        <a:pt x="4557" y="4164"/>
                      </a:lnTo>
                      <a:lnTo>
                        <a:pt x="4690" y="4043"/>
                      </a:lnTo>
                      <a:lnTo>
                        <a:pt x="4772" y="3982"/>
                      </a:lnTo>
                      <a:lnTo>
                        <a:pt x="4804" y="3966"/>
                      </a:lnTo>
                      <a:lnTo>
                        <a:pt x="4904" y="3919"/>
                      </a:lnTo>
                      <a:lnTo>
                        <a:pt x="5589" y="3914"/>
                      </a:lnTo>
                      <a:lnTo>
                        <a:pt x="6272" y="3909"/>
                      </a:lnTo>
                      <a:lnTo>
                        <a:pt x="6335" y="3771"/>
                      </a:lnTo>
                      <a:lnTo>
                        <a:pt x="6358" y="3722"/>
                      </a:lnTo>
                      <a:lnTo>
                        <a:pt x="6409" y="3625"/>
                      </a:lnTo>
                      <a:lnTo>
                        <a:pt x="6467" y="3531"/>
                      </a:lnTo>
                      <a:lnTo>
                        <a:pt x="6531" y="3440"/>
                      </a:lnTo>
                      <a:lnTo>
                        <a:pt x="6599" y="3354"/>
                      </a:lnTo>
                      <a:lnTo>
                        <a:pt x="6672" y="3273"/>
                      </a:lnTo>
                      <a:lnTo>
                        <a:pt x="6749" y="3199"/>
                      </a:lnTo>
                      <a:lnTo>
                        <a:pt x="6828" y="3131"/>
                      </a:lnTo>
                      <a:lnTo>
                        <a:pt x="6869" y="3101"/>
                      </a:lnTo>
                      <a:lnTo>
                        <a:pt x="6922" y="3063"/>
                      </a:lnTo>
                      <a:lnTo>
                        <a:pt x="7054" y="2988"/>
                      </a:lnTo>
                      <a:lnTo>
                        <a:pt x="7200" y="2918"/>
                      </a:lnTo>
                      <a:lnTo>
                        <a:pt x="7346" y="2862"/>
                      </a:lnTo>
                      <a:lnTo>
                        <a:pt x="7412" y="2842"/>
                      </a:lnTo>
                      <a:lnTo>
                        <a:pt x="7456" y="2831"/>
                      </a:lnTo>
                      <a:lnTo>
                        <a:pt x="7534" y="2815"/>
                      </a:lnTo>
                      <a:lnTo>
                        <a:pt x="7624" y="2806"/>
                      </a:lnTo>
                      <a:lnTo>
                        <a:pt x="7745" y="2803"/>
                      </a:lnTo>
                      <a:lnTo>
                        <a:pt x="7829" y="2802"/>
                      </a:lnTo>
                      <a:lnTo>
                        <a:pt x="7951" y="2803"/>
                      </a:lnTo>
                      <a:lnTo>
                        <a:pt x="8100" y="2812"/>
                      </a:lnTo>
                      <a:lnTo>
                        <a:pt x="8189" y="2824"/>
                      </a:lnTo>
                      <a:lnTo>
                        <a:pt x="8273" y="2842"/>
                      </a:lnTo>
                      <a:lnTo>
                        <a:pt x="8356" y="2866"/>
                      </a:lnTo>
                      <a:lnTo>
                        <a:pt x="8489" y="2916"/>
                      </a:lnTo>
                      <a:lnTo>
                        <a:pt x="8592" y="2962"/>
                      </a:lnTo>
                      <a:lnTo>
                        <a:pt x="8638" y="2984"/>
                      </a:lnTo>
                      <a:lnTo>
                        <a:pt x="8731" y="3036"/>
                      </a:lnTo>
                      <a:lnTo>
                        <a:pt x="8821" y="3096"/>
                      </a:lnTo>
                      <a:lnTo>
                        <a:pt x="8910" y="3164"/>
                      </a:lnTo>
                      <a:lnTo>
                        <a:pt x="8995" y="3238"/>
                      </a:lnTo>
                      <a:lnTo>
                        <a:pt x="9075" y="3317"/>
                      </a:lnTo>
                      <a:lnTo>
                        <a:pt x="9149" y="3400"/>
                      </a:lnTo>
                      <a:lnTo>
                        <a:pt x="9217" y="3486"/>
                      </a:lnTo>
                      <a:lnTo>
                        <a:pt x="9247" y="3531"/>
                      </a:lnTo>
                      <a:lnTo>
                        <a:pt x="9282" y="3585"/>
                      </a:lnTo>
                      <a:lnTo>
                        <a:pt x="9344" y="3699"/>
                      </a:lnTo>
                      <a:lnTo>
                        <a:pt x="9397" y="3816"/>
                      </a:lnTo>
                      <a:lnTo>
                        <a:pt x="9440" y="3937"/>
                      </a:lnTo>
                      <a:lnTo>
                        <a:pt x="9474" y="4061"/>
                      </a:lnTo>
                      <a:lnTo>
                        <a:pt x="9498" y="4186"/>
                      </a:lnTo>
                      <a:lnTo>
                        <a:pt x="9513" y="4313"/>
                      </a:lnTo>
                      <a:lnTo>
                        <a:pt x="9518" y="4441"/>
                      </a:lnTo>
                      <a:lnTo>
                        <a:pt x="9514" y="4568"/>
                      </a:lnTo>
                      <a:lnTo>
                        <a:pt x="9500" y="4695"/>
                      </a:lnTo>
                      <a:lnTo>
                        <a:pt x="9477" y="4820"/>
                      </a:lnTo>
                      <a:lnTo>
                        <a:pt x="9445" y="4944"/>
                      </a:lnTo>
                      <a:lnTo>
                        <a:pt x="9403" y="5065"/>
                      </a:lnTo>
                      <a:lnTo>
                        <a:pt x="9352" y="5182"/>
                      </a:lnTo>
                      <a:lnTo>
                        <a:pt x="9292" y="5295"/>
                      </a:lnTo>
                      <a:lnTo>
                        <a:pt x="9222" y="5404"/>
                      </a:lnTo>
                      <a:lnTo>
                        <a:pt x="9184" y="5456"/>
                      </a:lnTo>
                      <a:lnTo>
                        <a:pt x="9133" y="5521"/>
                      </a:lnTo>
                      <a:lnTo>
                        <a:pt x="9023" y="5639"/>
                      </a:lnTo>
                      <a:lnTo>
                        <a:pt x="8902" y="5745"/>
                      </a:lnTo>
                      <a:lnTo>
                        <a:pt x="8772" y="5838"/>
                      </a:lnTo>
                      <a:lnTo>
                        <a:pt x="8631" y="5918"/>
                      </a:lnTo>
                      <a:lnTo>
                        <a:pt x="8481" y="5985"/>
                      </a:lnTo>
                      <a:lnTo>
                        <a:pt x="8321" y="6039"/>
                      </a:lnTo>
                      <a:lnTo>
                        <a:pt x="8151" y="6079"/>
                      </a:lnTo>
                      <a:lnTo>
                        <a:pt x="8062" y="6094"/>
                      </a:lnTo>
                      <a:lnTo>
                        <a:pt x="8015" y="6101"/>
                      </a:lnTo>
                      <a:lnTo>
                        <a:pt x="7919" y="6109"/>
                      </a:lnTo>
                      <a:lnTo>
                        <a:pt x="7822" y="6110"/>
                      </a:lnTo>
                      <a:lnTo>
                        <a:pt x="7725" y="6106"/>
                      </a:lnTo>
                      <a:lnTo>
                        <a:pt x="7627" y="6095"/>
                      </a:lnTo>
                      <a:lnTo>
                        <a:pt x="7530" y="6079"/>
                      </a:lnTo>
                      <a:lnTo>
                        <a:pt x="7434" y="6057"/>
                      </a:lnTo>
                      <a:lnTo>
                        <a:pt x="7339" y="6030"/>
                      </a:lnTo>
                      <a:lnTo>
                        <a:pt x="7245" y="5997"/>
                      </a:lnTo>
                      <a:lnTo>
                        <a:pt x="7154" y="5959"/>
                      </a:lnTo>
                      <a:lnTo>
                        <a:pt x="7065" y="5916"/>
                      </a:lnTo>
                      <a:lnTo>
                        <a:pt x="6979" y="5868"/>
                      </a:lnTo>
                      <a:lnTo>
                        <a:pt x="6897" y="5815"/>
                      </a:lnTo>
                      <a:lnTo>
                        <a:pt x="6818" y="5758"/>
                      </a:lnTo>
                      <a:lnTo>
                        <a:pt x="6744" y="5696"/>
                      </a:lnTo>
                      <a:lnTo>
                        <a:pt x="6675" y="5630"/>
                      </a:lnTo>
                      <a:lnTo>
                        <a:pt x="6642" y="5596"/>
                      </a:lnTo>
                      <a:lnTo>
                        <a:pt x="6599" y="5547"/>
                      </a:lnTo>
                      <a:lnTo>
                        <a:pt x="6509" y="5427"/>
                      </a:lnTo>
                      <a:lnTo>
                        <a:pt x="6425" y="5297"/>
                      </a:lnTo>
                      <a:lnTo>
                        <a:pt x="6356" y="5174"/>
                      </a:lnTo>
                      <a:lnTo>
                        <a:pt x="6334" y="5122"/>
                      </a:lnTo>
                      <a:lnTo>
                        <a:pt x="6317" y="5080"/>
                      </a:lnTo>
                      <a:lnTo>
                        <a:pt x="6282" y="5014"/>
                      </a:lnTo>
                      <a:lnTo>
                        <a:pt x="6270" y="5002"/>
                      </a:lnTo>
                      <a:lnTo>
                        <a:pt x="6260" y="4998"/>
                      </a:lnTo>
                      <a:lnTo>
                        <a:pt x="6185" y="4992"/>
                      </a:lnTo>
                      <a:lnTo>
                        <a:pt x="5970" y="4986"/>
                      </a:lnTo>
                      <a:lnTo>
                        <a:pt x="5747" y="4986"/>
                      </a:lnTo>
                      <a:lnTo>
                        <a:pt x="5245" y="4987"/>
                      </a:lnTo>
                      <a:lnTo>
                        <a:pt x="4724" y="5506"/>
                      </a:lnTo>
                      <a:lnTo>
                        <a:pt x="4581" y="5648"/>
                      </a:lnTo>
                      <a:lnTo>
                        <a:pt x="4369" y="5855"/>
                      </a:lnTo>
                      <a:lnTo>
                        <a:pt x="4230" y="5983"/>
                      </a:lnTo>
                      <a:lnTo>
                        <a:pt x="4146" y="6050"/>
                      </a:lnTo>
                      <a:lnTo>
                        <a:pt x="4120" y="6064"/>
                      </a:lnTo>
                      <a:lnTo>
                        <a:pt x="4037" y="6102"/>
                      </a:lnTo>
                      <a:lnTo>
                        <a:pt x="2104" y="6111"/>
                      </a:lnTo>
                      <a:lnTo>
                        <a:pt x="170" y="6119"/>
                      </a:lnTo>
                      <a:lnTo>
                        <a:pt x="150" y="6197"/>
                      </a:lnTo>
                      <a:lnTo>
                        <a:pt x="137" y="6253"/>
                      </a:lnTo>
                      <a:lnTo>
                        <a:pt x="109" y="6398"/>
                      </a:lnTo>
                      <a:lnTo>
                        <a:pt x="67" y="6658"/>
                      </a:lnTo>
                      <a:lnTo>
                        <a:pt x="21" y="7013"/>
                      </a:lnTo>
                      <a:lnTo>
                        <a:pt x="3" y="7210"/>
                      </a:lnTo>
                      <a:lnTo>
                        <a:pt x="3" y="7284"/>
                      </a:lnTo>
                      <a:lnTo>
                        <a:pt x="7" y="7296"/>
                      </a:lnTo>
                      <a:lnTo>
                        <a:pt x="71" y="7299"/>
                      </a:lnTo>
                      <a:lnTo>
                        <a:pt x="758" y="7304"/>
                      </a:lnTo>
                      <a:lnTo>
                        <a:pt x="2802" y="7308"/>
                      </a:lnTo>
                      <a:lnTo>
                        <a:pt x="4844" y="7307"/>
                      </a:lnTo>
                      <a:lnTo>
                        <a:pt x="7580" y="7304"/>
                      </a:lnTo>
                      <a:lnTo>
                        <a:pt x="9297" y="7295"/>
                      </a:lnTo>
                      <a:lnTo>
                        <a:pt x="9600" y="7288"/>
                      </a:lnTo>
                      <a:lnTo>
                        <a:pt x="9674" y="7281"/>
                      </a:lnTo>
                      <a:lnTo>
                        <a:pt x="9680" y="7277"/>
                      </a:lnTo>
                      <a:lnTo>
                        <a:pt x="9702" y="7232"/>
                      </a:lnTo>
                      <a:lnTo>
                        <a:pt x="9747" y="7136"/>
                      </a:lnTo>
                      <a:lnTo>
                        <a:pt x="9777" y="7072"/>
                      </a:lnTo>
                      <a:lnTo>
                        <a:pt x="9845" y="6952"/>
                      </a:lnTo>
                      <a:lnTo>
                        <a:pt x="9921" y="6839"/>
                      </a:lnTo>
                      <a:lnTo>
                        <a:pt x="10005" y="6734"/>
                      </a:lnTo>
                      <a:lnTo>
                        <a:pt x="10098" y="6636"/>
                      </a:lnTo>
                      <a:lnTo>
                        <a:pt x="10199" y="6547"/>
                      </a:lnTo>
                      <a:lnTo>
                        <a:pt x="10309" y="6466"/>
                      </a:lnTo>
                      <a:lnTo>
                        <a:pt x="10427" y="6394"/>
                      </a:lnTo>
                      <a:lnTo>
                        <a:pt x="10489" y="6361"/>
                      </a:lnTo>
                      <a:lnTo>
                        <a:pt x="10535" y="6337"/>
                      </a:lnTo>
                      <a:lnTo>
                        <a:pt x="10607" y="6303"/>
                      </a:lnTo>
                      <a:lnTo>
                        <a:pt x="10713" y="6266"/>
                      </a:lnTo>
                      <a:lnTo>
                        <a:pt x="10820" y="6237"/>
                      </a:lnTo>
                      <a:lnTo>
                        <a:pt x="10879" y="6223"/>
                      </a:lnTo>
                      <a:lnTo>
                        <a:pt x="10999" y="6201"/>
                      </a:lnTo>
                      <a:lnTo>
                        <a:pt x="11123" y="6188"/>
                      </a:lnTo>
                      <a:lnTo>
                        <a:pt x="11250" y="6185"/>
                      </a:lnTo>
                      <a:lnTo>
                        <a:pt x="11378" y="6192"/>
                      </a:lnTo>
                      <a:lnTo>
                        <a:pt x="11507" y="6207"/>
                      </a:lnTo>
                      <a:lnTo>
                        <a:pt x="11634" y="6232"/>
                      </a:lnTo>
                      <a:lnTo>
                        <a:pt x="11759" y="6265"/>
                      </a:lnTo>
                      <a:lnTo>
                        <a:pt x="11820" y="6286"/>
                      </a:lnTo>
                      <a:lnTo>
                        <a:pt x="11864" y="6302"/>
                      </a:lnTo>
                      <a:lnTo>
                        <a:pt x="11967" y="6348"/>
                      </a:lnTo>
                      <a:lnTo>
                        <a:pt x="12076" y="6402"/>
                      </a:lnTo>
                      <a:lnTo>
                        <a:pt x="12174" y="6458"/>
                      </a:lnTo>
                      <a:lnTo>
                        <a:pt x="12212" y="6482"/>
                      </a:lnTo>
                      <a:lnTo>
                        <a:pt x="12251" y="6510"/>
                      </a:lnTo>
                      <a:lnTo>
                        <a:pt x="12330" y="6575"/>
                      </a:lnTo>
                      <a:lnTo>
                        <a:pt x="12409" y="6649"/>
                      </a:lnTo>
                      <a:lnTo>
                        <a:pt x="12486" y="6730"/>
                      </a:lnTo>
                      <a:lnTo>
                        <a:pt x="12559" y="6816"/>
                      </a:lnTo>
                      <a:lnTo>
                        <a:pt x="12625" y="6903"/>
                      </a:lnTo>
                      <a:lnTo>
                        <a:pt x="12684" y="6992"/>
                      </a:lnTo>
                      <a:lnTo>
                        <a:pt x="12732" y="7078"/>
                      </a:lnTo>
                      <a:lnTo>
                        <a:pt x="12752" y="7119"/>
                      </a:lnTo>
                      <a:lnTo>
                        <a:pt x="12792" y="7211"/>
                      </a:lnTo>
                      <a:lnTo>
                        <a:pt x="12838" y="7339"/>
                      </a:lnTo>
                      <a:lnTo>
                        <a:pt x="12861" y="7422"/>
                      </a:lnTo>
                      <a:lnTo>
                        <a:pt x="12879" y="7507"/>
                      </a:lnTo>
                      <a:lnTo>
                        <a:pt x="12892" y="7595"/>
                      </a:lnTo>
                      <a:lnTo>
                        <a:pt x="12902" y="7737"/>
                      </a:lnTo>
                      <a:lnTo>
                        <a:pt x="12904" y="7844"/>
                      </a:lnTo>
                      <a:lnTo>
                        <a:pt x="12903" y="7914"/>
                      </a:lnTo>
                      <a:lnTo>
                        <a:pt x="12896" y="8046"/>
                      </a:lnTo>
                      <a:lnTo>
                        <a:pt x="12880" y="8169"/>
                      </a:lnTo>
                      <a:lnTo>
                        <a:pt x="12857" y="8286"/>
                      </a:lnTo>
                      <a:lnTo>
                        <a:pt x="12824" y="8398"/>
                      </a:lnTo>
                      <a:lnTo>
                        <a:pt x="12782" y="8507"/>
                      </a:lnTo>
                      <a:lnTo>
                        <a:pt x="12730" y="8615"/>
                      </a:lnTo>
                      <a:lnTo>
                        <a:pt x="12668" y="8723"/>
                      </a:lnTo>
                      <a:lnTo>
                        <a:pt x="12632" y="8777"/>
                      </a:lnTo>
                      <a:lnTo>
                        <a:pt x="12588" y="8841"/>
                      </a:lnTo>
                      <a:lnTo>
                        <a:pt x="12491" y="8960"/>
                      </a:lnTo>
                      <a:lnTo>
                        <a:pt x="12384" y="9067"/>
                      </a:lnTo>
                      <a:lnTo>
                        <a:pt x="12267" y="9164"/>
                      </a:lnTo>
                      <a:lnTo>
                        <a:pt x="12140" y="9250"/>
                      </a:lnTo>
                      <a:lnTo>
                        <a:pt x="12004" y="9324"/>
                      </a:lnTo>
                      <a:lnTo>
                        <a:pt x="11858" y="9387"/>
                      </a:lnTo>
                      <a:lnTo>
                        <a:pt x="11702" y="9439"/>
                      </a:lnTo>
                      <a:lnTo>
                        <a:pt x="11620" y="9461"/>
                      </a:lnTo>
                      <a:lnTo>
                        <a:pt x="11584" y="9469"/>
                      </a:lnTo>
                      <a:lnTo>
                        <a:pt x="11502" y="9482"/>
                      </a:lnTo>
                      <a:lnTo>
                        <a:pt x="11361" y="9495"/>
                      </a:lnTo>
                      <a:lnTo>
                        <a:pt x="11161" y="9498"/>
                      </a:lnTo>
                      <a:lnTo>
                        <a:pt x="11020" y="9489"/>
                      </a:lnTo>
                      <a:lnTo>
                        <a:pt x="10937" y="9478"/>
                      </a:lnTo>
                      <a:lnTo>
                        <a:pt x="10900" y="9471"/>
                      </a:lnTo>
                      <a:lnTo>
                        <a:pt x="10851" y="9460"/>
                      </a:lnTo>
                      <a:lnTo>
                        <a:pt x="10756" y="9433"/>
                      </a:lnTo>
                      <a:lnTo>
                        <a:pt x="10662" y="9402"/>
                      </a:lnTo>
                      <a:lnTo>
                        <a:pt x="10572" y="9365"/>
                      </a:lnTo>
                      <a:lnTo>
                        <a:pt x="10484" y="9324"/>
                      </a:lnTo>
                      <a:lnTo>
                        <a:pt x="10399" y="9277"/>
                      </a:lnTo>
                      <a:lnTo>
                        <a:pt x="10317" y="9226"/>
                      </a:lnTo>
                      <a:lnTo>
                        <a:pt x="10239" y="9170"/>
                      </a:lnTo>
                      <a:lnTo>
                        <a:pt x="10164" y="9110"/>
                      </a:lnTo>
                      <a:lnTo>
                        <a:pt x="10093" y="9046"/>
                      </a:lnTo>
                      <a:lnTo>
                        <a:pt x="10026" y="8978"/>
                      </a:lnTo>
                      <a:lnTo>
                        <a:pt x="9963" y="8906"/>
                      </a:lnTo>
                      <a:lnTo>
                        <a:pt x="9905" y="8830"/>
                      </a:lnTo>
                      <a:lnTo>
                        <a:pt x="9851" y="8750"/>
                      </a:lnTo>
                      <a:lnTo>
                        <a:pt x="9802" y="8667"/>
                      </a:lnTo>
                      <a:lnTo>
                        <a:pt x="9757" y="8580"/>
                      </a:lnTo>
                      <a:lnTo>
                        <a:pt x="9737" y="8536"/>
                      </a:lnTo>
                      <a:lnTo>
                        <a:pt x="9695" y="8440"/>
                      </a:lnTo>
                      <a:lnTo>
                        <a:pt x="9674" y="8397"/>
                      </a:lnTo>
                      <a:lnTo>
                        <a:pt x="9653" y="8395"/>
                      </a:lnTo>
                      <a:lnTo>
                        <a:pt x="9438" y="8390"/>
                      </a:lnTo>
                      <a:lnTo>
                        <a:pt x="8799" y="8385"/>
                      </a:lnTo>
                      <a:lnTo>
                        <a:pt x="6648" y="8377"/>
                      </a:lnTo>
                      <a:lnTo>
                        <a:pt x="3028" y="8376"/>
                      </a:lnTo>
                      <a:lnTo>
                        <a:pt x="877" y="8383"/>
                      </a:lnTo>
                      <a:lnTo>
                        <a:pt x="238" y="8388"/>
                      </a:lnTo>
                      <a:lnTo>
                        <a:pt x="24" y="8393"/>
                      </a:lnTo>
                      <a:lnTo>
                        <a:pt x="4" y="8396"/>
                      </a:lnTo>
                      <a:lnTo>
                        <a:pt x="0" y="8409"/>
                      </a:lnTo>
                      <a:lnTo>
                        <a:pt x="3" y="8487"/>
                      </a:lnTo>
                      <a:lnTo>
                        <a:pt x="23" y="8687"/>
                      </a:lnTo>
                      <a:lnTo>
                        <a:pt x="70" y="9043"/>
                      </a:lnTo>
                      <a:lnTo>
                        <a:pt x="126" y="9378"/>
                      </a:lnTo>
                      <a:lnTo>
                        <a:pt x="150" y="9491"/>
                      </a:lnTo>
                      <a:lnTo>
                        <a:pt x="170" y="9569"/>
                      </a:lnTo>
                      <a:lnTo>
                        <a:pt x="2104" y="9577"/>
                      </a:lnTo>
                      <a:lnTo>
                        <a:pt x="4037" y="9586"/>
                      </a:lnTo>
                      <a:lnTo>
                        <a:pt x="4120" y="9626"/>
                      </a:lnTo>
                      <a:lnTo>
                        <a:pt x="4147" y="9640"/>
                      </a:lnTo>
                      <a:lnTo>
                        <a:pt x="4234" y="9710"/>
                      </a:lnTo>
                      <a:lnTo>
                        <a:pt x="4376" y="9842"/>
                      </a:lnTo>
                      <a:lnTo>
                        <a:pt x="4588" y="10049"/>
                      </a:lnTo>
                      <a:lnTo>
                        <a:pt x="4729" y="10189"/>
                      </a:lnTo>
                      <a:lnTo>
                        <a:pt x="5255" y="10711"/>
                      </a:lnTo>
                      <a:lnTo>
                        <a:pt x="5762" y="10707"/>
                      </a:lnTo>
                      <a:lnTo>
                        <a:pt x="6269" y="10702"/>
                      </a:lnTo>
                      <a:lnTo>
                        <a:pt x="6290" y="10661"/>
                      </a:lnTo>
                      <a:lnTo>
                        <a:pt x="6320" y="10600"/>
                      </a:lnTo>
                      <a:lnTo>
                        <a:pt x="6372" y="10494"/>
                      </a:lnTo>
                      <a:lnTo>
                        <a:pt x="6394" y="10450"/>
                      </a:lnTo>
                      <a:lnTo>
                        <a:pt x="6441" y="10365"/>
                      </a:lnTo>
                      <a:lnTo>
                        <a:pt x="6492" y="10285"/>
                      </a:lnTo>
                      <a:lnTo>
                        <a:pt x="6547" y="10208"/>
                      </a:lnTo>
                      <a:lnTo>
                        <a:pt x="6606" y="10135"/>
                      </a:lnTo>
                      <a:lnTo>
                        <a:pt x="6668" y="10067"/>
                      </a:lnTo>
                      <a:lnTo>
                        <a:pt x="6734" y="10003"/>
                      </a:lnTo>
                      <a:lnTo>
                        <a:pt x="6803" y="9943"/>
                      </a:lnTo>
                      <a:lnTo>
                        <a:pt x="6876" y="9887"/>
                      </a:lnTo>
                      <a:lnTo>
                        <a:pt x="6952" y="9836"/>
                      </a:lnTo>
                      <a:lnTo>
                        <a:pt x="7032" y="9789"/>
                      </a:lnTo>
                      <a:lnTo>
                        <a:pt x="7115" y="9746"/>
                      </a:lnTo>
                      <a:lnTo>
                        <a:pt x="7201" y="9708"/>
                      </a:lnTo>
                      <a:lnTo>
                        <a:pt x="7291" y="9674"/>
                      </a:lnTo>
                      <a:lnTo>
                        <a:pt x="7383" y="9644"/>
                      </a:lnTo>
                      <a:lnTo>
                        <a:pt x="7479" y="9620"/>
                      </a:lnTo>
                      <a:lnTo>
                        <a:pt x="7529" y="9609"/>
                      </a:lnTo>
                      <a:lnTo>
                        <a:pt x="7563" y="9602"/>
                      </a:lnTo>
                      <a:lnTo>
                        <a:pt x="7643" y="9593"/>
                      </a:lnTo>
                      <a:lnTo>
                        <a:pt x="7782" y="9586"/>
                      </a:lnTo>
                      <a:lnTo>
                        <a:pt x="7981" y="9591"/>
                      </a:lnTo>
                      <a:lnTo>
                        <a:pt x="8120" y="9606"/>
                      </a:lnTo>
                      <a:lnTo>
                        <a:pt x="8202" y="9619"/>
                      </a:lnTo>
                      <a:lnTo>
                        <a:pt x="8237" y="9627"/>
                      </a:lnTo>
                      <a:lnTo>
                        <a:pt x="8290" y="9641"/>
                      </a:lnTo>
                      <a:lnTo>
                        <a:pt x="8392" y="9673"/>
                      </a:lnTo>
                      <a:lnTo>
                        <a:pt x="8490" y="9709"/>
                      </a:lnTo>
                      <a:lnTo>
                        <a:pt x="8585" y="9750"/>
                      </a:lnTo>
                      <a:lnTo>
                        <a:pt x="8676" y="9796"/>
                      </a:lnTo>
                      <a:lnTo>
                        <a:pt x="8763" y="9847"/>
                      </a:lnTo>
                      <a:lnTo>
                        <a:pt x="8845" y="9902"/>
                      </a:lnTo>
                      <a:lnTo>
                        <a:pt x="8924" y="9962"/>
                      </a:lnTo>
                      <a:lnTo>
                        <a:pt x="8998" y="10027"/>
                      </a:lnTo>
                      <a:lnTo>
                        <a:pt x="9068" y="10096"/>
                      </a:lnTo>
                      <a:lnTo>
                        <a:pt x="9134" y="10169"/>
                      </a:lnTo>
                      <a:lnTo>
                        <a:pt x="9195" y="10247"/>
                      </a:lnTo>
                      <a:lnTo>
                        <a:pt x="9251" y="10328"/>
                      </a:lnTo>
                      <a:lnTo>
                        <a:pt x="9303" y="10414"/>
                      </a:lnTo>
                      <a:lnTo>
                        <a:pt x="9350" y="10504"/>
                      </a:lnTo>
                      <a:lnTo>
                        <a:pt x="9393" y="10599"/>
                      </a:lnTo>
                      <a:lnTo>
                        <a:pt x="9412" y="10647"/>
                      </a:lnTo>
                      <a:lnTo>
                        <a:pt x="9428" y="10693"/>
                      </a:lnTo>
                      <a:lnTo>
                        <a:pt x="9457" y="10791"/>
                      </a:lnTo>
                      <a:lnTo>
                        <a:pt x="9482" y="10899"/>
                      </a:lnTo>
                      <a:lnTo>
                        <a:pt x="9502" y="11021"/>
                      </a:lnTo>
                      <a:lnTo>
                        <a:pt x="9510" y="11089"/>
                      </a:lnTo>
                      <a:lnTo>
                        <a:pt x="9517" y="11155"/>
                      </a:lnTo>
                      <a:lnTo>
                        <a:pt x="9519" y="11290"/>
                      </a:lnTo>
                      <a:lnTo>
                        <a:pt x="9509" y="11429"/>
                      </a:lnTo>
                      <a:lnTo>
                        <a:pt x="9487" y="11569"/>
                      </a:lnTo>
                      <a:lnTo>
                        <a:pt x="9452" y="11707"/>
                      </a:lnTo>
                      <a:lnTo>
                        <a:pt x="9407" y="11843"/>
                      </a:lnTo>
                      <a:lnTo>
                        <a:pt x="9351" y="11974"/>
                      </a:lnTo>
                      <a:lnTo>
                        <a:pt x="9284" y="12099"/>
                      </a:lnTo>
                      <a:lnTo>
                        <a:pt x="9247" y="12157"/>
                      </a:lnTo>
                      <a:lnTo>
                        <a:pt x="9217" y="12201"/>
                      </a:lnTo>
                      <a:lnTo>
                        <a:pt x="9154" y="12284"/>
                      </a:lnTo>
                      <a:lnTo>
                        <a:pt x="9087" y="12362"/>
                      </a:lnTo>
                      <a:lnTo>
                        <a:pt x="9015" y="12435"/>
                      </a:lnTo>
                      <a:lnTo>
                        <a:pt x="8940" y="12504"/>
                      </a:lnTo>
                      <a:lnTo>
                        <a:pt x="8860" y="12567"/>
                      </a:lnTo>
                      <a:lnTo>
                        <a:pt x="8777" y="12625"/>
                      </a:lnTo>
                      <a:lnTo>
                        <a:pt x="8690" y="12677"/>
                      </a:lnTo>
                      <a:lnTo>
                        <a:pt x="8600" y="12724"/>
                      </a:lnTo>
                      <a:lnTo>
                        <a:pt x="8507" y="12766"/>
                      </a:lnTo>
                      <a:lnTo>
                        <a:pt x="8410" y="12802"/>
                      </a:lnTo>
                      <a:lnTo>
                        <a:pt x="8312" y="12832"/>
                      </a:lnTo>
                      <a:lnTo>
                        <a:pt x="8210" y="12856"/>
                      </a:lnTo>
                      <a:lnTo>
                        <a:pt x="8106" y="12875"/>
                      </a:lnTo>
                      <a:lnTo>
                        <a:pt x="8000" y="12887"/>
                      </a:lnTo>
                      <a:lnTo>
                        <a:pt x="7892" y="12893"/>
                      </a:lnTo>
                      <a:lnTo>
                        <a:pt x="7837" y="12894"/>
                      </a:lnTo>
                      <a:lnTo>
                        <a:pt x="7776" y="12893"/>
                      </a:lnTo>
                      <a:lnTo>
                        <a:pt x="7657" y="12886"/>
                      </a:lnTo>
                      <a:lnTo>
                        <a:pt x="7541" y="12870"/>
                      </a:lnTo>
                      <a:lnTo>
                        <a:pt x="7428" y="12847"/>
                      </a:lnTo>
                      <a:lnTo>
                        <a:pt x="7318" y="12816"/>
                      </a:lnTo>
                      <a:lnTo>
                        <a:pt x="7212" y="12779"/>
                      </a:lnTo>
                      <a:lnTo>
                        <a:pt x="7110" y="12734"/>
                      </a:lnTo>
                      <a:lnTo>
                        <a:pt x="7011" y="12682"/>
                      </a:lnTo>
                      <a:lnTo>
                        <a:pt x="6917" y="12623"/>
                      </a:lnTo>
                      <a:lnTo>
                        <a:pt x="6827" y="12557"/>
                      </a:lnTo>
                      <a:lnTo>
                        <a:pt x="6742" y="12485"/>
                      </a:lnTo>
                      <a:lnTo>
                        <a:pt x="6662" y="12406"/>
                      </a:lnTo>
                      <a:lnTo>
                        <a:pt x="6586" y="12321"/>
                      </a:lnTo>
                      <a:lnTo>
                        <a:pt x="6516" y="12229"/>
                      </a:lnTo>
                      <a:lnTo>
                        <a:pt x="6451" y="12132"/>
                      </a:lnTo>
                      <a:lnTo>
                        <a:pt x="6392" y="12028"/>
                      </a:lnTo>
                      <a:lnTo>
                        <a:pt x="6365" y="11974"/>
                      </a:lnTo>
                      <a:lnTo>
                        <a:pt x="6270" y="11779"/>
                      </a:lnTo>
                      <a:lnTo>
                        <a:pt x="5614" y="11777"/>
                      </a:lnTo>
                      <a:lnTo>
                        <a:pt x="5302" y="11777"/>
                      </a:lnTo>
                      <a:lnTo>
                        <a:pt x="5017" y="11770"/>
                      </a:lnTo>
                      <a:lnTo>
                        <a:pt x="4912" y="11762"/>
                      </a:lnTo>
                      <a:lnTo>
                        <a:pt x="4889" y="11757"/>
                      </a:lnTo>
                      <a:lnTo>
                        <a:pt x="4865" y="11750"/>
                      </a:lnTo>
                      <a:lnTo>
                        <a:pt x="4817" y="11729"/>
                      </a:lnTo>
                      <a:lnTo>
                        <a:pt x="4764" y="11697"/>
                      </a:lnTo>
                      <a:lnTo>
                        <a:pt x="4700" y="11650"/>
                      </a:lnTo>
                      <a:lnTo>
                        <a:pt x="4579" y="11544"/>
                      </a:lnTo>
                      <a:lnTo>
                        <a:pt x="4335" y="11309"/>
                      </a:lnTo>
                      <a:lnTo>
                        <a:pt x="4162" y="11136"/>
                      </a:lnTo>
                      <a:lnTo>
                        <a:pt x="3670" y="10644"/>
                      </a:lnTo>
                      <a:lnTo>
                        <a:pt x="2084" y="10644"/>
                      </a:lnTo>
                      <a:lnTo>
                        <a:pt x="1199" y="10644"/>
                      </a:lnTo>
                      <a:lnTo>
                        <a:pt x="627" y="10651"/>
                      </a:lnTo>
                      <a:lnTo>
                        <a:pt x="523" y="10658"/>
                      </a:lnTo>
                      <a:lnTo>
                        <a:pt x="497" y="10664"/>
                      </a:lnTo>
                      <a:lnTo>
                        <a:pt x="495" y="10667"/>
                      </a:lnTo>
                      <a:lnTo>
                        <a:pt x="496" y="10678"/>
                      </a:lnTo>
                      <a:lnTo>
                        <a:pt x="506" y="10697"/>
                      </a:lnTo>
                      <a:lnTo>
                        <a:pt x="512" y="10702"/>
                      </a:lnTo>
                      <a:lnTo>
                        <a:pt x="518" y="10708"/>
                      </a:lnTo>
                      <a:lnTo>
                        <a:pt x="528" y="10726"/>
                      </a:lnTo>
                      <a:lnTo>
                        <a:pt x="529" y="10736"/>
                      </a:lnTo>
                      <a:lnTo>
                        <a:pt x="531" y="10750"/>
                      </a:lnTo>
                      <a:lnTo>
                        <a:pt x="553" y="10811"/>
                      </a:lnTo>
                      <a:lnTo>
                        <a:pt x="569" y="10847"/>
                      </a:lnTo>
                      <a:lnTo>
                        <a:pt x="611" y="10944"/>
                      </a:lnTo>
                      <a:lnTo>
                        <a:pt x="662" y="11061"/>
                      </a:lnTo>
                      <a:lnTo>
                        <a:pt x="691" y="11126"/>
                      </a:lnTo>
                      <a:lnTo>
                        <a:pt x="759" y="11270"/>
                      </a:lnTo>
                      <a:lnTo>
                        <a:pt x="878" y="11503"/>
                      </a:lnTo>
                      <a:lnTo>
                        <a:pt x="1061" y="11830"/>
                      </a:lnTo>
                      <a:lnTo>
                        <a:pt x="1251" y="12141"/>
                      </a:lnTo>
                      <a:lnTo>
                        <a:pt x="1342" y="12277"/>
                      </a:lnTo>
                      <a:lnTo>
                        <a:pt x="1450" y="12433"/>
                      </a:lnTo>
                      <a:lnTo>
                        <a:pt x="1657" y="12710"/>
                      </a:lnTo>
                      <a:lnTo>
                        <a:pt x="1874" y="12970"/>
                      </a:lnTo>
                      <a:lnTo>
                        <a:pt x="2125" y="13243"/>
                      </a:lnTo>
                      <a:lnTo>
                        <a:pt x="2274" y="13396"/>
                      </a:lnTo>
                      <a:lnTo>
                        <a:pt x="2595" y="13721"/>
                      </a:lnTo>
                      <a:lnTo>
                        <a:pt x="2137" y="15551"/>
                      </a:lnTo>
                      <a:lnTo>
                        <a:pt x="1903" y="16490"/>
                      </a:lnTo>
                      <a:lnTo>
                        <a:pt x="1728" y="17221"/>
                      </a:lnTo>
                      <a:lnTo>
                        <a:pt x="1690" y="17401"/>
                      </a:lnTo>
                      <a:lnTo>
                        <a:pt x="1679" y="17468"/>
                      </a:lnTo>
                      <a:lnTo>
                        <a:pt x="1679" y="17486"/>
                      </a:lnTo>
                      <a:lnTo>
                        <a:pt x="1679" y="17515"/>
                      </a:lnTo>
                      <a:lnTo>
                        <a:pt x="1684" y="17565"/>
                      </a:lnTo>
                      <a:lnTo>
                        <a:pt x="1695" y="17611"/>
                      </a:lnTo>
                      <a:lnTo>
                        <a:pt x="1715" y="17661"/>
                      </a:lnTo>
                      <a:lnTo>
                        <a:pt x="1729" y="17691"/>
                      </a:lnTo>
                      <a:lnTo>
                        <a:pt x="1752" y="17735"/>
                      </a:lnTo>
                      <a:lnTo>
                        <a:pt x="1806" y="17809"/>
                      </a:lnTo>
                      <a:lnTo>
                        <a:pt x="1873" y="17871"/>
                      </a:lnTo>
                      <a:lnTo>
                        <a:pt x="1956" y="17923"/>
                      </a:lnTo>
                      <a:lnTo>
                        <a:pt x="2007" y="17947"/>
                      </a:lnTo>
                      <a:lnTo>
                        <a:pt x="2112" y="17994"/>
                      </a:lnTo>
                      <a:lnTo>
                        <a:pt x="5864" y="17994"/>
                      </a:lnTo>
                      <a:lnTo>
                        <a:pt x="9617" y="17994"/>
                      </a:lnTo>
                      <a:lnTo>
                        <a:pt x="9715" y="17959"/>
                      </a:lnTo>
                      <a:lnTo>
                        <a:pt x="9756" y="17942"/>
                      </a:lnTo>
                      <a:lnTo>
                        <a:pt x="9837" y="17895"/>
                      </a:lnTo>
                      <a:lnTo>
                        <a:pt x="9912" y="17834"/>
                      </a:lnTo>
                      <a:lnTo>
                        <a:pt x="9975" y="17766"/>
                      </a:lnTo>
                      <a:lnTo>
                        <a:pt x="9999" y="17731"/>
                      </a:lnTo>
                      <a:lnTo>
                        <a:pt x="10010" y="17706"/>
                      </a:lnTo>
                      <a:lnTo>
                        <a:pt x="10053" y="17567"/>
                      </a:lnTo>
                      <a:lnTo>
                        <a:pt x="10161" y="17167"/>
                      </a:lnTo>
                      <a:lnTo>
                        <a:pt x="10270" y="16736"/>
                      </a:lnTo>
                      <a:lnTo>
                        <a:pt x="10505" y="15802"/>
                      </a:lnTo>
                      <a:lnTo>
                        <a:pt x="10604" y="15806"/>
                      </a:lnTo>
                      <a:lnTo>
                        <a:pt x="10651" y="15808"/>
                      </a:lnTo>
                      <a:lnTo>
                        <a:pt x="10773" y="15820"/>
                      </a:lnTo>
                      <a:lnTo>
                        <a:pt x="10829" y="15827"/>
                      </a:lnTo>
                      <a:lnTo>
                        <a:pt x="11190" y="15881"/>
                      </a:lnTo>
                      <a:lnTo>
                        <a:pt x="11704" y="15954"/>
                      </a:lnTo>
                      <a:lnTo>
                        <a:pt x="12013" y="15997"/>
                      </a:lnTo>
                      <a:lnTo>
                        <a:pt x="12345" y="16044"/>
                      </a:lnTo>
                      <a:lnTo>
                        <a:pt x="12639" y="16087"/>
                      </a:lnTo>
                      <a:lnTo>
                        <a:pt x="12812" y="16111"/>
                      </a:lnTo>
                      <a:lnTo>
                        <a:pt x="12931" y="16128"/>
                      </a:lnTo>
                      <a:lnTo>
                        <a:pt x="13037" y="16144"/>
                      </a:lnTo>
                      <a:lnTo>
                        <a:pt x="13130" y="16157"/>
                      </a:lnTo>
                      <a:lnTo>
                        <a:pt x="13204" y="16169"/>
                      </a:lnTo>
                      <a:lnTo>
                        <a:pt x="13335" y="16187"/>
                      </a:lnTo>
                      <a:lnTo>
                        <a:pt x="13620" y="16229"/>
                      </a:lnTo>
                      <a:lnTo>
                        <a:pt x="13766" y="16250"/>
                      </a:lnTo>
                      <a:lnTo>
                        <a:pt x="14011" y="16278"/>
                      </a:lnTo>
                      <a:lnTo>
                        <a:pt x="14072" y="16281"/>
                      </a:lnTo>
                      <a:lnTo>
                        <a:pt x="14109" y="16280"/>
                      </a:lnTo>
                      <a:lnTo>
                        <a:pt x="14182" y="16271"/>
                      </a:lnTo>
                      <a:lnTo>
                        <a:pt x="14253" y="16251"/>
                      </a:lnTo>
                      <a:lnTo>
                        <a:pt x="14320" y="16223"/>
                      </a:lnTo>
                      <a:lnTo>
                        <a:pt x="14383" y="16186"/>
                      </a:lnTo>
                      <a:lnTo>
                        <a:pt x="14439" y="16141"/>
                      </a:lnTo>
                      <a:lnTo>
                        <a:pt x="14487" y="16090"/>
                      </a:lnTo>
                      <a:lnTo>
                        <a:pt x="14526" y="16032"/>
                      </a:lnTo>
                      <a:lnTo>
                        <a:pt x="14542" y="16001"/>
                      </a:lnTo>
                      <a:lnTo>
                        <a:pt x="14557" y="15954"/>
                      </a:lnTo>
                      <a:lnTo>
                        <a:pt x="14653" y="15595"/>
                      </a:lnTo>
                      <a:lnTo>
                        <a:pt x="14901" y="14626"/>
                      </a:lnTo>
                      <a:lnTo>
                        <a:pt x="15120" y="13756"/>
                      </a:lnTo>
                      <a:lnTo>
                        <a:pt x="15337" y="12888"/>
                      </a:lnTo>
                      <a:lnTo>
                        <a:pt x="15580" y="11939"/>
                      </a:lnTo>
                      <a:lnTo>
                        <a:pt x="15670" y="11600"/>
                      </a:lnTo>
                      <a:lnTo>
                        <a:pt x="15682" y="11564"/>
                      </a:lnTo>
                      <a:lnTo>
                        <a:pt x="15734" y="11525"/>
                      </a:lnTo>
                      <a:lnTo>
                        <a:pt x="16162" y="11234"/>
                      </a:lnTo>
                      <a:lnTo>
                        <a:pt x="16470" y="11027"/>
                      </a:lnTo>
                      <a:lnTo>
                        <a:pt x="16789" y="10814"/>
                      </a:lnTo>
                      <a:lnTo>
                        <a:pt x="17140" y="10570"/>
                      </a:lnTo>
                      <a:lnTo>
                        <a:pt x="17274" y="10470"/>
                      </a:lnTo>
                      <a:lnTo>
                        <a:pt x="17297" y="10449"/>
                      </a:lnTo>
                      <a:lnTo>
                        <a:pt x="17325" y="10416"/>
                      </a:lnTo>
                      <a:lnTo>
                        <a:pt x="17369" y="10344"/>
                      </a:lnTo>
                      <a:lnTo>
                        <a:pt x="17401" y="10265"/>
                      </a:lnTo>
                      <a:lnTo>
                        <a:pt x="17420" y="10182"/>
                      </a:lnTo>
                      <a:lnTo>
                        <a:pt x="17426" y="10097"/>
                      </a:lnTo>
                      <a:lnTo>
                        <a:pt x="17419" y="10013"/>
                      </a:lnTo>
                      <a:lnTo>
                        <a:pt x="17398" y="9932"/>
                      </a:lnTo>
                      <a:lnTo>
                        <a:pt x="17363" y="9856"/>
                      </a:lnTo>
                      <a:lnTo>
                        <a:pt x="17340" y="9821"/>
                      </a:lnTo>
                      <a:lnTo>
                        <a:pt x="17135" y="9544"/>
                      </a:lnTo>
                      <a:lnTo>
                        <a:pt x="16519" y="8719"/>
                      </a:lnTo>
                      <a:lnTo>
                        <a:pt x="15732" y="7669"/>
                      </a:lnTo>
                      <a:lnTo>
                        <a:pt x="15722" y="7511"/>
                      </a:lnTo>
                      <a:lnTo>
                        <a:pt x="15705" y="7285"/>
                      </a:lnTo>
                      <a:lnTo>
                        <a:pt x="15662" y="6864"/>
                      </a:lnTo>
                      <a:lnTo>
                        <a:pt x="15602" y="6463"/>
                      </a:lnTo>
                      <a:lnTo>
                        <a:pt x="15525" y="6065"/>
                      </a:lnTo>
                      <a:lnTo>
                        <a:pt x="15477" y="5861"/>
                      </a:lnTo>
                      <a:lnTo>
                        <a:pt x="15457" y="5781"/>
                      </a:lnTo>
                      <a:lnTo>
                        <a:pt x="15391" y="5552"/>
                      </a:lnTo>
                      <a:lnTo>
                        <a:pt x="15315" y="5303"/>
                      </a:lnTo>
                      <a:lnTo>
                        <a:pt x="15250" y="5105"/>
                      </a:lnTo>
                      <a:lnTo>
                        <a:pt x="15230" y="5052"/>
                      </a:lnTo>
                      <a:lnTo>
                        <a:pt x="15201" y="4982"/>
                      </a:lnTo>
                      <a:lnTo>
                        <a:pt x="15137" y="4819"/>
                      </a:lnTo>
                      <a:lnTo>
                        <a:pt x="15084" y="4688"/>
                      </a:lnTo>
                      <a:lnTo>
                        <a:pt x="14969" y="4429"/>
                      </a:lnTo>
                      <a:lnTo>
                        <a:pt x="14844" y="4174"/>
                      </a:lnTo>
                      <a:lnTo>
                        <a:pt x="14709" y="3924"/>
                      </a:lnTo>
                      <a:lnTo>
                        <a:pt x="14564" y="3679"/>
                      </a:lnTo>
                      <a:lnTo>
                        <a:pt x="14410" y="3440"/>
                      </a:lnTo>
                      <a:lnTo>
                        <a:pt x="14246" y="3206"/>
                      </a:lnTo>
                      <a:lnTo>
                        <a:pt x="14074" y="2979"/>
                      </a:lnTo>
                      <a:lnTo>
                        <a:pt x="13892" y="2757"/>
                      </a:lnTo>
                      <a:lnTo>
                        <a:pt x="13702" y="2543"/>
                      </a:lnTo>
                      <a:lnTo>
                        <a:pt x="13504" y="2335"/>
                      </a:lnTo>
                      <a:lnTo>
                        <a:pt x="13298" y="2135"/>
                      </a:lnTo>
                      <a:lnTo>
                        <a:pt x="13085" y="1943"/>
                      </a:lnTo>
                      <a:lnTo>
                        <a:pt x="12864" y="1759"/>
                      </a:lnTo>
                      <a:lnTo>
                        <a:pt x="12636" y="1583"/>
                      </a:lnTo>
                      <a:lnTo>
                        <a:pt x="12401" y="1415"/>
                      </a:lnTo>
                      <a:lnTo>
                        <a:pt x="12280" y="1336"/>
                      </a:lnTo>
                      <a:lnTo>
                        <a:pt x="12130" y="1240"/>
                      </a:lnTo>
                      <a:lnTo>
                        <a:pt x="11803" y="1046"/>
                      </a:lnTo>
                      <a:lnTo>
                        <a:pt x="11474" y="868"/>
                      </a:lnTo>
                      <a:lnTo>
                        <a:pt x="11249" y="758"/>
                      </a:lnTo>
                      <a:lnTo>
                        <a:pt x="11116" y="699"/>
                      </a:lnTo>
                      <a:lnTo>
                        <a:pt x="11057" y="676"/>
                      </a:lnTo>
                      <a:lnTo>
                        <a:pt x="10980" y="645"/>
                      </a:lnTo>
                      <a:lnTo>
                        <a:pt x="10920" y="619"/>
                      </a:lnTo>
                      <a:lnTo>
                        <a:pt x="10844" y="587"/>
                      </a:lnTo>
                      <a:lnTo>
                        <a:pt x="10628" y="506"/>
                      </a:lnTo>
                      <a:lnTo>
                        <a:pt x="10384" y="421"/>
                      </a:lnTo>
                      <a:lnTo>
                        <a:pt x="10162" y="349"/>
                      </a:lnTo>
                      <a:lnTo>
                        <a:pt x="10079" y="326"/>
                      </a:lnTo>
                      <a:lnTo>
                        <a:pt x="9932" y="286"/>
                      </a:lnTo>
                      <a:lnTo>
                        <a:pt x="9703" y="227"/>
                      </a:lnTo>
                      <a:lnTo>
                        <a:pt x="9637" y="212"/>
                      </a:lnTo>
                      <a:lnTo>
                        <a:pt x="9478" y="179"/>
                      </a:lnTo>
                      <a:lnTo>
                        <a:pt x="9197" y="126"/>
                      </a:lnTo>
                      <a:lnTo>
                        <a:pt x="9020" y="96"/>
                      </a:lnTo>
                      <a:lnTo>
                        <a:pt x="8922" y="81"/>
                      </a:lnTo>
                      <a:lnTo>
                        <a:pt x="8554" y="38"/>
                      </a:lnTo>
                      <a:lnTo>
                        <a:pt x="8362" y="17"/>
                      </a:lnTo>
                      <a:lnTo>
                        <a:pt x="8279" y="11"/>
                      </a:lnTo>
                      <a:lnTo>
                        <a:pt x="7976" y="3"/>
                      </a:lnTo>
                      <a:lnTo>
                        <a:pt x="7630" y="0"/>
                      </a:lnTo>
                      <a:lnTo>
                        <a:pt x="7376" y="4"/>
                      </a:lnTo>
                      <a:lnTo>
                        <a:pt x="7337" y="9"/>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389" name="Freeform 6"/>
                <p:cNvSpPr>
                  <a:spLocks/>
                </p:cNvSpPr>
                <p:nvPr/>
              </p:nvSpPr>
              <p:spPr bwMode="auto">
                <a:xfrm>
                  <a:off x="3493" y="928"/>
                  <a:ext cx="281" cy="283"/>
                </a:xfrm>
                <a:custGeom>
                  <a:avLst/>
                  <a:gdLst>
                    <a:gd name="T0" fmla="*/ 355 w 1170"/>
                    <a:gd name="T1" fmla="*/ 42 h 1180"/>
                    <a:gd name="T2" fmla="*/ 326 w 1170"/>
                    <a:gd name="T3" fmla="*/ 55 h 1180"/>
                    <a:gd name="T4" fmla="*/ 272 w 1170"/>
                    <a:gd name="T5" fmla="*/ 84 h 1180"/>
                    <a:gd name="T6" fmla="*/ 223 w 1170"/>
                    <a:gd name="T7" fmla="*/ 118 h 1180"/>
                    <a:gd name="T8" fmla="*/ 178 w 1170"/>
                    <a:gd name="T9" fmla="*/ 158 h 1180"/>
                    <a:gd name="T10" fmla="*/ 138 w 1170"/>
                    <a:gd name="T11" fmla="*/ 201 h 1180"/>
                    <a:gd name="T12" fmla="*/ 102 w 1170"/>
                    <a:gd name="T13" fmla="*/ 248 h 1180"/>
                    <a:gd name="T14" fmla="*/ 72 w 1170"/>
                    <a:gd name="T15" fmla="*/ 298 h 1180"/>
                    <a:gd name="T16" fmla="*/ 46 w 1170"/>
                    <a:gd name="T17" fmla="*/ 352 h 1180"/>
                    <a:gd name="T18" fmla="*/ 27 w 1170"/>
                    <a:gd name="T19" fmla="*/ 408 h 1180"/>
                    <a:gd name="T20" fmla="*/ 12 w 1170"/>
                    <a:gd name="T21" fmla="*/ 466 h 1180"/>
                    <a:gd name="T22" fmla="*/ 3 w 1170"/>
                    <a:gd name="T23" fmla="*/ 525 h 1180"/>
                    <a:gd name="T24" fmla="*/ 0 w 1170"/>
                    <a:gd name="T25" fmla="*/ 586 h 1180"/>
                    <a:gd name="T26" fmla="*/ 3 w 1170"/>
                    <a:gd name="T27" fmla="*/ 647 h 1180"/>
                    <a:gd name="T28" fmla="*/ 12 w 1170"/>
                    <a:gd name="T29" fmla="*/ 709 h 1180"/>
                    <a:gd name="T30" fmla="*/ 28 w 1170"/>
                    <a:gd name="T31" fmla="*/ 770 h 1180"/>
                    <a:gd name="T32" fmla="*/ 50 w 1170"/>
                    <a:gd name="T33" fmla="*/ 831 h 1180"/>
                    <a:gd name="T34" fmla="*/ 63 w 1170"/>
                    <a:gd name="T35" fmla="*/ 861 h 1180"/>
                    <a:gd name="T36" fmla="*/ 83 w 1170"/>
                    <a:gd name="T37" fmla="*/ 900 h 1180"/>
                    <a:gd name="T38" fmla="*/ 130 w 1170"/>
                    <a:gd name="T39" fmla="*/ 969 h 1180"/>
                    <a:gd name="T40" fmla="*/ 185 w 1170"/>
                    <a:gd name="T41" fmla="*/ 1029 h 1180"/>
                    <a:gd name="T42" fmla="*/ 247 w 1170"/>
                    <a:gd name="T43" fmla="*/ 1079 h 1180"/>
                    <a:gd name="T44" fmla="*/ 314 w 1170"/>
                    <a:gd name="T45" fmla="*/ 1119 h 1180"/>
                    <a:gd name="T46" fmla="*/ 386 w 1170"/>
                    <a:gd name="T47" fmla="*/ 1149 h 1180"/>
                    <a:gd name="T48" fmla="*/ 461 w 1170"/>
                    <a:gd name="T49" fmla="*/ 1169 h 1180"/>
                    <a:gd name="T50" fmla="*/ 539 w 1170"/>
                    <a:gd name="T51" fmla="*/ 1180 h 1180"/>
                    <a:gd name="T52" fmla="*/ 617 w 1170"/>
                    <a:gd name="T53" fmla="*/ 1180 h 1180"/>
                    <a:gd name="T54" fmla="*/ 695 w 1170"/>
                    <a:gd name="T55" fmla="*/ 1170 h 1180"/>
                    <a:gd name="T56" fmla="*/ 771 w 1170"/>
                    <a:gd name="T57" fmla="*/ 1150 h 1180"/>
                    <a:gd name="T58" fmla="*/ 845 w 1170"/>
                    <a:gd name="T59" fmla="*/ 1121 h 1180"/>
                    <a:gd name="T60" fmla="*/ 915 w 1170"/>
                    <a:gd name="T61" fmla="*/ 1081 h 1180"/>
                    <a:gd name="T62" fmla="*/ 980 w 1170"/>
                    <a:gd name="T63" fmla="*/ 1032 h 1180"/>
                    <a:gd name="T64" fmla="*/ 1039 w 1170"/>
                    <a:gd name="T65" fmla="*/ 972 h 1180"/>
                    <a:gd name="T66" fmla="*/ 1091 w 1170"/>
                    <a:gd name="T67" fmla="*/ 903 h 1180"/>
                    <a:gd name="T68" fmla="*/ 1113 w 1170"/>
                    <a:gd name="T69" fmla="*/ 864 h 1180"/>
                    <a:gd name="T70" fmla="*/ 1132 w 1170"/>
                    <a:gd name="T71" fmla="*/ 829 h 1180"/>
                    <a:gd name="T72" fmla="*/ 1155 w 1170"/>
                    <a:gd name="T73" fmla="*/ 776 h 1180"/>
                    <a:gd name="T74" fmla="*/ 1166 w 1170"/>
                    <a:gd name="T75" fmla="*/ 722 h 1180"/>
                    <a:gd name="T76" fmla="*/ 1170 w 1170"/>
                    <a:gd name="T77" fmla="*/ 647 h 1180"/>
                    <a:gd name="T78" fmla="*/ 1170 w 1170"/>
                    <a:gd name="T79" fmla="*/ 592 h 1180"/>
                    <a:gd name="T80" fmla="*/ 1170 w 1170"/>
                    <a:gd name="T81" fmla="*/ 540 h 1180"/>
                    <a:gd name="T82" fmla="*/ 1166 w 1170"/>
                    <a:gd name="T83" fmla="*/ 465 h 1180"/>
                    <a:gd name="T84" fmla="*/ 1156 w 1170"/>
                    <a:gd name="T85" fmla="*/ 411 h 1180"/>
                    <a:gd name="T86" fmla="*/ 1136 w 1170"/>
                    <a:gd name="T87" fmla="*/ 360 h 1180"/>
                    <a:gd name="T88" fmla="*/ 1120 w 1170"/>
                    <a:gd name="T89" fmla="*/ 329 h 1180"/>
                    <a:gd name="T90" fmla="*/ 1108 w 1170"/>
                    <a:gd name="T91" fmla="*/ 306 h 1180"/>
                    <a:gd name="T92" fmla="*/ 1078 w 1170"/>
                    <a:gd name="T93" fmla="*/ 259 h 1180"/>
                    <a:gd name="T94" fmla="*/ 1044 w 1170"/>
                    <a:gd name="T95" fmla="*/ 215 h 1180"/>
                    <a:gd name="T96" fmla="*/ 1004 w 1170"/>
                    <a:gd name="T97" fmla="*/ 172 h 1180"/>
                    <a:gd name="T98" fmla="*/ 962 w 1170"/>
                    <a:gd name="T99" fmla="*/ 133 h 1180"/>
                    <a:gd name="T100" fmla="*/ 918 w 1170"/>
                    <a:gd name="T101" fmla="*/ 98 h 1180"/>
                    <a:gd name="T102" fmla="*/ 872 w 1170"/>
                    <a:gd name="T103" fmla="*/ 68 h 1180"/>
                    <a:gd name="T104" fmla="*/ 826 w 1170"/>
                    <a:gd name="T105" fmla="*/ 45 h 1180"/>
                    <a:gd name="T106" fmla="*/ 803 w 1170"/>
                    <a:gd name="T107" fmla="*/ 36 h 1180"/>
                    <a:gd name="T108" fmla="*/ 778 w 1170"/>
                    <a:gd name="T109" fmla="*/ 27 h 1180"/>
                    <a:gd name="T110" fmla="*/ 724 w 1170"/>
                    <a:gd name="T111" fmla="*/ 13 h 1180"/>
                    <a:gd name="T112" fmla="*/ 667 w 1170"/>
                    <a:gd name="T113" fmla="*/ 4 h 1180"/>
                    <a:gd name="T114" fmla="*/ 608 w 1170"/>
                    <a:gd name="T115" fmla="*/ 0 h 1180"/>
                    <a:gd name="T116" fmla="*/ 548 w 1170"/>
                    <a:gd name="T117" fmla="*/ 1 h 1180"/>
                    <a:gd name="T118" fmla="*/ 490 w 1170"/>
                    <a:gd name="T119" fmla="*/ 7 h 1180"/>
                    <a:gd name="T120" fmla="*/ 433 w 1170"/>
                    <a:gd name="T121" fmla="*/ 17 h 1180"/>
                    <a:gd name="T122" fmla="*/ 380 w 1170"/>
                    <a:gd name="T123" fmla="*/ 33 h 1180"/>
                    <a:gd name="T124" fmla="*/ 355 w 1170"/>
                    <a:gd name="T125" fmla="*/ 42 h 1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170" h="1180">
                      <a:moveTo>
                        <a:pt x="355" y="42"/>
                      </a:moveTo>
                      <a:lnTo>
                        <a:pt x="326" y="55"/>
                      </a:lnTo>
                      <a:lnTo>
                        <a:pt x="272" y="84"/>
                      </a:lnTo>
                      <a:lnTo>
                        <a:pt x="223" y="118"/>
                      </a:lnTo>
                      <a:lnTo>
                        <a:pt x="178" y="158"/>
                      </a:lnTo>
                      <a:lnTo>
                        <a:pt x="138" y="201"/>
                      </a:lnTo>
                      <a:lnTo>
                        <a:pt x="102" y="248"/>
                      </a:lnTo>
                      <a:lnTo>
                        <a:pt x="72" y="298"/>
                      </a:lnTo>
                      <a:lnTo>
                        <a:pt x="46" y="352"/>
                      </a:lnTo>
                      <a:lnTo>
                        <a:pt x="27" y="408"/>
                      </a:lnTo>
                      <a:lnTo>
                        <a:pt x="12" y="466"/>
                      </a:lnTo>
                      <a:lnTo>
                        <a:pt x="3" y="525"/>
                      </a:lnTo>
                      <a:lnTo>
                        <a:pt x="0" y="586"/>
                      </a:lnTo>
                      <a:lnTo>
                        <a:pt x="3" y="647"/>
                      </a:lnTo>
                      <a:lnTo>
                        <a:pt x="12" y="709"/>
                      </a:lnTo>
                      <a:lnTo>
                        <a:pt x="28" y="770"/>
                      </a:lnTo>
                      <a:lnTo>
                        <a:pt x="50" y="831"/>
                      </a:lnTo>
                      <a:lnTo>
                        <a:pt x="63" y="861"/>
                      </a:lnTo>
                      <a:lnTo>
                        <a:pt x="83" y="900"/>
                      </a:lnTo>
                      <a:lnTo>
                        <a:pt x="130" y="969"/>
                      </a:lnTo>
                      <a:lnTo>
                        <a:pt x="185" y="1029"/>
                      </a:lnTo>
                      <a:lnTo>
                        <a:pt x="247" y="1079"/>
                      </a:lnTo>
                      <a:lnTo>
                        <a:pt x="314" y="1119"/>
                      </a:lnTo>
                      <a:lnTo>
                        <a:pt x="386" y="1149"/>
                      </a:lnTo>
                      <a:lnTo>
                        <a:pt x="461" y="1169"/>
                      </a:lnTo>
                      <a:lnTo>
                        <a:pt x="539" y="1180"/>
                      </a:lnTo>
                      <a:lnTo>
                        <a:pt x="617" y="1180"/>
                      </a:lnTo>
                      <a:lnTo>
                        <a:pt x="695" y="1170"/>
                      </a:lnTo>
                      <a:lnTo>
                        <a:pt x="771" y="1150"/>
                      </a:lnTo>
                      <a:lnTo>
                        <a:pt x="845" y="1121"/>
                      </a:lnTo>
                      <a:lnTo>
                        <a:pt x="915" y="1081"/>
                      </a:lnTo>
                      <a:lnTo>
                        <a:pt x="980" y="1032"/>
                      </a:lnTo>
                      <a:lnTo>
                        <a:pt x="1039" y="972"/>
                      </a:lnTo>
                      <a:lnTo>
                        <a:pt x="1091" y="903"/>
                      </a:lnTo>
                      <a:lnTo>
                        <a:pt x="1113" y="864"/>
                      </a:lnTo>
                      <a:lnTo>
                        <a:pt x="1132" y="829"/>
                      </a:lnTo>
                      <a:lnTo>
                        <a:pt x="1155" y="776"/>
                      </a:lnTo>
                      <a:lnTo>
                        <a:pt x="1166" y="722"/>
                      </a:lnTo>
                      <a:lnTo>
                        <a:pt x="1170" y="647"/>
                      </a:lnTo>
                      <a:lnTo>
                        <a:pt x="1170" y="592"/>
                      </a:lnTo>
                      <a:lnTo>
                        <a:pt x="1170" y="540"/>
                      </a:lnTo>
                      <a:lnTo>
                        <a:pt x="1166" y="465"/>
                      </a:lnTo>
                      <a:lnTo>
                        <a:pt x="1156" y="411"/>
                      </a:lnTo>
                      <a:lnTo>
                        <a:pt x="1136" y="360"/>
                      </a:lnTo>
                      <a:lnTo>
                        <a:pt x="1120" y="329"/>
                      </a:lnTo>
                      <a:lnTo>
                        <a:pt x="1108" y="306"/>
                      </a:lnTo>
                      <a:lnTo>
                        <a:pt x="1078" y="259"/>
                      </a:lnTo>
                      <a:lnTo>
                        <a:pt x="1044" y="215"/>
                      </a:lnTo>
                      <a:lnTo>
                        <a:pt x="1004" y="172"/>
                      </a:lnTo>
                      <a:lnTo>
                        <a:pt x="962" y="133"/>
                      </a:lnTo>
                      <a:lnTo>
                        <a:pt x="918" y="98"/>
                      </a:lnTo>
                      <a:lnTo>
                        <a:pt x="872" y="68"/>
                      </a:lnTo>
                      <a:lnTo>
                        <a:pt x="826" y="45"/>
                      </a:lnTo>
                      <a:lnTo>
                        <a:pt x="803" y="36"/>
                      </a:lnTo>
                      <a:lnTo>
                        <a:pt x="778" y="27"/>
                      </a:lnTo>
                      <a:lnTo>
                        <a:pt x="724" y="13"/>
                      </a:lnTo>
                      <a:lnTo>
                        <a:pt x="667" y="4"/>
                      </a:lnTo>
                      <a:lnTo>
                        <a:pt x="608" y="0"/>
                      </a:lnTo>
                      <a:lnTo>
                        <a:pt x="548" y="1"/>
                      </a:lnTo>
                      <a:lnTo>
                        <a:pt x="490" y="7"/>
                      </a:lnTo>
                      <a:lnTo>
                        <a:pt x="433" y="17"/>
                      </a:lnTo>
                      <a:lnTo>
                        <a:pt x="380" y="33"/>
                      </a:lnTo>
                      <a:lnTo>
                        <a:pt x="355" y="42"/>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390" name="Freeform 7"/>
                <p:cNvSpPr>
                  <a:spLocks/>
                </p:cNvSpPr>
                <p:nvPr/>
              </p:nvSpPr>
              <p:spPr bwMode="auto">
                <a:xfrm>
                  <a:off x="4310" y="1741"/>
                  <a:ext cx="281" cy="284"/>
                </a:xfrm>
                <a:custGeom>
                  <a:avLst/>
                  <a:gdLst>
                    <a:gd name="T0" fmla="*/ 450 w 1173"/>
                    <a:gd name="T1" fmla="*/ 19 h 1183"/>
                    <a:gd name="T2" fmla="*/ 415 w 1173"/>
                    <a:gd name="T3" fmla="*/ 28 h 1183"/>
                    <a:gd name="T4" fmla="*/ 349 w 1173"/>
                    <a:gd name="T5" fmla="*/ 51 h 1183"/>
                    <a:gd name="T6" fmla="*/ 290 w 1173"/>
                    <a:gd name="T7" fmla="*/ 78 h 1183"/>
                    <a:gd name="T8" fmla="*/ 236 w 1173"/>
                    <a:gd name="T9" fmla="*/ 110 h 1183"/>
                    <a:gd name="T10" fmla="*/ 187 w 1173"/>
                    <a:gd name="T11" fmla="*/ 148 h 1183"/>
                    <a:gd name="T12" fmla="*/ 144 w 1173"/>
                    <a:gd name="T13" fmla="*/ 191 h 1183"/>
                    <a:gd name="T14" fmla="*/ 105 w 1173"/>
                    <a:gd name="T15" fmla="*/ 240 h 1183"/>
                    <a:gd name="T16" fmla="*/ 71 w 1173"/>
                    <a:gd name="T17" fmla="*/ 296 h 1183"/>
                    <a:gd name="T18" fmla="*/ 55 w 1173"/>
                    <a:gd name="T19" fmla="*/ 326 h 1183"/>
                    <a:gd name="T20" fmla="*/ 37 w 1173"/>
                    <a:gd name="T21" fmla="*/ 362 h 1183"/>
                    <a:gd name="T22" fmla="*/ 15 w 1173"/>
                    <a:gd name="T23" fmla="*/ 418 h 1183"/>
                    <a:gd name="T24" fmla="*/ 4 w 1173"/>
                    <a:gd name="T25" fmla="*/ 474 h 1183"/>
                    <a:gd name="T26" fmla="*/ 0 w 1173"/>
                    <a:gd name="T27" fmla="*/ 550 h 1183"/>
                    <a:gd name="T28" fmla="*/ 0 w 1173"/>
                    <a:gd name="T29" fmla="*/ 604 h 1183"/>
                    <a:gd name="T30" fmla="*/ 1 w 1173"/>
                    <a:gd name="T31" fmla="*/ 658 h 1183"/>
                    <a:gd name="T32" fmla="*/ 5 w 1173"/>
                    <a:gd name="T33" fmla="*/ 733 h 1183"/>
                    <a:gd name="T34" fmla="*/ 16 w 1173"/>
                    <a:gd name="T35" fmla="*/ 787 h 1183"/>
                    <a:gd name="T36" fmla="*/ 37 w 1173"/>
                    <a:gd name="T37" fmla="*/ 840 h 1183"/>
                    <a:gd name="T38" fmla="*/ 54 w 1173"/>
                    <a:gd name="T39" fmla="*/ 873 h 1183"/>
                    <a:gd name="T40" fmla="*/ 74 w 1173"/>
                    <a:gd name="T41" fmla="*/ 910 h 1183"/>
                    <a:gd name="T42" fmla="*/ 121 w 1173"/>
                    <a:gd name="T43" fmla="*/ 977 h 1183"/>
                    <a:gd name="T44" fmla="*/ 174 w 1173"/>
                    <a:gd name="T45" fmla="*/ 1035 h 1183"/>
                    <a:gd name="T46" fmla="*/ 235 w 1173"/>
                    <a:gd name="T47" fmla="*/ 1084 h 1183"/>
                    <a:gd name="T48" fmla="*/ 301 w 1173"/>
                    <a:gd name="T49" fmla="*/ 1123 h 1183"/>
                    <a:gd name="T50" fmla="*/ 375 w 1173"/>
                    <a:gd name="T51" fmla="*/ 1152 h 1183"/>
                    <a:gd name="T52" fmla="*/ 454 w 1173"/>
                    <a:gd name="T53" fmla="*/ 1172 h 1183"/>
                    <a:gd name="T54" fmla="*/ 539 w 1173"/>
                    <a:gd name="T55" fmla="*/ 1182 h 1183"/>
                    <a:gd name="T56" fmla="*/ 584 w 1173"/>
                    <a:gd name="T57" fmla="*/ 1183 h 1183"/>
                    <a:gd name="T58" fmla="*/ 614 w 1173"/>
                    <a:gd name="T59" fmla="*/ 1183 h 1183"/>
                    <a:gd name="T60" fmla="*/ 671 w 1173"/>
                    <a:gd name="T61" fmla="*/ 1178 h 1183"/>
                    <a:gd name="T62" fmla="*/ 726 w 1173"/>
                    <a:gd name="T63" fmla="*/ 1169 h 1183"/>
                    <a:gd name="T64" fmla="*/ 777 w 1173"/>
                    <a:gd name="T65" fmla="*/ 1155 h 1183"/>
                    <a:gd name="T66" fmla="*/ 826 w 1173"/>
                    <a:gd name="T67" fmla="*/ 1136 h 1183"/>
                    <a:gd name="T68" fmla="*/ 874 w 1173"/>
                    <a:gd name="T69" fmla="*/ 1111 h 1183"/>
                    <a:gd name="T70" fmla="*/ 920 w 1173"/>
                    <a:gd name="T71" fmla="*/ 1080 h 1183"/>
                    <a:gd name="T72" fmla="*/ 966 w 1173"/>
                    <a:gd name="T73" fmla="*/ 1043 h 1183"/>
                    <a:gd name="T74" fmla="*/ 989 w 1173"/>
                    <a:gd name="T75" fmla="*/ 1023 h 1183"/>
                    <a:gd name="T76" fmla="*/ 1022 w 1173"/>
                    <a:gd name="T77" fmla="*/ 990 h 1183"/>
                    <a:gd name="T78" fmla="*/ 1078 w 1173"/>
                    <a:gd name="T79" fmla="*/ 916 h 1183"/>
                    <a:gd name="T80" fmla="*/ 1122 w 1173"/>
                    <a:gd name="T81" fmla="*/ 834 h 1183"/>
                    <a:gd name="T82" fmla="*/ 1153 w 1173"/>
                    <a:gd name="T83" fmla="*/ 747 h 1183"/>
                    <a:gd name="T84" fmla="*/ 1170 w 1173"/>
                    <a:gd name="T85" fmla="*/ 656 h 1183"/>
                    <a:gd name="T86" fmla="*/ 1173 w 1173"/>
                    <a:gd name="T87" fmla="*/ 564 h 1183"/>
                    <a:gd name="T88" fmla="*/ 1162 w 1173"/>
                    <a:gd name="T89" fmla="*/ 471 h 1183"/>
                    <a:gd name="T90" fmla="*/ 1136 w 1173"/>
                    <a:gd name="T91" fmla="*/ 381 h 1183"/>
                    <a:gd name="T92" fmla="*/ 1117 w 1173"/>
                    <a:gd name="T93" fmla="*/ 338 h 1183"/>
                    <a:gd name="T94" fmla="*/ 1103 w 1173"/>
                    <a:gd name="T95" fmla="*/ 311 h 1183"/>
                    <a:gd name="T96" fmla="*/ 1069 w 1173"/>
                    <a:gd name="T97" fmla="*/ 258 h 1183"/>
                    <a:gd name="T98" fmla="*/ 1028 w 1173"/>
                    <a:gd name="T99" fmla="*/ 209 h 1183"/>
                    <a:gd name="T100" fmla="*/ 981 w 1173"/>
                    <a:gd name="T101" fmla="*/ 162 h 1183"/>
                    <a:gd name="T102" fmla="*/ 929 w 1173"/>
                    <a:gd name="T103" fmla="*/ 120 h 1183"/>
                    <a:gd name="T104" fmla="*/ 873 w 1173"/>
                    <a:gd name="T105" fmla="*/ 84 h 1183"/>
                    <a:gd name="T106" fmla="*/ 814 w 1173"/>
                    <a:gd name="T107" fmla="*/ 53 h 1183"/>
                    <a:gd name="T108" fmla="*/ 753 w 1173"/>
                    <a:gd name="T109" fmla="*/ 28 h 1183"/>
                    <a:gd name="T110" fmla="*/ 722 w 1173"/>
                    <a:gd name="T111" fmla="*/ 19 h 1183"/>
                    <a:gd name="T112" fmla="*/ 684 w 1173"/>
                    <a:gd name="T113" fmla="*/ 10 h 1183"/>
                    <a:gd name="T114" fmla="*/ 619 w 1173"/>
                    <a:gd name="T115" fmla="*/ 0 h 1183"/>
                    <a:gd name="T116" fmla="*/ 558 w 1173"/>
                    <a:gd name="T117" fmla="*/ 0 h 1183"/>
                    <a:gd name="T118" fmla="*/ 490 w 1173"/>
                    <a:gd name="T119" fmla="*/ 10 h 1183"/>
                    <a:gd name="T120" fmla="*/ 450 w 1173"/>
                    <a:gd name="T121" fmla="*/ 19 h 11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173" h="1183">
                      <a:moveTo>
                        <a:pt x="450" y="19"/>
                      </a:moveTo>
                      <a:lnTo>
                        <a:pt x="415" y="28"/>
                      </a:lnTo>
                      <a:lnTo>
                        <a:pt x="349" y="51"/>
                      </a:lnTo>
                      <a:lnTo>
                        <a:pt x="290" y="78"/>
                      </a:lnTo>
                      <a:lnTo>
                        <a:pt x="236" y="110"/>
                      </a:lnTo>
                      <a:lnTo>
                        <a:pt x="187" y="148"/>
                      </a:lnTo>
                      <a:lnTo>
                        <a:pt x="144" y="191"/>
                      </a:lnTo>
                      <a:lnTo>
                        <a:pt x="105" y="240"/>
                      </a:lnTo>
                      <a:lnTo>
                        <a:pt x="71" y="296"/>
                      </a:lnTo>
                      <a:lnTo>
                        <a:pt x="55" y="326"/>
                      </a:lnTo>
                      <a:lnTo>
                        <a:pt x="37" y="362"/>
                      </a:lnTo>
                      <a:lnTo>
                        <a:pt x="15" y="418"/>
                      </a:lnTo>
                      <a:lnTo>
                        <a:pt x="4" y="474"/>
                      </a:lnTo>
                      <a:lnTo>
                        <a:pt x="0" y="550"/>
                      </a:lnTo>
                      <a:lnTo>
                        <a:pt x="0" y="604"/>
                      </a:lnTo>
                      <a:lnTo>
                        <a:pt x="1" y="658"/>
                      </a:lnTo>
                      <a:lnTo>
                        <a:pt x="5" y="733"/>
                      </a:lnTo>
                      <a:lnTo>
                        <a:pt x="16" y="787"/>
                      </a:lnTo>
                      <a:lnTo>
                        <a:pt x="37" y="840"/>
                      </a:lnTo>
                      <a:lnTo>
                        <a:pt x="54" y="873"/>
                      </a:lnTo>
                      <a:lnTo>
                        <a:pt x="74" y="910"/>
                      </a:lnTo>
                      <a:lnTo>
                        <a:pt x="121" y="977"/>
                      </a:lnTo>
                      <a:lnTo>
                        <a:pt x="174" y="1035"/>
                      </a:lnTo>
                      <a:lnTo>
                        <a:pt x="235" y="1084"/>
                      </a:lnTo>
                      <a:lnTo>
                        <a:pt x="301" y="1123"/>
                      </a:lnTo>
                      <a:lnTo>
                        <a:pt x="375" y="1152"/>
                      </a:lnTo>
                      <a:lnTo>
                        <a:pt x="454" y="1172"/>
                      </a:lnTo>
                      <a:lnTo>
                        <a:pt x="539" y="1182"/>
                      </a:lnTo>
                      <a:lnTo>
                        <a:pt x="584" y="1183"/>
                      </a:lnTo>
                      <a:lnTo>
                        <a:pt x="614" y="1183"/>
                      </a:lnTo>
                      <a:lnTo>
                        <a:pt x="671" y="1178"/>
                      </a:lnTo>
                      <a:lnTo>
                        <a:pt x="726" y="1169"/>
                      </a:lnTo>
                      <a:lnTo>
                        <a:pt x="777" y="1155"/>
                      </a:lnTo>
                      <a:lnTo>
                        <a:pt x="826" y="1136"/>
                      </a:lnTo>
                      <a:lnTo>
                        <a:pt x="874" y="1111"/>
                      </a:lnTo>
                      <a:lnTo>
                        <a:pt x="920" y="1080"/>
                      </a:lnTo>
                      <a:lnTo>
                        <a:pt x="966" y="1043"/>
                      </a:lnTo>
                      <a:lnTo>
                        <a:pt x="989" y="1023"/>
                      </a:lnTo>
                      <a:lnTo>
                        <a:pt x="1022" y="990"/>
                      </a:lnTo>
                      <a:lnTo>
                        <a:pt x="1078" y="916"/>
                      </a:lnTo>
                      <a:lnTo>
                        <a:pt x="1122" y="834"/>
                      </a:lnTo>
                      <a:lnTo>
                        <a:pt x="1153" y="747"/>
                      </a:lnTo>
                      <a:lnTo>
                        <a:pt x="1170" y="656"/>
                      </a:lnTo>
                      <a:lnTo>
                        <a:pt x="1173" y="564"/>
                      </a:lnTo>
                      <a:lnTo>
                        <a:pt x="1162" y="471"/>
                      </a:lnTo>
                      <a:lnTo>
                        <a:pt x="1136" y="381"/>
                      </a:lnTo>
                      <a:lnTo>
                        <a:pt x="1117" y="338"/>
                      </a:lnTo>
                      <a:lnTo>
                        <a:pt x="1103" y="311"/>
                      </a:lnTo>
                      <a:lnTo>
                        <a:pt x="1069" y="258"/>
                      </a:lnTo>
                      <a:lnTo>
                        <a:pt x="1028" y="209"/>
                      </a:lnTo>
                      <a:lnTo>
                        <a:pt x="981" y="162"/>
                      </a:lnTo>
                      <a:lnTo>
                        <a:pt x="929" y="120"/>
                      </a:lnTo>
                      <a:lnTo>
                        <a:pt x="873" y="84"/>
                      </a:lnTo>
                      <a:lnTo>
                        <a:pt x="814" y="53"/>
                      </a:lnTo>
                      <a:lnTo>
                        <a:pt x="753" y="28"/>
                      </a:lnTo>
                      <a:lnTo>
                        <a:pt x="722" y="19"/>
                      </a:lnTo>
                      <a:lnTo>
                        <a:pt x="684" y="10"/>
                      </a:lnTo>
                      <a:lnTo>
                        <a:pt x="619" y="0"/>
                      </a:lnTo>
                      <a:lnTo>
                        <a:pt x="558" y="0"/>
                      </a:lnTo>
                      <a:lnTo>
                        <a:pt x="490" y="10"/>
                      </a:lnTo>
                      <a:lnTo>
                        <a:pt x="450" y="19"/>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391" name="Freeform 8"/>
                <p:cNvSpPr>
                  <a:spLocks/>
                </p:cNvSpPr>
                <p:nvPr/>
              </p:nvSpPr>
              <p:spPr bwMode="auto">
                <a:xfrm>
                  <a:off x="3494" y="2557"/>
                  <a:ext cx="280" cy="284"/>
                </a:xfrm>
                <a:custGeom>
                  <a:avLst/>
                  <a:gdLst>
                    <a:gd name="T0" fmla="*/ 403 w 1165"/>
                    <a:gd name="T1" fmla="*/ 27 h 1182"/>
                    <a:gd name="T2" fmla="*/ 370 w 1165"/>
                    <a:gd name="T3" fmla="*/ 38 h 1182"/>
                    <a:gd name="T4" fmla="*/ 310 w 1165"/>
                    <a:gd name="T5" fmla="*/ 63 h 1182"/>
                    <a:gd name="T6" fmla="*/ 256 w 1165"/>
                    <a:gd name="T7" fmla="*/ 92 h 1182"/>
                    <a:gd name="T8" fmla="*/ 207 w 1165"/>
                    <a:gd name="T9" fmla="*/ 126 h 1182"/>
                    <a:gd name="T10" fmla="*/ 163 w 1165"/>
                    <a:gd name="T11" fmla="*/ 164 h 1182"/>
                    <a:gd name="T12" fmla="*/ 124 w 1165"/>
                    <a:gd name="T13" fmla="*/ 208 h 1182"/>
                    <a:gd name="T14" fmla="*/ 89 w 1165"/>
                    <a:gd name="T15" fmla="*/ 257 h 1182"/>
                    <a:gd name="T16" fmla="*/ 58 w 1165"/>
                    <a:gd name="T17" fmla="*/ 313 h 1182"/>
                    <a:gd name="T18" fmla="*/ 43 w 1165"/>
                    <a:gd name="T19" fmla="*/ 343 h 1182"/>
                    <a:gd name="T20" fmla="*/ 32 w 1165"/>
                    <a:gd name="T21" fmla="*/ 371 h 1182"/>
                    <a:gd name="T22" fmla="*/ 15 w 1165"/>
                    <a:gd name="T23" fmla="*/ 420 h 1182"/>
                    <a:gd name="T24" fmla="*/ 5 w 1165"/>
                    <a:gd name="T25" fmla="*/ 473 h 1182"/>
                    <a:gd name="T26" fmla="*/ 1 w 1165"/>
                    <a:gd name="T27" fmla="*/ 537 h 1182"/>
                    <a:gd name="T28" fmla="*/ 0 w 1165"/>
                    <a:gd name="T29" fmla="*/ 578 h 1182"/>
                    <a:gd name="T30" fmla="*/ 1 w 1165"/>
                    <a:gd name="T31" fmla="*/ 636 h 1182"/>
                    <a:gd name="T32" fmla="*/ 10 w 1165"/>
                    <a:gd name="T33" fmla="*/ 732 h 1182"/>
                    <a:gd name="T34" fmla="*/ 33 w 1165"/>
                    <a:gd name="T35" fmla="*/ 814 h 1182"/>
                    <a:gd name="T36" fmla="*/ 73 w 1165"/>
                    <a:gd name="T37" fmla="*/ 895 h 1182"/>
                    <a:gd name="T38" fmla="*/ 102 w 1165"/>
                    <a:gd name="T39" fmla="*/ 940 h 1182"/>
                    <a:gd name="T40" fmla="*/ 129 w 1165"/>
                    <a:gd name="T41" fmla="*/ 978 h 1182"/>
                    <a:gd name="T42" fmla="*/ 195 w 1165"/>
                    <a:gd name="T43" fmla="*/ 1044 h 1182"/>
                    <a:gd name="T44" fmla="*/ 273 w 1165"/>
                    <a:gd name="T45" fmla="*/ 1099 h 1182"/>
                    <a:gd name="T46" fmla="*/ 361 w 1165"/>
                    <a:gd name="T47" fmla="*/ 1141 h 1182"/>
                    <a:gd name="T48" fmla="*/ 455 w 1165"/>
                    <a:gd name="T49" fmla="*/ 1169 h 1182"/>
                    <a:gd name="T50" fmla="*/ 553 w 1165"/>
                    <a:gd name="T51" fmla="*/ 1182 h 1182"/>
                    <a:gd name="T52" fmla="*/ 651 w 1165"/>
                    <a:gd name="T53" fmla="*/ 1181 h 1182"/>
                    <a:gd name="T54" fmla="*/ 747 w 1165"/>
                    <a:gd name="T55" fmla="*/ 1163 h 1182"/>
                    <a:gd name="T56" fmla="*/ 793 w 1165"/>
                    <a:gd name="T57" fmla="*/ 1147 h 1182"/>
                    <a:gd name="T58" fmla="*/ 817 w 1165"/>
                    <a:gd name="T59" fmla="*/ 1137 h 1182"/>
                    <a:gd name="T60" fmla="*/ 865 w 1165"/>
                    <a:gd name="T61" fmla="*/ 1112 h 1182"/>
                    <a:gd name="T62" fmla="*/ 912 w 1165"/>
                    <a:gd name="T63" fmla="*/ 1082 h 1182"/>
                    <a:gd name="T64" fmla="*/ 957 w 1165"/>
                    <a:gd name="T65" fmla="*/ 1046 h 1182"/>
                    <a:gd name="T66" fmla="*/ 1000 w 1165"/>
                    <a:gd name="T67" fmla="*/ 1007 h 1182"/>
                    <a:gd name="T68" fmla="*/ 1039 w 1165"/>
                    <a:gd name="T69" fmla="*/ 965 h 1182"/>
                    <a:gd name="T70" fmla="*/ 1073 w 1165"/>
                    <a:gd name="T71" fmla="*/ 920 h 1182"/>
                    <a:gd name="T72" fmla="*/ 1103 w 1165"/>
                    <a:gd name="T73" fmla="*/ 873 h 1182"/>
                    <a:gd name="T74" fmla="*/ 1115 w 1165"/>
                    <a:gd name="T75" fmla="*/ 850 h 1182"/>
                    <a:gd name="T76" fmla="*/ 1131 w 1165"/>
                    <a:gd name="T77" fmla="*/ 819 h 1182"/>
                    <a:gd name="T78" fmla="*/ 1151 w 1165"/>
                    <a:gd name="T79" fmla="*/ 768 h 1182"/>
                    <a:gd name="T80" fmla="*/ 1161 w 1165"/>
                    <a:gd name="T81" fmla="*/ 714 h 1182"/>
                    <a:gd name="T82" fmla="*/ 1165 w 1165"/>
                    <a:gd name="T83" fmla="*/ 640 h 1182"/>
                    <a:gd name="T84" fmla="*/ 1165 w 1165"/>
                    <a:gd name="T85" fmla="*/ 587 h 1182"/>
                    <a:gd name="T86" fmla="*/ 1164 w 1165"/>
                    <a:gd name="T87" fmla="*/ 523 h 1182"/>
                    <a:gd name="T88" fmla="*/ 1157 w 1165"/>
                    <a:gd name="T89" fmla="*/ 446 h 1182"/>
                    <a:gd name="T90" fmla="*/ 1148 w 1165"/>
                    <a:gd name="T91" fmla="*/ 402 h 1182"/>
                    <a:gd name="T92" fmla="*/ 1134 w 1165"/>
                    <a:gd name="T93" fmla="*/ 360 h 1182"/>
                    <a:gd name="T94" fmla="*/ 1114 w 1165"/>
                    <a:gd name="T95" fmla="*/ 320 h 1182"/>
                    <a:gd name="T96" fmla="*/ 1075 w 1165"/>
                    <a:gd name="T97" fmla="*/ 258 h 1182"/>
                    <a:gd name="T98" fmla="*/ 1038 w 1165"/>
                    <a:gd name="T99" fmla="*/ 210 h 1182"/>
                    <a:gd name="T100" fmla="*/ 1011 w 1165"/>
                    <a:gd name="T101" fmla="*/ 177 h 1182"/>
                    <a:gd name="T102" fmla="*/ 947 w 1165"/>
                    <a:gd name="T103" fmla="*/ 120 h 1182"/>
                    <a:gd name="T104" fmla="*/ 875 w 1165"/>
                    <a:gd name="T105" fmla="*/ 72 h 1182"/>
                    <a:gd name="T106" fmla="*/ 796 w 1165"/>
                    <a:gd name="T107" fmla="*/ 37 h 1182"/>
                    <a:gd name="T108" fmla="*/ 712 w 1165"/>
                    <a:gd name="T109" fmla="*/ 12 h 1182"/>
                    <a:gd name="T110" fmla="*/ 624 w 1165"/>
                    <a:gd name="T111" fmla="*/ 0 h 1182"/>
                    <a:gd name="T112" fmla="*/ 535 w 1165"/>
                    <a:gd name="T113" fmla="*/ 0 h 1182"/>
                    <a:gd name="T114" fmla="*/ 447 w 1165"/>
                    <a:gd name="T115" fmla="*/ 14 h 1182"/>
                    <a:gd name="T116" fmla="*/ 403 w 1165"/>
                    <a:gd name="T117" fmla="*/ 27 h 1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165" h="1182">
                      <a:moveTo>
                        <a:pt x="403" y="27"/>
                      </a:moveTo>
                      <a:lnTo>
                        <a:pt x="370" y="38"/>
                      </a:lnTo>
                      <a:lnTo>
                        <a:pt x="310" y="63"/>
                      </a:lnTo>
                      <a:lnTo>
                        <a:pt x="256" y="92"/>
                      </a:lnTo>
                      <a:lnTo>
                        <a:pt x="207" y="126"/>
                      </a:lnTo>
                      <a:lnTo>
                        <a:pt x="163" y="164"/>
                      </a:lnTo>
                      <a:lnTo>
                        <a:pt x="124" y="208"/>
                      </a:lnTo>
                      <a:lnTo>
                        <a:pt x="89" y="257"/>
                      </a:lnTo>
                      <a:lnTo>
                        <a:pt x="58" y="313"/>
                      </a:lnTo>
                      <a:lnTo>
                        <a:pt x="43" y="343"/>
                      </a:lnTo>
                      <a:lnTo>
                        <a:pt x="32" y="371"/>
                      </a:lnTo>
                      <a:lnTo>
                        <a:pt x="15" y="420"/>
                      </a:lnTo>
                      <a:lnTo>
                        <a:pt x="5" y="473"/>
                      </a:lnTo>
                      <a:lnTo>
                        <a:pt x="1" y="537"/>
                      </a:lnTo>
                      <a:lnTo>
                        <a:pt x="0" y="578"/>
                      </a:lnTo>
                      <a:lnTo>
                        <a:pt x="1" y="636"/>
                      </a:lnTo>
                      <a:lnTo>
                        <a:pt x="10" y="732"/>
                      </a:lnTo>
                      <a:lnTo>
                        <a:pt x="33" y="814"/>
                      </a:lnTo>
                      <a:lnTo>
                        <a:pt x="73" y="895"/>
                      </a:lnTo>
                      <a:lnTo>
                        <a:pt x="102" y="940"/>
                      </a:lnTo>
                      <a:lnTo>
                        <a:pt x="129" y="978"/>
                      </a:lnTo>
                      <a:lnTo>
                        <a:pt x="195" y="1044"/>
                      </a:lnTo>
                      <a:lnTo>
                        <a:pt x="273" y="1099"/>
                      </a:lnTo>
                      <a:lnTo>
                        <a:pt x="361" y="1141"/>
                      </a:lnTo>
                      <a:lnTo>
                        <a:pt x="455" y="1169"/>
                      </a:lnTo>
                      <a:lnTo>
                        <a:pt x="553" y="1182"/>
                      </a:lnTo>
                      <a:lnTo>
                        <a:pt x="651" y="1181"/>
                      </a:lnTo>
                      <a:lnTo>
                        <a:pt x="747" y="1163"/>
                      </a:lnTo>
                      <a:lnTo>
                        <a:pt x="793" y="1147"/>
                      </a:lnTo>
                      <a:lnTo>
                        <a:pt x="817" y="1137"/>
                      </a:lnTo>
                      <a:lnTo>
                        <a:pt x="865" y="1112"/>
                      </a:lnTo>
                      <a:lnTo>
                        <a:pt x="912" y="1082"/>
                      </a:lnTo>
                      <a:lnTo>
                        <a:pt x="957" y="1046"/>
                      </a:lnTo>
                      <a:lnTo>
                        <a:pt x="1000" y="1007"/>
                      </a:lnTo>
                      <a:lnTo>
                        <a:pt x="1039" y="965"/>
                      </a:lnTo>
                      <a:lnTo>
                        <a:pt x="1073" y="920"/>
                      </a:lnTo>
                      <a:lnTo>
                        <a:pt x="1103" y="873"/>
                      </a:lnTo>
                      <a:lnTo>
                        <a:pt x="1115" y="850"/>
                      </a:lnTo>
                      <a:lnTo>
                        <a:pt x="1131" y="819"/>
                      </a:lnTo>
                      <a:lnTo>
                        <a:pt x="1151" y="768"/>
                      </a:lnTo>
                      <a:lnTo>
                        <a:pt x="1161" y="714"/>
                      </a:lnTo>
                      <a:lnTo>
                        <a:pt x="1165" y="640"/>
                      </a:lnTo>
                      <a:lnTo>
                        <a:pt x="1165" y="587"/>
                      </a:lnTo>
                      <a:lnTo>
                        <a:pt x="1164" y="523"/>
                      </a:lnTo>
                      <a:lnTo>
                        <a:pt x="1157" y="446"/>
                      </a:lnTo>
                      <a:lnTo>
                        <a:pt x="1148" y="402"/>
                      </a:lnTo>
                      <a:lnTo>
                        <a:pt x="1134" y="360"/>
                      </a:lnTo>
                      <a:lnTo>
                        <a:pt x="1114" y="320"/>
                      </a:lnTo>
                      <a:lnTo>
                        <a:pt x="1075" y="258"/>
                      </a:lnTo>
                      <a:lnTo>
                        <a:pt x="1038" y="210"/>
                      </a:lnTo>
                      <a:lnTo>
                        <a:pt x="1011" y="177"/>
                      </a:lnTo>
                      <a:lnTo>
                        <a:pt x="947" y="120"/>
                      </a:lnTo>
                      <a:lnTo>
                        <a:pt x="875" y="72"/>
                      </a:lnTo>
                      <a:lnTo>
                        <a:pt x="796" y="37"/>
                      </a:lnTo>
                      <a:lnTo>
                        <a:pt x="712" y="12"/>
                      </a:lnTo>
                      <a:lnTo>
                        <a:pt x="624" y="0"/>
                      </a:lnTo>
                      <a:lnTo>
                        <a:pt x="535" y="0"/>
                      </a:lnTo>
                      <a:lnTo>
                        <a:pt x="447" y="14"/>
                      </a:lnTo>
                      <a:lnTo>
                        <a:pt x="403" y="27"/>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grpSp>
          <p:grpSp>
            <p:nvGrpSpPr>
              <p:cNvPr id="381" name="Group 4"/>
              <p:cNvGrpSpPr>
                <a:grpSpLocks noChangeAspect="1"/>
              </p:cNvGrpSpPr>
              <p:nvPr/>
            </p:nvGrpSpPr>
            <p:grpSpPr bwMode="auto">
              <a:xfrm>
                <a:off x="6514937" y="3991809"/>
                <a:ext cx="256171" cy="256171"/>
                <a:chOff x="1680" y="0"/>
                <a:chExt cx="4320" cy="4320"/>
              </a:xfrm>
            </p:grpSpPr>
            <p:sp>
              <p:nvSpPr>
                <p:cNvPr id="382" name="AutoShape 3"/>
                <p:cNvSpPr>
                  <a:spLocks noChangeAspect="1" noChangeArrowheads="1" noTextEdit="1"/>
                </p:cNvSpPr>
                <p:nvPr/>
              </p:nvSpPr>
              <p:spPr bwMode="auto">
                <a:xfrm>
                  <a:off x="1680" y="0"/>
                  <a:ext cx="4320" cy="43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383" name="Freeform 5"/>
                <p:cNvSpPr>
                  <a:spLocks/>
                </p:cNvSpPr>
                <p:nvPr/>
              </p:nvSpPr>
              <p:spPr bwMode="auto">
                <a:xfrm>
                  <a:off x="1749" y="1"/>
                  <a:ext cx="4182" cy="4319"/>
                </a:xfrm>
                <a:custGeom>
                  <a:avLst/>
                  <a:gdLst>
                    <a:gd name="T0" fmla="*/ 6745 w 17426"/>
                    <a:gd name="T1" fmla="*/ 69 h 17994"/>
                    <a:gd name="T2" fmla="*/ 4827 w 17426"/>
                    <a:gd name="T3" fmla="*/ 564 h 17994"/>
                    <a:gd name="T4" fmla="*/ 2990 w 17426"/>
                    <a:gd name="T5" fmla="*/ 1624 h 17994"/>
                    <a:gd name="T6" fmla="*/ 1316 w 17426"/>
                    <a:gd name="T7" fmla="*/ 3448 h 17994"/>
                    <a:gd name="T8" fmla="*/ 585 w 17426"/>
                    <a:gd name="T9" fmla="*/ 4819 h 17994"/>
                    <a:gd name="T10" fmla="*/ 4557 w 17426"/>
                    <a:gd name="T11" fmla="*/ 4164 h 17994"/>
                    <a:gd name="T12" fmla="*/ 6409 w 17426"/>
                    <a:gd name="T13" fmla="*/ 3625 h 17994"/>
                    <a:gd name="T14" fmla="*/ 7054 w 17426"/>
                    <a:gd name="T15" fmla="*/ 2988 h 17994"/>
                    <a:gd name="T16" fmla="*/ 7951 w 17426"/>
                    <a:gd name="T17" fmla="*/ 2803 h 17994"/>
                    <a:gd name="T18" fmla="*/ 8821 w 17426"/>
                    <a:gd name="T19" fmla="*/ 3096 h 17994"/>
                    <a:gd name="T20" fmla="*/ 9397 w 17426"/>
                    <a:gd name="T21" fmla="*/ 3816 h 17994"/>
                    <a:gd name="T22" fmla="*/ 9445 w 17426"/>
                    <a:gd name="T23" fmla="*/ 4944 h 17994"/>
                    <a:gd name="T24" fmla="*/ 8772 w 17426"/>
                    <a:gd name="T25" fmla="*/ 5838 h 17994"/>
                    <a:gd name="T26" fmla="*/ 7725 w 17426"/>
                    <a:gd name="T27" fmla="*/ 6106 h 17994"/>
                    <a:gd name="T28" fmla="*/ 6897 w 17426"/>
                    <a:gd name="T29" fmla="*/ 5815 h 17994"/>
                    <a:gd name="T30" fmla="*/ 6334 w 17426"/>
                    <a:gd name="T31" fmla="*/ 5122 h 17994"/>
                    <a:gd name="T32" fmla="*/ 4724 w 17426"/>
                    <a:gd name="T33" fmla="*/ 5506 h 17994"/>
                    <a:gd name="T34" fmla="*/ 150 w 17426"/>
                    <a:gd name="T35" fmla="*/ 6197 h 17994"/>
                    <a:gd name="T36" fmla="*/ 758 w 17426"/>
                    <a:gd name="T37" fmla="*/ 7304 h 17994"/>
                    <a:gd name="T38" fmla="*/ 9747 w 17426"/>
                    <a:gd name="T39" fmla="*/ 7136 h 17994"/>
                    <a:gd name="T40" fmla="*/ 10489 w 17426"/>
                    <a:gd name="T41" fmla="*/ 6361 h 17994"/>
                    <a:gd name="T42" fmla="*/ 11378 w 17426"/>
                    <a:gd name="T43" fmla="*/ 6192 h 17994"/>
                    <a:gd name="T44" fmla="*/ 12212 w 17426"/>
                    <a:gd name="T45" fmla="*/ 6482 h 17994"/>
                    <a:gd name="T46" fmla="*/ 12752 w 17426"/>
                    <a:gd name="T47" fmla="*/ 7119 h 17994"/>
                    <a:gd name="T48" fmla="*/ 12896 w 17426"/>
                    <a:gd name="T49" fmla="*/ 8046 h 17994"/>
                    <a:gd name="T50" fmla="*/ 12491 w 17426"/>
                    <a:gd name="T51" fmla="*/ 8960 h 17994"/>
                    <a:gd name="T52" fmla="*/ 11502 w 17426"/>
                    <a:gd name="T53" fmla="*/ 9482 h 17994"/>
                    <a:gd name="T54" fmla="*/ 10572 w 17426"/>
                    <a:gd name="T55" fmla="*/ 9365 h 17994"/>
                    <a:gd name="T56" fmla="*/ 9905 w 17426"/>
                    <a:gd name="T57" fmla="*/ 8830 h 17994"/>
                    <a:gd name="T58" fmla="*/ 8799 w 17426"/>
                    <a:gd name="T59" fmla="*/ 8385 h 17994"/>
                    <a:gd name="T60" fmla="*/ 23 w 17426"/>
                    <a:gd name="T61" fmla="*/ 8687 h 17994"/>
                    <a:gd name="T62" fmla="*/ 4234 w 17426"/>
                    <a:gd name="T63" fmla="*/ 9710 h 17994"/>
                    <a:gd name="T64" fmla="*/ 6372 w 17426"/>
                    <a:gd name="T65" fmla="*/ 10494 h 17994"/>
                    <a:gd name="T66" fmla="*/ 6876 w 17426"/>
                    <a:gd name="T67" fmla="*/ 9887 h 17994"/>
                    <a:gd name="T68" fmla="*/ 7563 w 17426"/>
                    <a:gd name="T69" fmla="*/ 9602 h 17994"/>
                    <a:gd name="T70" fmla="*/ 8490 w 17426"/>
                    <a:gd name="T71" fmla="*/ 9709 h 17994"/>
                    <a:gd name="T72" fmla="*/ 9195 w 17426"/>
                    <a:gd name="T73" fmla="*/ 10247 h 17994"/>
                    <a:gd name="T74" fmla="*/ 9502 w 17426"/>
                    <a:gd name="T75" fmla="*/ 11021 h 17994"/>
                    <a:gd name="T76" fmla="*/ 9284 w 17426"/>
                    <a:gd name="T77" fmla="*/ 12099 h 17994"/>
                    <a:gd name="T78" fmla="*/ 8690 w 17426"/>
                    <a:gd name="T79" fmla="*/ 12677 h 17994"/>
                    <a:gd name="T80" fmla="*/ 7837 w 17426"/>
                    <a:gd name="T81" fmla="*/ 12894 h 17994"/>
                    <a:gd name="T82" fmla="*/ 6917 w 17426"/>
                    <a:gd name="T83" fmla="*/ 12623 h 17994"/>
                    <a:gd name="T84" fmla="*/ 6270 w 17426"/>
                    <a:gd name="T85" fmla="*/ 11779 h 17994"/>
                    <a:gd name="T86" fmla="*/ 4700 w 17426"/>
                    <a:gd name="T87" fmla="*/ 11650 h 17994"/>
                    <a:gd name="T88" fmla="*/ 497 w 17426"/>
                    <a:gd name="T89" fmla="*/ 10664 h 17994"/>
                    <a:gd name="T90" fmla="*/ 553 w 17426"/>
                    <a:gd name="T91" fmla="*/ 10811 h 17994"/>
                    <a:gd name="T92" fmla="*/ 1342 w 17426"/>
                    <a:gd name="T93" fmla="*/ 12277 h 17994"/>
                    <a:gd name="T94" fmla="*/ 1728 w 17426"/>
                    <a:gd name="T95" fmla="*/ 17221 h 17994"/>
                    <a:gd name="T96" fmla="*/ 1752 w 17426"/>
                    <a:gd name="T97" fmla="*/ 17735 h 17994"/>
                    <a:gd name="T98" fmla="*/ 9756 w 17426"/>
                    <a:gd name="T99" fmla="*/ 17942 h 17994"/>
                    <a:gd name="T100" fmla="*/ 10505 w 17426"/>
                    <a:gd name="T101" fmla="*/ 15802 h 17994"/>
                    <a:gd name="T102" fmla="*/ 12639 w 17426"/>
                    <a:gd name="T103" fmla="*/ 16087 h 17994"/>
                    <a:gd name="T104" fmla="*/ 14011 w 17426"/>
                    <a:gd name="T105" fmla="*/ 16278 h 17994"/>
                    <a:gd name="T106" fmla="*/ 14526 w 17426"/>
                    <a:gd name="T107" fmla="*/ 16032 h 17994"/>
                    <a:gd name="T108" fmla="*/ 15682 w 17426"/>
                    <a:gd name="T109" fmla="*/ 11564 h 17994"/>
                    <a:gd name="T110" fmla="*/ 17369 w 17426"/>
                    <a:gd name="T111" fmla="*/ 10344 h 17994"/>
                    <a:gd name="T112" fmla="*/ 16519 w 17426"/>
                    <a:gd name="T113" fmla="*/ 8719 h 17994"/>
                    <a:gd name="T114" fmla="*/ 15391 w 17426"/>
                    <a:gd name="T115" fmla="*/ 5552 h 17994"/>
                    <a:gd name="T116" fmla="*/ 14709 w 17426"/>
                    <a:gd name="T117" fmla="*/ 3924 h 17994"/>
                    <a:gd name="T118" fmla="*/ 13085 w 17426"/>
                    <a:gd name="T119" fmla="*/ 1943 h 17994"/>
                    <a:gd name="T120" fmla="*/ 11116 w 17426"/>
                    <a:gd name="T121" fmla="*/ 699 h 17994"/>
                    <a:gd name="T122" fmla="*/ 9932 w 17426"/>
                    <a:gd name="T123" fmla="*/ 286 h 17994"/>
                    <a:gd name="T124" fmla="*/ 8279 w 17426"/>
                    <a:gd name="T125" fmla="*/ 11 h 17994"/>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7426" h="17994">
                      <a:moveTo>
                        <a:pt x="7337" y="9"/>
                      </a:moveTo>
                      <a:lnTo>
                        <a:pt x="7317" y="14"/>
                      </a:lnTo>
                      <a:lnTo>
                        <a:pt x="7230" y="24"/>
                      </a:lnTo>
                      <a:lnTo>
                        <a:pt x="7179" y="26"/>
                      </a:lnTo>
                      <a:lnTo>
                        <a:pt x="7123" y="28"/>
                      </a:lnTo>
                      <a:lnTo>
                        <a:pt x="6996" y="38"/>
                      </a:lnTo>
                      <a:lnTo>
                        <a:pt x="6945" y="44"/>
                      </a:lnTo>
                      <a:lnTo>
                        <a:pt x="6840" y="57"/>
                      </a:lnTo>
                      <a:lnTo>
                        <a:pt x="6745" y="69"/>
                      </a:lnTo>
                      <a:lnTo>
                        <a:pt x="6628" y="84"/>
                      </a:lnTo>
                      <a:lnTo>
                        <a:pt x="6284" y="140"/>
                      </a:lnTo>
                      <a:lnTo>
                        <a:pt x="6179" y="161"/>
                      </a:lnTo>
                      <a:lnTo>
                        <a:pt x="6036" y="193"/>
                      </a:lnTo>
                      <a:lnTo>
                        <a:pt x="5767" y="259"/>
                      </a:lnTo>
                      <a:lnTo>
                        <a:pt x="5515" y="328"/>
                      </a:lnTo>
                      <a:lnTo>
                        <a:pt x="5277" y="401"/>
                      </a:lnTo>
                      <a:lnTo>
                        <a:pt x="5049" y="479"/>
                      </a:lnTo>
                      <a:lnTo>
                        <a:pt x="4827" y="564"/>
                      </a:lnTo>
                      <a:lnTo>
                        <a:pt x="4609" y="656"/>
                      </a:lnTo>
                      <a:lnTo>
                        <a:pt x="4390" y="758"/>
                      </a:lnTo>
                      <a:lnTo>
                        <a:pt x="4279" y="812"/>
                      </a:lnTo>
                      <a:lnTo>
                        <a:pt x="4153" y="876"/>
                      </a:lnTo>
                      <a:lnTo>
                        <a:pt x="3908" y="1010"/>
                      </a:lnTo>
                      <a:lnTo>
                        <a:pt x="3669" y="1152"/>
                      </a:lnTo>
                      <a:lnTo>
                        <a:pt x="3436" y="1302"/>
                      </a:lnTo>
                      <a:lnTo>
                        <a:pt x="3210" y="1459"/>
                      </a:lnTo>
                      <a:lnTo>
                        <a:pt x="2990" y="1624"/>
                      </a:lnTo>
                      <a:lnTo>
                        <a:pt x="2777" y="1797"/>
                      </a:lnTo>
                      <a:lnTo>
                        <a:pt x="2571" y="1977"/>
                      </a:lnTo>
                      <a:lnTo>
                        <a:pt x="2371" y="2165"/>
                      </a:lnTo>
                      <a:lnTo>
                        <a:pt x="2178" y="2360"/>
                      </a:lnTo>
                      <a:lnTo>
                        <a:pt x="1992" y="2563"/>
                      </a:lnTo>
                      <a:lnTo>
                        <a:pt x="1813" y="2773"/>
                      </a:lnTo>
                      <a:lnTo>
                        <a:pt x="1640" y="2991"/>
                      </a:lnTo>
                      <a:lnTo>
                        <a:pt x="1475" y="3216"/>
                      </a:lnTo>
                      <a:lnTo>
                        <a:pt x="1316" y="3448"/>
                      </a:lnTo>
                      <a:lnTo>
                        <a:pt x="1165" y="3688"/>
                      </a:lnTo>
                      <a:lnTo>
                        <a:pt x="1092" y="3811"/>
                      </a:lnTo>
                      <a:lnTo>
                        <a:pt x="1038" y="3905"/>
                      </a:lnTo>
                      <a:lnTo>
                        <a:pt x="905" y="4151"/>
                      </a:lnTo>
                      <a:lnTo>
                        <a:pt x="772" y="4410"/>
                      </a:lnTo>
                      <a:lnTo>
                        <a:pt x="671" y="4618"/>
                      </a:lnTo>
                      <a:lnTo>
                        <a:pt x="645" y="4677"/>
                      </a:lnTo>
                      <a:lnTo>
                        <a:pt x="619" y="4741"/>
                      </a:lnTo>
                      <a:lnTo>
                        <a:pt x="585" y="4819"/>
                      </a:lnTo>
                      <a:lnTo>
                        <a:pt x="517" y="4977"/>
                      </a:lnTo>
                      <a:lnTo>
                        <a:pt x="495" y="5037"/>
                      </a:lnTo>
                      <a:lnTo>
                        <a:pt x="585" y="5040"/>
                      </a:lnTo>
                      <a:lnTo>
                        <a:pt x="1447" y="5044"/>
                      </a:lnTo>
                      <a:lnTo>
                        <a:pt x="2082" y="5044"/>
                      </a:lnTo>
                      <a:lnTo>
                        <a:pt x="3669" y="5044"/>
                      </a:lnTo>
                      <a:lnTo>
                        <a:pt x="4187" y="4529"/>
                      </a:lnTo>
                      <a:lnTo>
                        <a:pt x="4342" y="4375"/>
                      </a:lnTo>
                      <a:lnTo>
                        <a:pt x="4557" y="4164"/>
                      </a:lnTo>
                      <a:lnTo>
                        <a:pt x="4690" y="4043"/>
                      </a:lnTo>
                      <a:lnTo>
                        <a:pt x="4772" y="3982"/>
                      </a:lnTo>
                      <a:lnTo>
                        <a:pt x="4804" y="3966"/>
                      </a:lnTo>
                      <a:lnTo>
                        <a:pt x="4904" y="3919"/>
                      </a:lnTo>
                      <a:lnTo>
                        <a:pt x="5589" y="3914"/>
                      </a:lnTo>
                      <a:lnTo>
                        <a:pt x="6272" y="3909"/>
                      </a:lnTo>
                      <a:lnTo>
                        <a:pt x="6335" y="3771"/>
                      </a:lnTo>
                      <a:lnTo>
                        <a:pt x="6358" y="3722"/>
                      </a:lnTo>
                      <a:lnTo>
                        <a:pt x="6409" y="3625"/>
                      </a:lnTo>
                      <a:lnTo>
                        <a:pt x="6467" y="3531"/>
                      </a:lnTo>
                      <a:lnTo>
                        <a:pt x="6531" y="3440"/>
                      </a:lnTo>
                      <a:lnTo>
                        <a:pt x="6599" y="3354"/>
                      </a:lnTo>
                      <a:lnTo>
                        <a:pt x="6672" y="3273"/>
                      </a:lnTo>
                      <a:lnTo>
                        <a:pt x="6749" y="3199"/>
                      </a:lnTo>
                      <a:lnTo>
                        <a:pt x="6828" y="3131"/>
                      </a:lnTo>
                      <a:lnTo>
                        <a:pt x="6869" y="3101"/>
                      </a:lnTo>
                      <a:lnTo>
                        <a:pt x="6922" y="3063"/>
                      </a:lnTo>
                      <a:lnTo>
                        <a:pt x="7054" y="2988"/>
                      </a:lnTo>
                      <a:lnTo>
                        <a:pt x="7200" y="2918"/>
                      </a:lnTo>
                      <a:lnTo>
                        <a:pt x="7346" y="2862"/>
                      </a:lnTo>
                      <a:lnTo>
                        <a:pt x="7412" y="2842"/>
                      </a:lnTo>
                      <a:lnTo>
                        <a:pt x="7456" y="2831"/>
                      </a:lnTo>
                      <a:lnTo>
                        <a:pt x="7534" y="2815"/>
                      </a:lnTo>
                      <a:lnTo>
                        <a:pt x="7624" y="2806"/>
                      </a:lnTo>
                      <a:lnTo>
                        <a:pt x="7745" y="2803"/>
                      </a:lnTo>
                      <a:lnTo>
                        <a:pt x="7829" y="2802"/>
                      </a:lnTo>
                      <a:lnTo>
                        <a:pt x="7951" y="2803"/>
                      </a:lnTo>
                      <a:lnTo>
                        <a:pt x="8100" y="2812"/>
                      </a:lnTo>
                      <a:lnTo>
                        <a:pt x="8189" y="2824"/>
                      </a:lnTo>
                      <a:lnTo>
                        <a:pt x="8273" y="2842"/>
                      </a:lnTo>
                      <a:lnTo>
                        <a:pt x="8356" y="2866"/>
                      </a:lnTo>
                      <a:lnTo>
                        <a:pt x="8489" y="2916"/>
                      </a:lnTo>
                      <a:lnTo>
                        <a:pt x="8592" y="2962"/>
                      </a:lnTo>
                      <a:lnTo>
                        <a:pt x="8638" y="2984"/>
                      </a:lnTo>
                      <a:lnTo>
                        <a:pt x="8731" y="3036"/>
                      </a:lnTo>
                      <a:lnTo>
                        <a:pt x="8821" y="3096"/>
                      </a:lnTo>
                      <a:lnTo>
                        <a:pt x="8910" y="3164"/>
                      </a:lnTo>
                      <a:lnTo>
                        <a:pt x="8995" y="3238"/>
                      </a:lnTo>
                      <a:lnTo>
                        <a:pt x="9075" y="3317"/>
                      </a:lnTo>
                      <a:lnTo>
                        <a:pt x="9149" y="3400"/>
                      </a:lnTo>
                      <a:lnTo>
                        <a:pt x="9217" y="3486"/>
                      </a:lnTo>
                      <a:lnTo>
                        <a:pt x="9247" y="3531"/>
                      </a:lnTo>
                      <a:lnTo>
                        <a:pt x="9282" y="3585"/>
                      </a:lnTo>
                      <a:lnTo>
                        <a:pt x="9344" y="3699"/>
                      </a:lnTo>
                      <a:lnTo>
                        <a:pt x="9397" y="3816"/>
                      </a:lnTo>
                      <a:lnTo>
                        <a:pt x="9440" y="3937"/>
                      </a:lnTo>
                      <a:lnTo>
                        <a:pt x="9474" y="4061"/>
                      </a:lnTo>
                      <a:lnTo>
                        <a:pt x="9498" y="4186"/>
                      </a:lnTo>
                      <a:lnTo>
                        <a:pt x="9513" y="4313"/>
                      </a:lnTo>
                      <a:lnTo>
                        <a:pt x="9518" y="4441"/>
                      </a:lnTo>
                      <a:lnTo>
                        <a:pt x="9514" y="4568"/>
                      </a:lnTo>
                      <a:lnTo>
                        <a:pt x="9500" y="4695"/>
                      </a:lnTo>
                      <a:lnTo>
                        <a:pt x="9477" y="4820"/>
                      </a:lnTo>
                      <a:lnTo>
                        <a:pt x="9445" y="4944"/>
                      </a:lnTo>
                      <a:lnTo>
                        <a:pt x="9403" y="5065"/>
                      </a:lnTo>
                      <a:lnTo>
                        <a:pt x="9352" y="5182"/>
                      </a:lnTo>
                      <a:lnTo>
                        <a:pt x="9292" y="5295"/>
                      </a:lnTo>
                      <a:lnTo>
                        <a:pt x="9222" y="5404"/>
                      </a:lnTo>
                      <a:lnTo>
                        <a:pt x="9184" y="5456"/>
                      </a:lnTo>
                      <a:lnTo>
                        <a:pt x="9133" y="5521"/>
                      </a:lnTo>
                      <a:lnTo>
                        <a:pt x="9023" y="5639"/>
                      </a:lnTo>
                      <a:lnTo>
                        <a:pt x="8902" y="5745"/>
                      </a:lnTo>
                      <a:lnTo>
                        <a:pt x="8772" y="5838"/>
                      </a:lnTo>
                      <a:lnTo>
                        <a:pt x="8631" y="5918"/>
                      </a:lnTo>
                      <a:lnTo>
                        <a:pt x="8481" y="5985"/>
                      </a:lnTo>
                      <a:lnTo>
                        <a:pt x="8321" y="6039"/>
                      </a:lnTo>
                      <a:lnTo>
                        <a:pt x="8151" y="6079"/>
                      </a:lnTo>
                      <a:lnTo>
                        <a:pt x="8062" y="6094"/>
                      </a:lnTo>
                      <a:lnTo>
                        <a:pt x="8015" y="6101"/>
                      </a:lnTo>
                      <a:lnTo>
                        <a:pt x="7919" y="6109"/>
                      </a:lnTo>
                      <a:lnTo>
                        <a:pt x="7822" y="6110"/>
                      </a:lnTo>
                      <a:lnTo>
                        <a:pt x="7725" y="6106"/>
                      </a:lnTo>
                      <a:lnTo>
                        <a:pt x="7627" y="6095"/>
                      </a:lnTo>
                      <a:lnTo>
                        <a:pt x="7530" y="6079"/>
                      </a:lnTo>
                      <a:lnTo>
                        <a:pt x="7434" y="6057"/>
                      </a:lnTo>
                      <a:lnTo>
                        <a:pt x="7339" y="6030"/>
                      </a:lnTo>
                      <a:lnTo>
                        <a:pt x="7245" y="5997"/>
                      </a:lnTo>
                      <a:lnTo>
                        <a:pt x="7154" y="5959"/>
                      </a:lnTo>
                      <a:lnTo>
                        <a:pt x="7065" y="5916"/>
                      </a:lnTo>
                      <a:lnTo>
                        <a:pt x="6979" y="5868"/>
                      </a:lnTo>
                      <a:lnTo>
                        <a:pt x="6897" y="5815"/>
                      </a:lnTo>
                      <a:lnTo>
                        <a:pt x="6818" y="5758"/>
                      </a:lnTo>
                      <a:lnTo>
                        <a:pt x="6744" y="5696"/>
                      </a:lnTo>
                      <a:lnTo>
                        <a:pt x="6675" y="5630"/>
                      </a:lnTo>
                      <a:lnTo>
                        <a:pt x="6642" y="5596"/>
                      </a:lnTo>
                      <a:lnTo>
                        <a:pt x="6599" y="5547"/>
                      </a:lnTo>
                      <a:lnTo>
                        <a:pt x="6509" y="5427"/>
                      </a:lnTo>
                      <a:lnTo>
                        <a:pt x="6425" y="5297"/>
                      </a:lnTo>
                      <a:lnTo>
                        <a:pt x="6356" y="5174"/>
                      </a:lnTo>
                      <a:lnTo>
                        <a:pt x="6334" y="5122"/>
                      </a:lnTo>
                      <a:lnTo>
                        <a:pt x="6317" y="5080"/>
                      </a:lnTo>
                      <a:lnTo>
                        <a:pt x="6282" y="5014"/>
                      </a:lnTo>
                      <a:lnTo>
                        <a:pt x="6270" y="5002"/>
                      </a:lnTo>
                      <a:lnTo>
                        <a:pt x="6260" y="4998"/>
                      </a:lnTo>
                      <a:lnTo>
                        <a:pt x="6185" y="4992"/>
                      </a:lnTo>
                      <a:lnTo>
                        <a:pt x="5970" y="4986"/>
                      </a:lnTo>
                      <a:lnTo>
                        <a:pt x="5747" y="4986"/>
                      </a:lnTo>
                      <a:lnTo>
                        <a:pt x="5245" y="4987"/>
                      </a:lnTo>
                      <a:lnTo>
                        <a:pt x="4724" y="5506"/>
                      </a:lnTo>
                      <a:lnTo>
                        <a:pt x="4581" y="5648"/>
                      </a:lnTo>
                      <a:lnTo>
                        <a:pt x="4369" y="5855"/>
                      </a:lnTo>
                      <a:lnTo>
                        <a:pt x="4230" y="5983"/>
                      </a:lnTo>
                      <a:lnTo>
                        <a:pt x="4146" y="6050"/>
                      </a:lnTo>
                      <a:lnTo>
                        <a:pt x="4120" y="6064"/>
                      </a:lnTo>
                      <a:lnTo>
                        <a:pt x="4037" y="6102"/>
                      </a:lnTo>
                      <a:lnTo>
                        <a:pt x="2104" y="6111"/>
                      </a:lnTo>
                      <a:lnTo>
                        <a:pt x="170" y="6119"/>
                      </a:lnTo>
                      <a:lnTo>
                        <a:pt x="150" y="6197"/>
                      </a:lnTo>
                      <a:lnTo>
                        <a:pt x="137" y="6253"/>
                      </a:lnTo>
                      <a:lnTo>
                        <a:pt x="109" y="6398"/>
                      </a:lnTo>
                      <a:lnTo>
                        <a:pt x="67" y="6658"/>
                      </a:lnTo>
                      <a:lnTo>
                        <a:pt x="21" y="7013"/>
                      </a:lnTo>
                      <a:lnTo>
                        <a:pt x="3" y="7210"/>
                      </a:lnTo>
                      <a:lnTo>
                        <a:pt x="3" y="7284"/>
                      </a:lnTo>
                      <a:lnTo>
                        <a:pt x="7" y="7296"/>
                      </a:lnTo>
                      <a:lnTo>
                        <a:pt x="71" y="7299"/>
                      </a:lnTo>
                      <a:lnTo>
                        <a:pt x="758" y="7304"/>
                      </a:lnTo>
                      <a:lnTo>
                        <a:pt x="2802" y="7308"/>
                      </a:lnTo>
                      <a:lnTo>
                        <a:pt x="4844" y="7307"/>
                      </a:lnTo>
                      <a:lnTo>
                        <a:pt x="7580" y="7304"/>
                      </a:lnTo>
                      <a:lnTo>
                        <a:pt x="9297" y="7295"/>
                      </a:lnTo>
                      <a:lnTo>
                        <a:pt x="9600" y="7288"/>
                      </a:lnTo>
                      <a:lnTo>
                        <a:pt x="9674" y="7281"/>
                      </a:lnTo>
                      <a:lnTo>
                        <a:pt x="9680" y="7277"/>
                      </a:lnTo>
                      <a:lnTo>
                        <a:pt x="9702" y="7232"/>
                      </a:lnTo>
                      <a:lnTo>
                        <a:pt x="9747" y="7136"/>
                      </a:lnTo>
                      <a:lnTo>
                        <a:pt x="9777" y="7072"/>
                      </a:lnTo>
                      <a:lnTo>
                        <a:pt x="9845" y="6952"/>
                      </a:lnTo>
                      <a:lnTo>
                        <a:pt x="9921" y="6839"/>
                      </a:lnTo>
                      <a:lnTo>
                        <a:pt x="10005" y="6734"/>
                      </a:lnTo>
                      <a:lnTo>
                        <a:pt x="10098" y="6636"/>
                      </a:lnTo>
                      <a:lnTo>
                        <a:pt x="10199" y="6547"/>
                      </a:lnTo>
                      <a:lnTo>
                        <a:pt x="10309" y="6466"/>
                      </a:lnTo>
                      <a:lnTo>
                        <a:pt x="10427" y="6394"/>
                      </a:lnTo>
                      <a:lnTo>
                        <a:pt x="10489" y="6361"/>
                      </a:lnTo>
                      <a:lnTo>
                        <a:pt x="10535" y="6337"/>
                      </a:lnTo>
                      <a:lnTo>
                        <a:pt x="10607" y="6303"/>
                      </a:lnTo>
                      <a:lnTo>
                        <a:pt x="10713" y="6266"/>
                      </a:lnTo>
                      <a:lnTo>
                        <a:pt x="10820" y="6237"/>
                      </a:lnTo>
                      <a:lnTo>
                        <a:pt x="10879" y="6223"/>
                      </a:lnTo>
                      <a:lnTo>
                        <a:pt x="10999" y="6201"/>
                      </a:lnTo>
                      <a:lnTo>
                        <a:pt x="11123" y="6188"/>
                      </a:lnTo>
                      <a:lnTo>
                        <a:pt x="11250" y="6185"/>
                      </a:lnTo>
                      <a:lnTo>
                        <a:pt x="11378" y="6192"/>
                      </a:lnTo>
                      <a:lnTo>
                        <a:pt x="11507" y="6207"/>
                      </a:lnTo>
                      <a:lnTo>
                        <a:pt x="11634" y="6232"/>
                      </a:lnTo>
                      <a:lnTo>
                        <a:pt x="11759" y="6265"/>
                      </a:lnTo>
                      <a:lnTo>
                        <a:pt x="11820" y="6286"/>
                      </a:lnTo>
                      <a:lnTo>
                        <a:pt x="11864" y="6302"/>
                      </a:lnTo>
                      <a:lnTo>
                        <a:pt x="11967" y="6348"/>
                      </a:lnTo>
                      <a:lnTo>
                        <a:pt x="12076" y="6402"/>
                      </a:lnTo>
                      <a:lnTo>
                        <a:pt x="12174" y="6458"/>
                      </a:lnTo>
                      <a:lnTo>
                        <a:pt x="12212" y="6482"/>
                      </a:lnTo>
                      <a:lnTo>
                        <a:pt x="12251" y="6510"/>
                      </a:lnTo>
                      <a:lnTo>
                        <a:pt x="12330" y="6575"/>
                      </a:lnTo>
                      <a:lnTo>
                        <a:pt x="12409" y="6649"/>
                      </a:lnTo>
                      <a:lnTo>
                        <a:pt x="12486" y="6730"/>
                      </a:lnTo>
                      <a:lnTo>
                        <a:pt x="12559" y="6816"/>
                      </a:lnTo>
                      <a:lnTo>
                        <a:pt x="12625" y="6903"/>
                      </a:lnTo>
                      <a:lnTo>
                        <a:pt x="12684" y="6992"/>
                      </a:lnTo>
                      <a:lnTo>
                        <a:pt x="12732" y="7078"/>
                      </a:lnTo>
                      <a:lnTo>
                        <a:pt x="12752" y="7119"/>
                      </a:lnTo>
                      <a:lnTo>
                        <a:pt x="12792" y="7211"/>
                      </a:lnTo>
                      <a:lnTo>
                        <a:pt x="12838" y="7339"/>
                      </a:lnTo>
                      <a:lnTo>
                        <a:pt x="12861" y="7422"/>
                      </a:lnTo>
                      <a:lnTo>
                        <a:pt x="12879" y="7507"/>
                      </a:lnTo>
                      <a:lnTo>
                        <a:pt x="12892" y="7595"/>
                      </a:lnTo>
                      <a:lnTo>
                        <a:pt x="12902" y="7737"/>
                      </a:lnTo>
                      <a:lnTo>
                        <a:pt x="12904" y="7844"/>
                      </a:lnTo>
                      <a:lnTo>
                        <a:pt x="12903" y="7914"/>
                      </a:lnTo>
                      <a:lnTo>
                        <a:pt x="12896" y="8046"/>
                      </a:lnTo>
                      <a:lnTo>
                        <a:pt x="12880" y="8169"/>
                      </a:lnTo>
                      <a:lnTo>
                        <a:pt x="12857" y="8286"/>
                      </a:lnTo>
                      <a:lnTo>
                        <a:pt x="12824" y="8398"/>
                      </a:lnTo>
                      <a:lnTo>
                        <a:pt x="12782" y="8507"/>
                      </a:lnTo>
                      <a:lnTo>
                        <a:pt x="12730" y="8615"/>
                      </a:lnTo>
                      <a:lnTo>
                        <a:pt x="12668" y="8723"/>
                      </a:lnTo>
                      <a:lnTo>
                        <a:pt x="12632" y="8777"/>
                      </a:lnTo>
                      <a:lnTo>
                        <a:pt x="12588" y="8841"/>
                      </a:lnTo>
                      <a:lnTo>
                        <a:pt x="12491" y="8960"/>
                      </a:lnTo>
                      <a:lnTo>
                        <a:pt x="12384" y="9067"/>
                      </a:lnTo>
                      <a:lnTo>
                        <a:pt x="12267" y="9164"/>
                      </a:lnTo>
                      <a:lnTo>
                        <a:pt x="12140" y="9250"/>
                      </a:lnTo>
                      <a:lnTo>
                        <a:pt x="12004" y="9324"/>
                      </a:lnTo>
                      <a:lnTo>
                        <a:pt x="11858" y="9387"/>
                      </a:lnTo>
                      <a:lnTo>
                        <a:pt x="11702" y="9439"/>
                      </a:lnTo>
                      <a:lnTo>
                        <a:pt x="11620" y="9461"/>
                      </a:lnTo>
                      <a:lnTo>
                        <a:pt x="11584" y="9469"/>
                      </a:lnTo>
                      <a:lnTo>
                        <a:pt x="11502" y="9482"/>
                      </a:lnTo>
                      <a:lnTo>
                        <a:pt x="11361" y="9495"/>
                      </a:lnTo>
                      <a:lnTo>
                        <a:pt x="11161" y="9498"/>
                      </a:lnTo>
                      <a:lnTo>
                        <a:pt x="11020" y="9489"/>
                      </a:lnTo>
                      <a:lnTo>
                        <a:pt x="10937" y="9478"/>
                      </a:lnTo>
                      <a:lnTo>
                        <a:pt x="10900" y="9471"/>
                      </a:lnTo>
                      <a:lnTo>
                        <a:pt x="10851" y="9460"/>
                      </a:lnTo>
                      <a:lnTo>
                        <a:pt x="10756" y="9433"/>
                      </a:lnTo>
                      <a:lnTo>
                        <a:pt x="10662" y="9402"/>
                      </a:lnTo>
                      <a:lnTo>
                        <a:pt x="10572" y="9365"/>
                      </a:lnTo>
                      <a:lnTo>
                        <a:pt x="10484" y="9324"/>
                      </a:lnTo>
                      <a:lnTo>
                        <a:pt x="10399" y="9277"/>
                      </a:lnTo>
                      <a:lnTo>
                        <a:pt x="10317" y="9226"/>
                      </a:lnTo>
                      <a:lnTo>
                        <a:pt x="10239" y="9170"/>
                      </a:lnTo>
                      <a:lnTo>
                        <a:pt x="10164" y="9110"/>
                      </a:lnTo>
                      <a:lnTo>
                        <a:pt x="10093" y="9046"/>
                      </a:lnTo>
                      <a:lnTo>
                        <a:pt x="10026" y="8978"/>
                      </a:lnTo>
                      <a:lnTo>
                        <a:pt x="9963" y="8906"/>
                      </a:lnTo>
                      <a:lnTo>
                        <a:pt x="9905" y="8830"/>
                      </a:lnTo>
                      <a:lnTo>
                        <a:pt x="9851" y="8750"/>
                      </a:lnTo>
                      <a:lnTo>
                        <a:pt x="9802" y="8667"/>
                      </a:lnTo>
                      <a:lnTo>
                        <a:pt x="9757" y="8580"/>
                      </a:lnTo>
                      <a:lnTo>
                        <a:pt x="9737" y="8536"/>
                      </a:lnTo>
                      <a:lnTo>
                        <a:pt x="9695" y="8440"/>
                      </a:lnTo>
                      <a:lnTo>
                        <a:pt x="9674" y="8397"/>
                      </a:lnTo>
                      <a:lnTo>
                        <a:pt x="9653" y="8395"/>
                      </a:lnTo>
                      <a:lnTo>
                        <a:pt x="9438" y="8390"/>
                      </a:lnTo>
                      <a:lnTo>
                        <a:pt x="8799" y="8385"/>
                      </a:lnTo>
                      <a:lnTo>
                        <a:pt x="6648" y="8377"/>
                      </a:lnTo>
                      <a:lnTo>
                        <a:pt x="3028" y="8376"/>
                      </a:lnTo>
                      <a:lnTo>
                        <a:pt x="877" y="8383"/>
                      </a:lnTo>
                      <a:lnTo>
                        <a:pt x="238" y="8388"/>
                      </a:lnTo>
                      <a:lnTo>
                        <a:pt x="24" y="8393"/>
                      </a:lnTo>
                      <a:lnTo>
                        <a:pt x="4" y="8396"/>
                      </a:lnTo>
                      <a:lnTo>
                        <a:pt x="0" y="8409"/>
                      </a:lnTo>
                      <a:lnTo>
                        <a:pt x="3" y="8487"/>
                      </a:lnTo>
                      <a:lnTo>
                        <a:pt x="23" y="8687"/>
                      </a:lnTo>
                      <a:lnTo>
                        <a:pt x="70" y="9043"/>
                      </a:lnTo>
                      <a:lnTo>
                        <a:pt x="126" y="9378"/>
                      </a:lnTo>
                      <a:lnTo>
                        <a:pt x="150" y="9491"/>
                      </a:lnTo>
                      <a:lnTo>
                        <a:pt x="170" y="9569"/>
                      </a:lnTo>
                      <a:lnTo>
                        <a:pt x="2104" y="9577"/>
                      </a:lnTo>
                      <a:lnTo>
                        <a:pt x="4037" y="9586"/>
                      </a:lnTo>
                      <a:lnTo>
                        <a:pt x="4120" y="9626"/>
                      </a:lnTo>
                      <a:lnTo>
                        <a:pt x="4147" y="9640"/>
                      </a:lnTo>
                      <a:lnTo>
                        <a:pt x="4234" y="9710"/>
                      </a:lnTo>
                      <a:lnTo>
                        <a:pt x="4376" y="9842"/>
                      </a:lnTo>
                      <a:lnTo>
                        <a:pt x="4588" y="10049"/>
                      </a:lnTo>
                      <a:lnTo>
                        <a:pt x="4729" y="10189"/>
                      </a:lnTo>
                      <a:lnTo>
                        <a:pt x="5255" y="10711"/>
                      </a:lnTo>
                      <a:lnTo>
                        <a:pt x="5762" y="10707"/>
                      </a:lnTo>
                      <a:lnTo>
                        <a:pt x="6269" y="10702"/>
                      </a:lnTo>
                      <a:lnTo>
                        <a:pt x="6290" y="10661"/>
                      </a:lnTo>
                      <a:lnTo>
                        <a:pt x="6320" y="10600"/>
                      </a:lnTo>
                      <a:lnTo>
                        <a:pt x="6372" y="10494"/>
                      </a:lnTo>
                      <a:lnTo>
                        <a:pt x="6394" y="10450"/>
                      </a:lnTo>
                      <a:lnTo>
                        <a:pt x="6441" y="10365"/>
                      </a:lnTo>
                      <a:lnTo>
                        <a:pt x="6492" y="10285"/>
                      </a:lnTo>
                      <a:lnTo>
                        <a:pt x="6547" y="10208"/>
                      </a:lnTo>
                      <a:lnTo>
                        <a:pt x="6606" y="10135"/>
                      </a:lnTo>
                      <a:lnTo>
                        <a:pt x="6668" y="10067"/>
                      </a:lnTo>
                      <a:lnTo>
                        <a:pt x="6734" y="10003"/>
                      </a:lnTo>
                      <a:lnTo>
                        <a:pt x="6803" y="9943"/>
                      </a:lnTo>
                      <a:lnTo>
                        <a:pt x="6876" y="9887"/>
                      </a:lnTo>
                      <a:lnTo>
                        <a:pt x="6952" y="9836"/>
                      </a:lnTo>
                      <a:lnTo>
                        <a:pt x="7032" y="9789"/>
                      </a:lnTo>
                      <a:lnTo>
                        <a:pt x="7115" y="9746"/>
                      </a:lnTo>
                      <a:lnTo>
                        <a:pt x="7201" y="9708"/>
                      </a:lnTo>
                      <a:lnTo>
                        <a:pt x="7291" y="9674"/>
                      </a:lnTo>
                      <a:lnTo>
                        <a:pt x="7383" y="9644"/>
                      </a:lnTo>
                      <a:lnTo>
                        <a:pt x="7479" y="9620"/>
                      </a:lnTo>
                      <a:lnTo>
                        <a:pt x="7529" y="9609"/>
                      </a:lnTo>
                      <a:lnTo>
                        <a:pt x="7563" y="9602"/>
                      </a:lnTo>
                      <a:lnTo>
                        <a:pt x="7643" y="9593"/>
                      </a:lnTo>
                      <a:lnTo>
                        <a:pt x="7782" y="9586"/>
                      </a:lnTo>
                      <a:lnTo>
                        <a:pt x="7981" y="9591"/>
                      </a:lnTo>
                      <a:lnTo>
                        <a:pt x="8120" y="9606"/>
                      </a:lnTo>
                      <a:lnTo>
                        <a:pt x="8202" y="9619"/>
                      </a:lnTo>
                      <a:lnTo>
                        <a:pt x="8237" y="9627"/>
                      </a:lnTo>
                      <a:lnTo>
                        <a:pt x="8290" y="9641"/>
                      </a:lnTo>
                      <a:lnTo>
                        <a:pt x="8392" y="9673"/>
                      </a:lnTo>
                      <a:lnTo>
                        <a:pt x="8490" y="9709"/>
                      </a:lnTo>
                      <a:lnTo>
                        <a:pt x="8585" y="9750"/>
                      </a:lnTo>
                      <a:lnTo>
                        <a:pt x="8676" y="9796"/>
                      </a:lnTo>
                      <a:lnTo>
                        <a:pt x="8763" y="9847"/>
                      </a:lnTo>
                      <a:lnTo>
                        <a:pt x="8845" y="9902"/>
                      </a:lnTo>
                      <a:lnTo>
                        <a:pt x="8924" y="9962"/>
                      </a:lnTo>
                      <a:lnTo>
                        <a:pt x="8998" y="10027"/>
                      </a:lnTo>
                      <a:lnTo>
                        <a:pt x="9068" y="10096"/>
                      </a:lnTo>
                      <a:lnTo>
                        <a:pt x="9134" y="10169"/>
                      </a:lnTo>
                      <a:lnTo>
                        <a:pt x="9195" y="10247"/>
                      </a:lnTo>
                      <a:lnTo>
                        <a:pt x="9251" y="10328"/>
                      </a:lnTo>
                      <a:lnTo>
                        <a:pt x="9303" y="10414"/>
                      </a:lnTo>
                      <a:lnTo>
                        <a:pt x="9350" y="10504"/>
                      </a:lnTo>
                      <a:lnTo>
                        <a:pt x="9393" y="10599"/>
                      </a:lnTo>
                      <a:lnTo>
                        <a:pt x="9412" y="10647"/>
                      </a:lnTo>
                      <a:lnTo>
                        <a:pt x="9428" y="10693"/>
                      </a:lnTo>
                      <a:lnTo>
                        <a:pt x="9457" y="10791"/>
                      </a:lnTo>
                      <a:lnTo>
                        <a:pt x="9482" y="10899"/>
                      </a:lnTo>
                      <a:lnTo>
                        <a:pt x="9502" y="11021"/>
                      </a:lnTo>
                      <a:lnTo>
                        <a:pt x="9510" y="11089"/>
                      </a:lnTo>
                      <a:lnTo>
                        <a:pt x="9517" y="11155"/>
                      </a:lnTo>
                      <a:lnTo>
                        <a:pt x="9519" y="11290"/>
                      </a:lnTo>
                      <a:lnTo>
                        <a:pt x="9509" y="11429"/>
                      </a:lnTo>
                      <a:lnTo>
                        <a:pt x="9487" y="11569"/>
                      </a:lnTo>
                      <a:lnTo>
                        <a:pt x="9452" y="11707"/>
                      </a:lnTo>
                      <a:lnTo>
                        <a:pt x="9407" y="11843"/>
                      </a:lnTo>
                      <a:lnTo>
                        <a:pt x="9351" y="11974"/>
                      </a:lnTo>
                      <a:lnTo>
                        <a:pt x="9284" y="12099"/>
                      </a:lnTo>
                      <a:lnTo>
                        <a:pt x="9247" y="12157"/>
                      </a:lnTo>
                      <a:lnTo>
                        <a:pt x="9217" y="12201"/>
                      </a:lnTo>
                      <a:lnTo>
                        <a:pt x="9154" y="12284"/>
                      </a:lnTo>
                      <a:lnTo>
                        <a:pt x="9087" y="12362"/>
                      </a:lnTo>
                      <a:lnTo>
                        <a:pt x="9015" y="12435"/>
                      </a:lnTo>
                      <a:lnTo>
                        <a:pt x="8940" y="12504"/>
                      </a:lnTo>
                      <a:lnTo>
                        <a:pt x="8860" y="12567"/>
                      </a:lnTo>
                      <a:lnTo>
                        <a:pt x="8777" y="12625"/>
                      </a:lnTo>
                      <a:lnTo>
                        <a:pt x="8690" y="12677"/>
                      </a:lnTo>
                      <a:lnTo>
                        <a:pt x="8600" y="12724"/>
                      </a:lnTo>
                      <a:lnTo>
                        <a:pt x="8507" y="12766"/>
                      </a:lnTo>
                      <a:lnTo>
                        <a:pt x="8410" y="12802"/>
                      </a:lnTo>
                      <a:lnTo>
                        <a:pt x="8312" y="12832"/>
                      </a:lnTo>
                      <a:lnTo>
                        <a:pt x="8210" y="12856"/>
                      </a:lnTo>
                      <a:lnTo>
                        <a:pt x="8106" y="12875"/>
                      </a:lnTo>
                      <a:lnTo>
                        <a:pt x="8000" y="12887"/>
                      </a:lnTo>
                      <a:lnTo>
                        <a:pt x="7892" y="12893"/>
                      </a:lnTo>
                      <a:lnTo>
                        <a:pt x="7837" y="12894"/>
                      </a:lnTo>
                      <a:lnTo>
                        <a:pt x="7776" y="12893"/>
                      </a:lnTo>
                      <a:lnTo>
                        <a:pt x="7657" y="12886"/>
                      </a:lnTo>
                      <a:lnTo>
                        <a:pt x="7541" y="12870"/>
                      </a:lnTo>
                      <a:lnTo>
                        <a:pt x="7428" y="12847"/>
                      </a:lnTo>
                      <a:lnTo>
                        <a:pt x="7318" y="12816"/>
                      </a:lnTo>
                      <a:lnTo>
                        <a:pt x="7212" y="12779"/>
                      </a:lnTo>
                      <a:lnTo>
                        <a:pt x="7110" y="12734"/>
                      </a:lnTo>
                      <a:lnTo>
                        <a:pt x="7011" y="12682"/>
                      </a:lnTo>
                      <a:lnTo>
                        <a:pt x="6917" y="12623"/>
                      </a:lnTo>
                      <a:lnTo>
                        <a:pt x="6827" y="12557"/>
                      </a:lnTo>
                      <a:lnTo>
                        <a:pt x="6742" y="12485"/>
                      </a:lnTo>
                      <a:lnTo>
                        <a:pt x="6662" y="12406"/>
                      </a:lnTo>
                      <a:lnTo>
                        <a:pt x="6586" y="12321"/>
                      </a:lnTo>
                      <a:lnTo>
                        <a:pt x="6516" y="12229"/>
                      </a:lnTo>
                      <a:lnTo>
                        <a:pt x="6451" y="12132"/>
                      </a:lnTo>
                      <a:lnTo>
                        <a:pt x="6392" y="12028"/>
                      </a:lnTo>
                      <a:lnTo>
                        <a:pt x="6365" y="11974"/>
                      </a:lnTo>
                      <a:lnTo>
                        <a:pt x="6270" y="11779"/>
                      </a:lnTo>
                      <a:lnTo>
                        <a:pt x="5614" y="11777"/>
                      </a:lnTo>
                      <a:lnTo>
                        <a:pt x="5302" y="11777"/>
                      </a:lnTo>
                      <a:lnTo>
                        <a:pt x="5017" y="11770"/>
                      </a:lnTo>
                      <a:lnTo>
                        <a:pt x="4912" y="11762"/>
                      </a:lnTo>
                      <a:lnTo>
                        <a:pt x="4889" y="11757"/>
                      </a:lnTo>
                      <a:lnTo>
                        <a:pt x="4865" y="11750"/>
                      </a:lnTo>
                      <a:lnTo>
                        <a:pt x="4817" y="11729"/>
                      </a:lnTo>
                      <a:lnTo>
                        <a:pt x="4764" y="11697"/>
                      </a:lnTo>
                      <a:lnTo>
                        <a:pt x="4700" y="11650"/>
                      </a:lnTo>
                      <a:lnTo>
                        <a:pt x="4579" y="11544"/>
                      </a:lnTo>
                      <a:lnTo>
                        <a:pt x="4335" y="11309"/>
                      </a:lnTo>
                      <a:lnTo>
                        <a:pt x="4162" y="11136"/>
                      </a:lnTo>
                      <a:lnTo>
                        <a:pt x="3670" y="10644"/>
                      </a:lnTo>
                      <a:lnTo>
                        <a:pt x="2084" y="10644"/>
                      </a:lnTo>
                      <a:lnTo>
                        <a:pt x="1199" y="10644"/>
                      </a:lnTo>
                      <a:lnTo>
                        <a:pt x="627" y="10651"/>
                      </a:lnTo>
                      <a:lnTo>
                        <a:pt x="523" y="10658"/>
                      </a:lnTo>
                      <a:lnTo>
                        <a:pt x="497" y="10664"/>
                      </a:lnTo>
                      <a:lnTo>
                        <a:pt x="495" y="10667"/>
                      </a:lnTo>
                      <a:lnTo>
                        <a:pt x="496" y="10678"/>
                      </a:lnTo>
                      <a:lnTo>
                        <a:pt x="506" y="10697"/>
                      </a:lnTo>
                      <a:lnTo>
                        <a:pt x="512" y="10702"/>
                      </a:lnTo>
                      <a:lnTo>
                        <a:pt x="518" y="10708"/>
                      </a:lnTo>
                      <a:lnTo>
                        <a:pt x="528" y="10726"/>
                      </a:lnTo>
                      <a:lnTo>
                        <a:pt x="529" y="10736"/>
                      </a:lnTo>
                      <a:lnTo>
                        <a:pt x="531" y="10750"/>
                      </a:lnTo>
                      <a:lnTo>
                        <a:pt x="553" y="10811"/>
                      </a:lnTo>
                      <a:lnTo>
                        <a:pt x="569" y="10847"/>
                      </a:lnTo>
                      <a:lnTo>
                        <a:pt x="611" y="10944"/>
                      </a:lnTo>
                      <a:lnTo>
                        <a:pt x="662" y="11061"/>
                      </a:lnTo>
                      <a:lnTo>
                        <a:pt x="691" y="11126"/>
                      </a:lnTo>
                      <a:lnTo>
                        <a:pt x="759" y="11270"/>
                      </a:lnTo>
                      <a:lnTo>
                        <a:pt x="878" y="11503"/>
                      </a:lnTo>
                      <a:lnTo>
                        <a:pt x="1061" y="11830"/>
                      </a:lnTo>
                      <a:lnTo>
                        <a:pt x="1251" y="12141"/>
                      </a:lnTo>
                      <a:lnTo>
                        <a:pt x="1342" y="12277"/>
                      </a:lnTo>
                      <a:lnTo>
                        <a:pt x="1450" y="12433"/>
                      </a:lnTo>
                      <a:lnTo>
                        <a:pt x="1657" y="12710"/>
                      </a:lnTo>
                      <a:lnTo>
                        <a:pt x="1874" y="12970"/>
                      </a:lnTo>
                      <a:lnTo>
                        <a:pt x="2125" y="13243"/>
                      </a:lnTo>
                      <a:lnTo>
                        <a:pt x="2274" y="13396"/>
                      </a:lnTo>
                      <a:lnTo>
                        <a:pt x="2595" y="13721"/>
                      </a:lnTo>
                      <a:lnTo>
                        <a:pt x="2137" y="15551"/>
                      </a:lnTo>
                      <a:lnTo>
                        <a:pt x="1903" y="16490"/>
                      </a:lnTo>
                      <a:lnTo>
                        <a:pt x="1728" y="17221"/>
                      </a:lnTo>
                      <a:lnTo>
                        <a:pt x="1690" y="17401"/>
                      </a:lnTo>
                      <a:lnTo>
                        <a:pt x="1679" y="17468"/>
                      </a:lnTo>
                      <a:lnTo>
                        <a:pt x="1679" y="17486"/>
                      </a:lnTo>
                      <a:lnTo>
                        <a:pt x="1679" y="17515"/>
                      </a:lnTo>
                      <a:lnTo>
                        <a:pt x="1684" y="17565"/>
                      </a:lnTo>
                      <a:lnTo>
                        <a:pt x="1695" y="17611"/>
                      </a:lnTo>
                      <a:lnTo>
                        <a:pt x="1715" y="17661"/>
                      </a:lnTo>
                      <a:lnTo>
                        <a:pt x="1729" y="17691"/>
                      </a:lnTo>
                      <a:lnTo>
                        <a:pt x="1752" y="17735"/>
                      </a:lnTo>
                      <a:lnTo>
                        <a:pt x="1806" y="17809"/>
                      </a:lnTo>
                      <a:lnTo>
                        <a:pt x="1873" y="17871"/>
                      </a:lnTo>
                      <a:lnTo>
                        <a:pt x="1956" y="17923"/>
                      </a:lnTo>
                      <a:lnTo>
                        <a:pt x="2007" y="17947"/>
                      </a:lnTo>
                      <a:lnTo>
                        <a:pt x="2112" y="17994"/>
                      </a:lnTo>
                      <a:lnTo>
                        <a:pt x="5864" y="17994"/>
                      </a:lnTo>
                      <a:lnTo>
                        <a:pt x="9617" y="17994"/>
                      </a:lnTo>
                      <a:lnTo>
                        <a:pt x="9715" y="17959"/>
                      </a:lnTo>
                      <a:lnTo>
                        <a:pt x="9756" y="17942"/>
                      </a:lnTo>
                      <a:lnTo>
                        <a:pt x="9837" y="17895"/>
                      </a:lnTo>
                      <a:lnTo>
                        <a:pt x="9912" y="17834"/>
                      </a:lnTo>
                      <a:lnTo>
                        <a:pt x="9975" y="17766"/>
                      </a:lnTo>
                      <a:lnTo>
                        <a:pt x="9999" y="17731"/>
                      </a:lnTo>
                      <a:lnTo>
                        <a:pt x="10010" y="17706"/>
                      </a:lnTo>
                      <a:lnTo>
                        <a:pt x="10053" y="17567"/>
                      </a:lnTo>
                      <a:lnTo>
                        <a:pt x="10161" y="17167"/>
                      </a:lnTo>
                      <a:lnTo>
                        <a:pt x="10270" y="16736"/>
                      </a:lnTo>
                      <a:lnTo>
                        <a:pt x="10505" y="15802"/>
                      </a:lnTo>
                      <a:lnTo>
                        <a:pt x="10604" y="15806"/>
                      </a:lnTo>
                      <a:lnTo>
                        <a:pt x="10651" y="15808"/>
                      </a:lnTo>
                      <a:lnTo>
                        <a:pt x="10773" y="15820"/>
                      </a:lnTo>
                      <a:lnTo>
                        <a:pt x="10829" y="15827"/>
                      </a:lnTo>
                      <a:lnTo>
                        <a:pt x="11190" y="15881"/>
                      </a:lnTo>
                      <a:lnTo>
                        <a:pt x="11704" y="15954"/>
                      </a:lnTo>
                      <a:lnTo>
                        <a:pt x="12013" y="15997"/>
                      </a:lnTo>
                      <a:lnTo>
                        <a:pt x="12345" y="16044"/>
                      </a:lnTo>
                      <a:lnTo>
                        <a:pt x="12639" y="16087"/>
                      </a:lnTo>
                      <a:lnTo>
                        <a:pt x="12812" y="16111"/>
                      </a:lnTo>
                      <a:lnTo>
                        <a:pt x="12931" y="16128"/>
                      </a:lnTo>
                      <a:lnTo>
                        <a:pt x="13037" y="16144"/>
                      </a:lnTo>
                      <a:lnTo>
                        <a:pt x="13130" y="16157"/>
                      </a:lnTo>
                      <a:lnTo>
                        <a:pt x="13204" y="16169"/>
                      </a:lnTo>
                      <a:lnTo>
                        <a:pt x="13335" y="16187"/>
                      </a:lnTo>
                      <a:lnTo>
                        <a:pt x="13620" y="16229"/>
                      </a:lnTo>
                      <a:lnTo>
                        <a:pt x="13766" y="16250"/>
                      </a:lnTo>
                      <a:lnTo>
                        <a:pt x="14011" y="16278"/>
                      </a:lnTo>
                      <a:lnTo>
                        <a:pt x="14072" y="16281"/>
                      </a:lnTo>
                      <a:lnTo>
                        <a:pt x="14109" y="16280"/>
                      </a:lnTo>
                      <a:lnTo>
                        <a:pt x="14182" y="16271"/>
                      </a:lnTo>
                      <a:lnTo>
                        <a:pt x="14253" y="16251"/>
                      </a:lnTo>
                      <a:lnTo>
                        <a:pt x="14320" y="16223"/>
                      </a:lnTo>
                      <a:lnTo>
                        <a:pt x="14383" y="16186"/>
                      </a:lnTo>
                      <a:lnTo>
                        <a:pt x="14439" y="16141"/>
                      </a:lnTo>
                      <a:lnTo>
                        <a:pt x="14487" y="16090"/>
                      </a:lnTo>
                      <a:lnTo>
                        <a:pt x="14526" y="16032"/>
                      </a:lnTo>
                      <a:lnTo>
                        <a:pt x="14542" y="16001"/>
                      </a:lnTo>
                      <a:lnTo>
                        <a:pt x="14557" y="15954"/>
                      </a:lnTo>
                      <a:lnTo>
                        <a:pt x="14653" y="15595"/>
                      </a:lnTo>
                      <a:lnTo>
                        <a:pt x="14901" y="14626"/>
                      </a:lnTo>
                      <a:lnTo>
                        <a:pt x="15120" y="13756"/>
                      </a:lnTo>
                      <a:lnTo>
                        <a:pt x="15337" y="12888"/>
                      </a:lnTo>
                      <a:lnTo>
                        <a:pt x="15580" y="11939"/>
                      </a:lnTo>
                      <a:lnTo>
                        <a:pt x="15670" y="11600"/>
                      </a:lnTo>
                      <a:lnTo>
                        <a:pt x="15682" y="11564"/>
                      </a:lnTo>
                      <a:lnTo>
                        <a:pt x="15734" y="11525"/>
                      </a:lnTo>
                      <a:lnTo>
                        <a:pt x="16162" y="11234"/>
                      </a:lnTo>
                      <a:lnTo>
                        <a:pt x="16470" y="11027"/>
                      </a:lnTo>
                      <a:lnTo>
                        <a:pt x="16789" y="10814"/>
                      </a:lnTo>
                      <a:lnTo>
                        <a:pt x="17140" y="10570"/>
                      </a:lnTo>
                      <a:lnTo>
                        <a:pt x="17274" y="10470"/>
                      </a:lnTo>
                      <a:lnTo>
                        <a:pt x="17297" y="10449"/>
                      </a:lnTo>
                      <a:lnTo>
                        <a:pt x="17325" y="10416"/>
                      </a:lnTo>
                      <a:lnTo>
                        <a:pt x="17369" y="10344"/>
                      </a:lnTo>
                      <a:lnTo>
                        <a:pt x="17401" y="10265"/>
                      </a:lnTo>
                      <a:lnTo>
                        <a:pt x="17420" y="10182"/>
                      </a:lnTo>
                      <a:lnTo>
                        <a:pt x="17426" y="10097"/>
                      </a:lnTo>
                      <a:lnTo>
                        <a:pt x="17419" y="10013"/>
                      </a:lnTo>
                      <a:lnTo>
                        <a:pt x="17398" y="9932"/>
                      </a:lnTo>
                      <a:lnTo>
                        <a:pt x="17363" y="9856"/>
                      </a:lnTo>
                      <a:lnTo>
                        <a:pt x="17340" y="9821"/>
                      </a:lnTo>
                      <a:lnTo>
                        <a:pt x="17135" y="9544"/>
                      </a:lnTo>
                      <a:lnTo>
                        <a:pt x="16519" y="8719"/>
                      </a:lnTo>
                      <a:lnTo>
                        <a:pt x="15732" y="7669"/>
                      </a:lnTo>
                      <a:lnTo>
                        <a:pt x="15722" y="7511"/>
                      </a:lnTo>
                      <a:lnTo>
                        <a:pt x="15705" y="7285"/>
                      </a:lnTo>
                      <a:lnTo>
                        <a:pt x="15662" y="6864"/>
                      </a:lnTo>
                      <a:lnTo>
                        <a:pt x="15602" y="6463"/>
                      </a:lnTo>
                      <a:lnTo>
                        <a:pt x="15525" y="6065"/>
                      </a:lnTo>
                      <a:lnTo>
                        <a:pt x="15477" y="5861"/>
                      </a:lnTo>
                      <a:lnTo>
                        <a:pt x="15457" y="5781"/>
                      </a:lnTo>
                      <a:lnTo>
                        <a:pt x="15391" y="5552"/>
                      </a:lnTo>
                      <a:lnTo>
                        <a:pt x="15315" y="5303"/>
                      </a:lnTo>
                      <a:lnTo>
                        <a:pt x="15250" y="5105"/>
                      </a:lnTo>
                      <a:lnTo>
                        <a:pt x="15230" y="5052"/>
                      </a:lnTo>
                      <a:lnTo>
                        <a:pt x="15201" y="4982"/>
                      </a:lnTo>
                      <a:lnTo>
                        <a:pt x="15137" y="4819"/>
                      </a:lnTo>
                      <a:lnTo>
                        <a:pt x="15084" y="4688"/>
                      </a:lnTo>
                      <a:lnTo>
                        <a:pt x="14969" y="4429"/>
                      </a:lnTo>
                      <a:lnTo>
                        <a:pt x="14844" y="4174"/>
                      </a:lnTo>
                      <a:lnTo>
                        <a:pt x="14709" y="3924"/>
                      </a:lnTo>
                      <a:lnTo>
                        <a:pt x="14564" y="3679"/>
                      </a:lnTo>
                      <a:lnTo>
                        <a:pt x="14410" y="3440"/>
                      </a:lnTo>
                      <a:lnTo>
                        <a:pt x="14246" y="3206"/>
                      </a:lnTo>
                      <a:lnTo>
                        <a:pt x="14074" y="2979"/>
                      </a:lnTo>
                      <a:lnTo>
                        <a:pt x="13892" y="2757"/>
                      </a:lnTo>
                      <a:lnTo>
                        <a:pt x="13702" y="2543"/>
                      </a:lnTo>
                      <a:lnTo>
                        <a:pt x="13504" y="2335"/>
                      </a:lnTo>
                      <a:lnTo>
                        <a:pt x="13298" y="2135"/>
                      </a:lnTo>
                      <a:lnTo>
                        <a:pt x="13085" y="1943"/>
                      </a:lnTo>
                      <a:lnTo>
                        <a:pt x="12864" y="1759"/>
                      </a:lnTo>
                      <a:lnTo>
                        <a:pt x="12636" y="1583"/>
                      </a:lnTo>
                      <a:lnTo>
                        <a:pt x="12401" y="1415"/>
                      </a:lnTo>
                      <a:lnTo>
                        <a:pt x="12280" y="1336"/>
                      </a:lnTo>
                      <a:lnTo>
                        <a:pt x="12130" y="1240"/>
                      </a:lnTo>
                      <a:lnTo>
                        <a:pt x="11803" y="1046"/>
                      </a:lnTo>
                      <a:lnTo>
                        <a:pt x="11474" y="868"/>
                      </a:lnTo>
                      <a:lnTo>
                        <a:pt x="11249" y="758"/>
                      </a:lnTo>
                      <a:lnTo>
                        <a:pt x="11116" y="699"/>
                      </a:lnTo>
                      <a:lnTo>
                        <a:pt x="11057" y="676"/>
                      </a:lnTo>
                      <a:lnTo>
                        <a:pt x="10980" y="645"/>
                      </a:lnTo>
                      <a:lnTo>
                        <a:pt x="10920" y="619"/>
                      </a:lnTo>
                      <a:lnTo>
                        <a:pt x="10844" y="587"/>
                      </a:lnTo>
                      <a:lnTo>
                        <a:pt x="10628" y="506"/>
                      </a:lnTo>
                      <a:lnTo>
                        <a:pt x="10384" y="421"/>
                      </a:lnTo>
                      <a:lnTo>
                        <a:pt x="10162" y="349"/>
                      </a:lnTo>
                      <a:lnTo>
                        <a:pt x="10079" y="326"/>
                      </a:lnTo>
                      <a:lnTo>
                        <a:pt x="9932" y="286"/>
                      </a:lnTo>
                      <a:lnTo>
                        <a:pt x="9703" y="227"/>
                      </a:lnTo>
                      <a:lnTo>
                        <a:pt x="9637" y="212"/>
                      </a:lnTo>
                      <a:lnTo>
                        <a:pt x="9478" y="179"/>
                      </a:lnTo>
                      <a:lnTo>
                        <a:pt x="9197" y="126"/>
                      </a:lnTo>
                      <a:lnTo>
                        <a:pt x="9020" y="96"/>
                      </a:lnTo>
                      <a:lnTo>
                        <a:pt x="8922" y="81"/>
                      </a:lnTo>
                      <a:lnTo>
                        <a:pt x="8554" y="38"/>
                      </a:lnTo>
                      <a:lnTo>
                        <a:pt x="8362" y="17"/>
                      </a:lnTo>
                      <a:lnTo>
                        <a:pt x="8279" y="11"/>
                      </a:lnTo>
                      <a:lnTo>
                        <a:pt x="7976" y="3"/>
                      </a:lnTo>
                      <a:lnTo>
                        <a:pt x="7630" y="0"/>
                      </a:lnTo>
                      <a:lnTo>
                        <a:pt x="7376" y="4"/>
                      </a:lnTo>
                      <a:lnTo>
                        <a:pt x="7337" y="9"/>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384" name="Freeform 6"/>
                <p:cNvSpPr>
                  <a:spLocks/>
                </p:cNvSpPr>
                <p:nvPr/>
              </p:nvSpPr>
              <p:spPr bwMode="auto">
                <a:xfrm>
                  <a:off x="3493" y="928"/>
                  <a:ext cx="281" cy="283"/>
                </a:xfrm>
                <a:custGeom>
                  <a:avLst/>
                  <a:gdLst>
                    <a:gd name="T0" fmla="*/ 355 w 1170"/>
                    <a:gd name="T1" fmla="*/ 42 h 1180"/>
                    <a:gd name="T2" fmla="*/ 326 w 1170"/>
                    <a:gd name="T3" fmla="*/ 55 h 1180"/>
                    <a:gd name="T4" fmla="*/ 272 w 1170"/>
                    <a:gd name="T5" fmla="*/ 84 h 1180"/>
                    <a:gd name="T6" fmla="*/ 223 w 1170"/>
                    <a:gd name="T7" fmla="*/ 118 h 1180"/>
                    <a:gd name="T8" fmla="*/ 178 w 1170"/>
                    <a:gd name="T9" fmla="*/ 158 h 1180"/>
                    <a:gd name="T10" fmla="*/ 138 w 1170"/>
                    <a:gd name="T11" fmla="*/ 201 h 1180"/>
                    <a:gd name="T12" fmla="*/ 102 w 1170"/>
                    <a:gd name="T13" fmla="*/ 248 h 1180"/>
                    <a:gd name="T14" fmla="*/ 72 w 1170"/>
                    <a:gd name="T15" fmla="*/ 298 h 1180"/>
                    <a:gd name="T16" fmla="*/ 46 w 1170"/>
                    <a:gd name="T17" fmla="*/ 352 h 1180"/>
                    <a:gd name="T18" fmla="*/ 27 w 1170"/>
                    <a:gd name="T19" fmla="*/ 408 h 1180"/>
                    <a:gd name="T20" fmla="*/ 12 w 1170"/>
                    <a:gd name="T21" fmla="*/ 466 h 1180"/>
                    <a:gd name="T22" fmla="*/ 3 w 1170"/>
                    <a:gd name="T23" fmla="*/ 525 h 1180"/>
                    <a:gd name="T24" fmla="*/ 0 w 1170"/>
                    <a:gd name="T25" fmla="*/ 586 h 1180"/>
                    <a:gd name="T26" fmla="*/ 3 w 1170"/>
                    <a:gd name="T27" fmla="*/ 647 h 1180"/>
                    <a:gd name="T28" fmla="*/ 12 w 1170"/>
                    <a:gd name="T29" fmla="*/ 709 h 1180"/>
                    <a:gd name="T30" fmla="*/ 28 w 1170"/>
                    <a:gd name="T31" fmla="*/ 770 h 1180"/>
                    <a:gd name="T32" fmla="*/ 50 w 1170"/>
                    <a:gd name="T33" fmla="*/ 831 h 1180"/>
                    <a:gd name="T34" fmla="*/ 63 w 1170"/>
                    <a:gd name="T35" fmla="*/ 861 h 1180"/>
                    <a:gd name="T36" fmla="*/ 83 w 1170"/>
                    <a:gd name="T37" fmla="*/ 900 h 1180"/>
                    <a:gd name="T38" fmla="*/ 130 w 1170"/>
                    <a:gd name="T39" fmla="*/ 969 h 1180"/>
                    <a:gd name="T40" fmla="*/ 185 w 1170"/>
                    <a:gd name="T41" fmla="*/ 1029 h 1180"/>
                    <a:gd name="T42" fmla="*/ 247 w 1170"/>
                    <a:gd name="T43" fmla="*/ 1079 h 1180"/>
                    <a:gd name="T44" fmla="*/ 314 w 1170"/>
                    <a:gd name="T45" fmla="*/ 1119 h 1180"/>
                    <a:gd name="T46" fmla="*/ 386 w 1170"/>
                    <a:gd name="T47" fmla="*/ 1149 h 1180"/>
                    <a:gd name="T48" fmla="*/ 461 w 1170"/>
                    <a:gd name="T49" fmla="*/ 1169 h 1180"/>
                    <a:gd name="T50" fmla="*/ 539 w 1170"/>
                    <a:gd name="T51" fmla="*/ 1180 h 1180"/>
                    <a:gd name="T52" fmla="*/ 617 w 1170"/>
                    <a:gd name="T53" fmla="*/ 1180 h 1180"/>
                    <a:gd name="T54" fmla="*/ 695 w 1170"/>
                    <a:gd name="T55" fmla="*/ 1170 h 1180"/>
                    <a:gd name="T56" fmla="*/ 771 w 1170"/>
                    <a:gd name="T57" fmla="*/ 1150 h 1180"/>
                    <a:gd name="T58" fmla="*/ 845 w 1170"/>
                    <a:gd name="T59" fmla="*/ 1121 h 1180"/>
                    <a:gd name="T60" fmla="*/ 915 w 1170"/>
                    <a:gd name="T61" fmla="*/ 1081 h 1180"/>
                    <a:gd name="T62" fmla="*/ 980 w 1170"/>
                    <a:gd name="T63" fmla="*/ 1032 h 1180"/>
                    <a:gd name="T64" fmla="*/ 1039 w 1170"/>
                    <a:gd name="T65" fmla="*/ 972 h 1180"/>
                    <a:gd name="T66" fmla="*/ 1091 w 1170"/>
                    <a:gd name="T67" fmla="*/ 903 h 1180"/>
                    <a:gd name="T68" fmla="*/ 1113 w 1170"/>
                    <a:gd name="T69" fmla="*/ 864 h 1180"/>
                    <a:gd name="T70" fmla="*/ 1132 w 1170"/>
                    <a:gd name="T71" fmla="*/ 829 h 1180"/>
                    <a:gd name="T72" fmla="*/ 1155 w 1170"/>
                    <a:gd name="T73" fmla="*/ 776 h 1180"/>
                    <a:gd name="T74" fmla="*/ 1166 w 1170"/>
                    <a:gd name="T75" fmla="*/ 722 h 1180"/>
                    <a:gd name="T76" fmla="*/ 1170 w 1170"/>
                    <a:gd name="T77" fmla="*/ 647 h 1180"/>
                    <a:gd name="T78" fmla="*/ 1170 w 1170"/>
                    <a:gd name="T79" fmla="*/ 592 h 1180"/>
                    <a:gd name="T80" fmla="*/ 1170 w 1170"/>
                    <a:gd name="T81" fmla="*/ 540 h 1180"/>
                    <a:gd name="T82" fmla="*/ 1166 w 1170"/>
                    <a:gd name="T83" fmla="*/ 465 h 1180"/>
                    <a:gd name="T84" fmla="*/ 1156 w 1170"/>
                    <a:gd name="T85" fmla="*/ 411 h 1180"/>
                    <a:gd name="T86" fmla="*/ 1136 w 1170"/>
                    <a:gd name="T87" fmla="*/ 360 h 1180"/>
                    <a:gd name="T88" fmla="*/ 1120 w 1170"/>
                    <a:gd name="T89" fmla="*/ 329 h 1180"/>
                    <a:gd name="T90" fmla="*/ 1108 w 1170"/>
                    <a:gd name="T91" fmla="*/ 306 h 1180"/>
                    <a:gd name="T92" fmla="*/ 1078 w 1170"/>
                    <a:gd name="T93" fmla="*/ 259 h 1180"/>
                    <a:gd name="T94" fmla="*/ 1044 w 1170"/>
                    <a:gd name="T95" fmla="*/ 215 h 1180"/>
                    <a:gd name="T96" fmla="*/ 1004 w 1170"/>
                    <a:gd name="T97" fmla="*/ 172 h 1180"/>
                    <a:gd name="T98" fmla="*/ 962 w 1170"/>
                    <a:gd name="T99" fmla="*/ 133 h 1180"/>
                    <a:gd name="T100" fmla="*/ 918 w 1170"/>
                    <a:gd name="T101" fmla="*/ 98 h 1180"/>
                    <a:gd name="T102" fmla="*/ 872 w 1170"/>
                    <a:gd name="T103" fmla="*/ 68 h 1180"/>
                    <a:gd name="T104" fmla="*/ 826 w 1170"/>
                    <a:gd name="T105" fmla="*/ 45 h 1180"/>
                    <a:gd name="T106" fmla="*/ 803 w 1170"/>
                    <a:gd name="T107" fmla="*/ 36 h 1180"/>
                    <a:gd name="T108" fmla="*/ 778 w 1170"/>
                    <a:gd name="T109" fmla="*/ 27 h 1180"/>
                    <a:gd name="T110" fmla="*/ 724 w 1170"/>
                    <a:gd name="T111" fmla="*/ 13 h 1180"/>
                    <a:gd name="T112" fmla="*/ 667 w 1170"/>
                    <a:gd name="T113" fmla="*/ 4 h 1180"/>
                    <a:gd name="T114" fmla="*/ 608 w 1170"/>
                    <a:gd name="T115" fmla="*/ 0 h 1180"/>
                    <a:gd name="T116" fmla="*/ 548 w 1170"/>
                    <a:gd name="T117" fmla="*/ 1 h 1180"/>
                    <a:gd name="T118" fmla="*/ 490 w 1170"/>
                    <a:gd name="T119" fmla="*/ 7 h 1180"/>
                    <a:gd name="T120" fmla="*/ 433 w 1170"/>
                    <a:gd name="T121" fmla="*/ 17 h 1180"/>
                    <a:gd name="T122" fmla="*/ 380 w 1170"/>
                    <a:gd name="T123" fmla="*/ 33 h 1180"/>
                    <a:gd name="T124" fmla="*/ 355 w 1170"/>
                    <a:gd name="T125" fmla="*/ 42 h 1180"/>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 ang="0">
                      <a:pos x="T122" y="T123"/>
                    </a:cxn>
                    <a:cxn ang="0">
                      <a:pos x="T124" y="T125"/>
                    </a:cxn>
                  </a:cxnLst>
                  <a:rect l="0" t="0" r="r" b="b"/>
                  <a:pathLst>
                    <a:path w="1170" h="1180">
                      <a:moveTo>
                        <a:pt x="355" y="42"/>
                      </a:moveTo>
                      <a:lnTo>
                        <a:pt x="326" y="55"/>
                      </a:lnTo>
                      <a:lnTo>
                        <a:pt x="272" y="84"/>
                      </a:lnTo>
                      <a:lnTo>
                        <a:pt x="223" y="118"/>
                      </a:lnTo>
                      <a:lnTo>
                        <a:pt x="178" y="158"/>
                      </a:lnTo>
                      <a:lnTo>
                        <a:pt x="138" y="201"/>
                      </a:lnTo>
                      <a:lnTo>
                        <a:pt x="102" y="248"/>
                      </a:lnTo>
                      <a:lnTo>
                        <a:pt x="72" y="298"/>
                      </a:lnTo>
                      <a:lnTo>
                        <a:pt x="46" y="352"/>
                      </a:lnTo>
                      <a:lnTo>
                        <a:pt x="27" y="408"/>
                      </a:lnTo>
                      <a:lnTo>
                        <a:pt x="12" y="466"/>
                      </a:lnTo>
                      <a:lnTo>
                        <a:pt x="3" y="525"/>
                      </a:lnTo>
                      <a:lnTo>
                        <a:pt x="0" y="586"/>
                      </a:lnTo>
                      <a:lnTo>
                        <a:pt x="3" y="647"/>
                      </a:lnTo>
                      <a:lnTo>
                        <a:pt x="12" y="709"/>
                      </a:lnTo>
                      <a:lnTo>
                        <a:pt x="28" y="770"/>
                      </a:lnTo>
                      <a:lnTo>
                        <a:pt x="50" y="831"/>
                      </a:lnTo>
                      <a:lnTo>
                        <a:pt x="63" y="861"/>
                      </a:lnTo>
                      <a:lnTo>
                        <a:pt x="83" y="900"/>
                      </a:lnTo>
                      <a:lnTo>
                        <a:pt x="130" y="969"/>
                      </a:lnTo>
                      <a:lnTo>
                        <a:pt x="185" y="1029"/>
                      </a:lnTo>
                      <a:lnTo>
                        <a:pt x="247" y="1079"/>
                      </a:lnTo>
                      <a:lnTo>
                        <a:pt x="314" y="1119"/>
                      </a:lnTo>
                      <a:lnTo>
                        <a:pt x="386" y="1149"/>
                      </a:lnTo>
                      <a:lnTo>
                        <a:pt x="461" y="1169"/>
                      </a:lnTo>
                      <a:lnTo>
                        <a:pt x="539" y="1180"/>
                      </a:lnTo>
                      <a:lnTo>
                        <a:pt x="617" y="1180"/>
                      </a:lnTo>
                      <a:lnTo>
                        <a:pt x="695" y="1170"/>
                      </a:lnTo>
                      <a:lnTo>
                        <a:pt x="771" y="1150"/>
                      </a:lnTo>
                      <a:lnTo>
                        <a:pt x="845" y="1121"/>
                      </a:lnTo>
                      <a:lnTo>
                        <a:pt x="915" y="1081"/>
                      </a:lnTo>
                      <a:lnTo>
                        <a:pt x="980" y="1032"/>
                      </a:lnTo>
                      <a:lnTo>
                        <a:pt x="1039" y="972"/>
                      </a:lnTo>
                      <a:lnTo>
                        <a:pt x="1091" y="903"/>
                      </a:lnTo>
                      <a:lnTo>
                        <a:pt x="1113" y="864"/>
                      </a:lnTo>
                      <a:lnTo>
                        <a:pt x="1132" y="829"/>
                      </a:lnTo>
                      <a:lnTo>
                        <a:pt x="1155" y="776"/>
                      </a:lnTo>
                      <a:lnTo>
                        <a:pt x="1166" y="722"/>
                      </a:lnTo>
                      <a:lnTo>
                        <a:pt x="1170" y="647"/>
                      </a:lnTo>
                      <a:lnTo>
                        <a:pt x="1170" y="592"/>
                      </a:lnTo>
                      <a:lnTo>
                        <a:pt x="1170" y="540"/>
                      </a:lnTo>
                      <a:lnTo>
                        <a:pt x="1166" y="465"/>
                      </a:lnTo>
                      <a:lnTo>
                        <a:pt x="1156" y="411"/>
                      </a:lnTo>
                      <a:lnTo>
                        <a:pt x="1136" y="360"/>
                      </a:lnTo>
                      <a:lnTo>
                        <a:pt x="1120" y="329"/>
                      </a:lnTo>
                      <a:lnTo>
                        <a:pt x="1108" y="306"/>
                      </a:lnTo>
                      <a:lnTo>
                        <a:pt x="1078" y="259"/>
                      </a:lnTo>
                      <a:lnTo>
                        <a:pt x="1044" y="215"/>
                      </a:lnTo>
                      <a:lnTo>
                        <a:pt x="1004" y="172"/>
                      </a:lnTo>
                      <a:lnTo>
                        <a:pt x="962" y="133"/>
                      </a:lnTo>
                      <a:lnTo>
                        <a:pt x="918" y="98"/>
                      </a:lnTo>
                      <a:lnTo>
                        <a:pt x="872" y="68"/>
                      </a:lnTo>
                      <a:lnTo>
                        <a:pt x="826" y="45"/>
                      </a:lnTo>
                      <a:lnTo>
                        <a:pt x="803" y="36"/>
                      </a:lnTo>
                      <a:lnTo>
                        <a:pt x="778" y="27"/>
                      </a:lnTo>
                      <a:lnTo>
                        <a:pt x="724" y="13"/>
                      </a:lnTo>
                      <a:lnTo>
                        <a:pt x="667" y="4"/>
                      </a:lnTo>
                      <a:lnTo>
                        <a:pt x="608" y="0"/>
                      </a:lnTo>
                      <a:lnTo>
                        <a:pt x="548" y="1"/>
                      </a:lnTo>
                      <a:lnTo>
                        <a:pt x="490" y="7"/>
                      </a:lnTo>
                      <a:lnTo>
                        <a:pt x="433" y="17"/>
                      </a:lnTo>
                      <a:lnTo>
                        <a:pt x="380" y="33"/>
                      </a:lnTo>
                      <a:lnTo>
                        <a:pt x="355" y="42"/>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385" name="Freeform 7"/>
                <p:cNvSpPr>
                  <a:spLocks/>
                </p:cNvSpPr>
                <p:nvPr/>
              </p:nvSpPr>
              <p:spPr bwMode="auto">
                <a:xfrm>
                  <a:off x="4310" y="1741"/>
                  <a:ext cx="281" cy="284"/>
                </a:xfrm>
                <a:custGeom>
                  <a:avLst/>
                  <a:gdLst>
                    <a:gd name="T0" fmla="*/ 450 w 1173"/>
                    <a:gd name="T1" fmla="*/ 19 h 1183"/>
                    <a:gd name="T2" fmla="*/ 415 w 1173"/>
                    <a:gd name="T3" fmla="*/ 28 h 1183"/>
                    <a:gd name="T4" fmla="*/ 349 w 1173"/>
                    <a:gd name="T5" fmla="*/ 51 h 1183"/>
                    <a:gd name="T6" fmla="*/ 290 w 1173"/>
                    <a:gd name="T7" fmla="*/ 78 h 1183"/>
                    <a:gd name="T8" fmla="*/ 236 w 1173"/>
                    <a:gd name="T9" fmla="*/ 110 h 1183"/>
                    <a:gd name="T10" fmla="*/ 187 w 1173"/>
                    <a:gd name="T11" fmla="*/ 148 h 1183"/>
                    <a:gd name="T12" fmla="*/ 144 w 1173"/>
                    <a:gd name="T13" fmla="*/ 191 h 1183"/>
                    <a:gd name="T14" fmla="*/ 105 w 1173"/>
                    <a:gd name="T15" fmla="*/ 240 h 1183"/>
                    <a:gd name="T16" fmla="*/ 71 w 1173"/>
                    <a:gd name="T17" fmla="*/ 296 h 1183"/>
                    <a:gd name="T18" fmla="*/ 55 w 1173"/>
                    <a:gd name="T19" fmla="*/ 326 h 1183"/>
                    <a:gd name="T20" fmla="*/ 37 w 1173"/>
                    <a:gd name="T21" fmla="*/ 362 h 1183"/>
                    <a:gd name="T22" fmla="*/ 15 w 1173"/>
                    <a:gd name="T23" fmla="*/ 418 h 1183"/>
                    <a:gd name="T24" fmla="*/ 4 w 1173"/>
                    <a:gd name="T25" fmla="*/ 474 h 1183"/>
                    <a:gd name="T26" fmla="*/ 0 w 1173"/>
                    <a:gd name="T27" fmla="*/ 550 h 1183"/>
                    <a:gd name="T28" fmla="*/ 0 w 1173"/>
                    <a:gd name="T29" fmla="*/ 604 h 1183"/>
                    <a:gd name="T30" fmla="*/ 1 w 1173"/>
                    <a:gd name="T31" fmla="*/ 658 h 1183"/>
                    <a:gd name="T32" fmla="*/ 5 w 1173"/>
                    <a:gd name="T33" fmla="*/ 733 h 1183"/>
                    <a:gd name="T34" fmla="*/ 16 w 1173"/>
                    <a:gd name="T35" fmla="*/ 787 h 1183"/>
                    <a:gd name="T36" fmla="*/ 37 w 1173"/>
                    <a:gd name="T37" fmla="*/ 840 h 1183"/>
                    <a:gd name="T38" fmla="*/ 54 w 1173"/>
                    <a:gd name="T39" fmla="*/ 873 h 1183"/>
                    <a:gd name="T40" fmla="*/ 74 w 1173"/>
                    <a:gd name="T41" fmla="*/ 910 h 1183"/>
                    <a:gd name="T42" fmla="*/ 121 w 1173"/>
                    <a:gd name="T43" fmla="*/ 977 h 1183"/>
                    <a:gd name="T44" fmla="*/ 174 w 1173"/>
                    <a:gd name="T45" fmla="*/ 1035 h 1183"/>
                    <a:gd name="T46" fmla="*/ 235 w 1173"/>
                    <a:gd name="T47" fmla="*/ 1084 h 1183"/>
                    <a:gd name="T48" fmla="*/ 301 w 1173"/>
                    <a:gd name="T49" fmla="*/ 1123 h 1183"/>
                    <a:gd name="T50" fmla="*/ 375 w 1173"/>
                    <a:gd name="T51" fmla="*/ 1152 h 1183"/>
                    <a:gd name="T52" fmla="*/ 454 w 1173"/>
                    <a:gd name="T53" fmla="*/ 1172 h 1183"/>
                    <a:gd name="T54" fmla="*/ 539 w 1173"/>
                    <a:gd name="T55" fmla="*/ 1182 h 1183"/>
                    <a:gd name="T56" fmla="*/ 584 w 1173"/>
                    <a:gd name="T57" fmla="*/ 1183 h 1183"/>
                    <a:gd name="T58" fmla="*/ 614 w 1173"/>
                    <a:gd name="T59" fmla="*/ 1183 h 1183"/>
                    <a:gd name="T60" fmla="*/ 671 w 1173"/>
                    <a:gd name="T61" fmla="*/ 1178 h 1183"/>
                    <a:gd name="T62" fmla="*/ 726 w 1173"/>
                    <a:gd name="T63" fmla="*/ 1169 h 1183"/>
                    <a:gd name="T64" fmla="*/ 777 w 1173"/>
                    <a:gd name="T65" fmla="*/ 1155 h 1183"/>
                    <a:gd name="T66" fmla="*/ 826 w 1173"/>
                    <a:gd name="T67" fmla="*/ 1136 h 1183"/>
                    <a:gd name="T68" fmla="*/ 874 w 1173"/>
                    <a:gd name="T69" fmla="*/ 1111 h 1183"/>
                    <a:gd name="T70" fmla="*/ 920 w 1173"/>
                    <a:gd name="T71" fmla="*/ 1080 h 1183"/>
                    <a:gd name="T72" fmla="*/ 966 w 1173"/>
                    <a:gd name="T73" fmla="*/ 1043 h 1183"/>
                    <a:gd name="T74" fmla="*/ 989 w 1173"/>
                    <a:gd name="T75" fmla="*/ 1023 h 1183"/>
                    <a:gd name="T76" fmla="*/ 1022 w 1173"/>
                    <a:gd name="T77" fmla="*/ 990 h 1183"/>
                    <a:gd name="T78" fmla="*/ 1078 w 1173"/>
                    <a:gd name="T79" fmla="*/ 916 h 1183"/>
                    <a:gd name="T80" fmla="*/ 1122 w 1173"/>
                    <a:gd name="T81" fmla="*/ 834 h 1183"/>
                    <a:gd name="T82" fmla="*/ 1153 w 1173"/>
                    <a:gd name="T83" fmla="*/ 747 h 1183"/>
                    <a:gd name="T84" fmla="*/ 1170 w 1173"/>
                    <a:gd name="T85" fmla="*/ 656 h 1183"/>
                    <a:gd name="T86" fmla="*/ 1173 w 1173"/>
                    <a:gd name="T87" fmla="*/ 564 h 1183"/>
                    <a:gd name="T88" fmla="*/ 1162 w 1173"/>
                    <a:gd name="T89" fmla="*/ 471 h 1183"/>
                    <a:gd name="T90" fmla="*/ 1136 w 1173"/>
                    <a:gd name="T91" fmla="*/ 381 h 1183"/>
                    <a:gd name="T92" fmla="*/ 1117 w 1173"/>
                    <a:gd name="T93" fmla="*/ 338 h 1183"/>
                    <a:gd name="T94" fmla="*/ 1103 w 1173"/>
                    <a:gd name="T95" fmla="*/ 311 h 1183"/>
                    <a:gd name="T96" fmla="*/ 1069 w 1173"/>
                    <a:gd name="T97" fmla="*/ 258 h 1183"/>
                    <a:gd name="T98" fmla="*/ 1028 w 1173"/>
                    <a:gd name="T99" fmla="*/ 209 h 1183"/>
                    <a:gd name="T100" fmla="*/ 981 w 1173"/>
                    <a:gd name="T101" fmla="*/ 162 h 1183"/>
                    <a:gd name="T102" fmla="*/ 929 w 1173"/>
                    <a:gd name="T103" fmla="*/ 120 h 1183"/>
                    <a:gd name="T104" fmla="*/ 873 w 1173"/>
                    <a:gd name="T105" fmla="*/ 84 h 1183"/>
                    <a:gd name="T106" fmla="*/ 814 w 1173"/>
                    <a:gd name="T107" fmla="*/ 53 h 1183"/>
                    <a:gd name="T108" fmla="*/ 753 w 1173"/>
                    <a:gd name="T109" fmla="*/ 28 h 1183"/>
                    <a:gd name="T110" fmla="*/ 722 w 1173"/>
                    <a:gd name="T111" fmla="*/ 19 h 1183"/>
                    <a:gd name="T112" fmla="*/ 684 w 1173"/>
                    <a:gd name="T113" fmla="*/ 10 h 1183"/>
                    <a:gd name="T114" fmla="*/ 619 w 1173"/>
                    <a:gd name="T115" fmla="*/ 0 h 1183"/>
                    <a:gd name="T116" fmla="*/ 558 w 1173"/>
                    <a:gd name="T117" fmla="*/ 0 h 1183"/>
                    <a:gd name="T118" fmla="*/ 490 w 1173"/>
                    <a:gd name="T119" fmla="*/ 10 h 1183"/>
                    <a:gd name="T120" fmla="*/ 450 w 1173"/>
                    <a:gd name="T121" fmla="*/ 19 h 118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 ang="0">
                      <a:pos x="T118" y="T119"/>
                    </a:cxn>
                    <a:cxn ang="0">
                      <a:pos x="T120" y="T121"/>
                    </a:cxn>
                  </a:cxnLst>
                  <a:rect l="0" t="0" r="r" b="b"/>
                  <a:pathLst>
                    <a:path w="1173" h="1183">
                      <a:moveTo>
                        <a:pt x="450" y="19"/>
                      </a:moveTo>
                      <a:lnTo>
                        <a:pt x="415" y="28"/>
                      </a:lnTo>
                      <a:lnTo>
                        <a:pt x="349" y="51"/>
                      </a:lnTo>
                      <a:lnTo>
                        <a:pt x="290" y="78"/>
                      </a:lnTo>
                      <a:lnTo>
                        <a:pt x="236" y="110"/>
                      </a:lnTo>
                      <a:lnTo>
                        <a:pt x="187" y="148"/>
                      </a:lnTo>
                      <a:lnTo>
                        <a:pt x="144" y="191"/>
                      </a:lnTo>
                      <a:lnTo>
                        <a:pt x="105" y="240"/>
                      </a:lnTo>
                      <a:lnTo>
                        <a:pt x="71" y="296"/>
                      </a:lnTo>
                      <a:lnTo>
                        <a:pt x="55" y="326"/>
                      </a:lnTo>
                      <a:lnTo>
                        <a:pt x="37" y="362"/>
                      </a:lnTo>
                      <a:lnTo>
                        <a:pt x="15" y="418"/>
                      </a:lnTo>
                      <a:lnTo>
                        <a:pt x="4" y="474"/>
                      </a:lnTo>
                      <a:lnTo>
                        <a:pt x="0" y="550"/>
                      </a:lnTo>
                      <a:lnTo>
                        <a:pt x="0" y="604"/>
                      </a:lnTo>
                      <a:lnTo>
                        <a:pt x="1" y="658"/>
                      </a:lnTo>
                      <a:lnTo>
                        <a:pt x="5" y="733"/>
                      </a:lnTo>
                      <a:lnTo>
                        <a:pt x="16" y="787"/>
                      </a:lnTo>
                      <a:lnTo>
                        <a:pt x="37" y="840"/>
                      </a:lnTo>
                      <a:lnTo>
                        <a:pt x="54" y="873"/>
                      </a:lnTo>
                      <a:lnTo>
                        <a:pt x="74" y="910"/>
                      </a:lnTo>
                      <a:lnTo>
                        <a:pt x="121" y="977"/>
                      </a:lnTo>
                      <a:lnTo>
                        <a:pt x="174" y="1035"/>
                      </a:lnTo>
                      <a:lnTo>
                        <a:pt x="235" y="1084"/>
                      </a:lnTo>
                      <a:lnTo>
                        <a:pt x="301" y="1123"/>
                      </a:lnTo>
                      <a:lnTo>
                        <a:pt x="375" y="1152"/>
                      </a:lnTo>
                      <a:lnTo>
                        <a:pt x="454" y="1172"/>
                      </a:lnTo>
                      <a:lnTo>
                        <a:pt x="539" y="1182"/>
                      </a:lnTo>
                      <a:lnTo>
                        <a:pt x="584" y="1183"/>
                      </a:lnTo>
                      <a:lnTo>
                        <a:pt x="614" y="1183"/>
                      </a:lnTo>
                      <a:lnTo>
                        <a:pt x="671" y="1178"/>
                      </a:lnTo>
                      <a:lnTo>
                        <a:pt x="726" y="1169"/>
                      </a:lnTo>
                      <a:lnTo>
                        <a:pt x="777" y="1155"/>
                      </a:lnTo>
                      <a:lnTo>
                        <a:pt x="826" y="1136"/>
                      </a:lnTo>
                      <a:lnTo>
                        <a:pt x="874" y="1111"/>
                      </a:lnTo>
                      <a:lnTo>
                        <a:pt x="920" y="1080"/>
                      </a:lnTo>
                      <a:lnTo>
                        <a:pt x="966" y="1043"/>
                      </a:lnTo>
                      <a:lnTo>
                        <a:pt x="989" y="1023"/>
                      </a:lnTo>
                      <a:lnTo>
                        <a:pt x="1022" y="990"/>
                      </a:lnTo>
                      <a:lnTo>
                        <a:pt x="1078" y="916"/>
                      </a:lnTo>
                      <a:lnTo>
                        <a:pt x="1122" y="834"/>
                      </a:lnTo>
                      <a:lnTo>
                        <a:pt x="1153" y="747"/>
                      </a:lnTo>
                      <a:lnTo>
                        <a:pt x="1170" y="656"/>
                      </a:lnTo>
                      <a:lnTo>
                        <a:pt x="1173" y="564"/>
                      </a:lnTo>
                      <a:lnTo>
                        <a:pt x="1162" y="471"/>
                      </a:lnTo>
                      <a:lnTo>
                        <a:pt x="1136" y="381"/>
                      </a:lnTo>
                      <a:lnTo>
                        <a:pt x="1117" y="338"/>
                      </a:lnTo>
                      <a:lnTo>
                        <a:pt x="1103" y="311"/>
                      </a:lnTo>
                      <a:lnTo>
                        <a:pt x="1069" y="258"/>
                      </a:lnTo>
                      <a:lnTo>
                        <a:pt x="1028" y="209"/>
                      </a:lnTo>
                      <a:lnTo>
                        <a:pt x="981" y="162"/>
                      </a:lnTo>
                      <a:lnTo>
                        <a:pt x="929" y="120"/>
                      </a:lnTo>
                      <a:lnTo>
                        <a:pt x="873" y="84"/>
                      </a:lnTo>
                      <a:lnTo>
                        <a:pt x="814" y="53"/>
                      </a:lnTo>
                      <a:lnTo>
                        <a:pt x="753" y="28"/>
                      </a:lnTo>
                      <a:lnTo>
                        <a:pt x="722" y="19"/>
                      </a:lnTo>
                      <a:lnTo>
                        <a:pt x="684" y="10"/>
                      </a:lnTo>
                      <a:lnTo>
                        <a:pt x="619" y="0"/>
                      </a:lnTo>
                      <a:lnTo>
                        <a:pt x="558" y="0"/>
                      </a:lnTo>
                      <a:lnTo>
                        <a:pt x="490" y="10"/>
                      </a:lnTo>
                      <a:lnTo>
                        <a:pt x="450" y="19"/>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386" name="Freeform 8"/>
                <p:cNvSpPr>
                  <a:spLocks/>
                </p:cNvSpPr>
                <p:nvPr/>
              </p:nvSpPr>
              <p:spPr bwMode="auto">
                <a:xfrm>
                  <a:off x="3494" y="2557"/>
                  <a:ext cx="280" cy="284"/>
                </a:xfrm>
                <a:custGeom>
                  <a:avLst/>
                  <a:gdLst>
                    <a:gd name="T0" fmla="*/ 403 w 1165"/>
                    <a:gd name="T1" fmla="*/ 27 h 1182"/>
                    <a:gd name="T2" fmla="*/ 370 w 1165"/>
                    <a:gd name="T3" fmla="*/ 38 h 1182"/>
                    <a:gd name="T4" fmla="*/ 310 w 1165"/>
                    <a:gd name="T5" fmla="*/ 63 h 1182"/>
                    <a:gd name="T6" fmla="*/ 256 w 1165"/>
                    <a:gd name="T7" fmla="*/ 92 h 1182"/>
                    <a:gd name="T8" fmla="*/ 207 w 1165"/>
                    <a:gd name="T9" fmla="*/ 126 h 1182"/>
                    <a:gd name="T10" fmla="*/ 163 w 1165"/>
                    <a:gd name="T11" fmla="*/ 164 h 1182"/>
                    <a:gd name="T12" fmla="*/ 124 w 1165"/>
                    <a:gd name="T13" fmla="*/ 208 h 1182"/>
                    <a:gd name="T14" fmla="*/ 89 w 1165"/>
                    <a:gd name="T15" fmla="*/ 257 h 1182"/>
                    <a:gd name="T16" fmla="*/ 58 w 1165"/>
                    <a:gd name="T17" fmla="*/ 313 h 1182"/>
                    <a:gd name="T18" fmla="*/ 43 w 1165"/>
                    <a:gd name="T19" fmla="*/ 343 h 1182"/>
                    <a:gd name="T20" fmla="*/ 32 w 1165"/>
                    <a:gd name="T21" fmla="*/ 371 h 1182"/>
                    <a:gd name="T22" fmla="*/ 15 w 1165"/>
                    <a:gd name="T23" fmla="*/ 420 h 1182"/>
                    <a:gd name="T24" fmla="*/ 5 w 1165"/>
                    <a:gd name="T25" fmla="*/ 473 h 1182"/>
                    <a:gd name="T26" fmla="*/ 1 w 1165"/>
                    <a:gd name="T27" fmla="*/ 537 h 1182"/>
                    <a:gd name="T28" fmla="*/ 0 w 1165"/>
                    <a:gd name="T29" fmla="*/ 578 h 1182"/>
                    <a:gd name="T30" fmla="*/ 1 w 1165"/>
                    <a:gd name="T31" fmla="*/ 636 h 1182"/>
                    <a:gd name="T32" fmla="*/ 10 w 1165"/>
                    <a:gd name="T33" fmla="*/ 732 h 1182"/>
                    <a:gd name="T34" fmla="*/ 33 w 1165"/>
                    <a:gd name="T35" fmla="*/ 814 h 1182"/>
                    <a:gd name="T36" fmla="*/ 73 w 1165"/>
                    <a:gd name="T37" fmla="*/ 895 h 1182"/>
                    <a:gd name="T38" fmla="*/ 102 w 1165"/>
                    <a:gd name="T39" fmla="*/ 940 h 1182"/>
                    <a:gd name="T40" fmla="*/ 129 w 1165"/>
                    <a:gd name="T41" fmla="*/ 978 h 1182"/>
                    <a:gd name="T42" fmla="*/ 195 w 1165"/>
                    <a:gd name="T43" fmla="*/ 1044 h 1182"/>
                    <a:gd name="T44" fmla="*/ 273 w 1165"/>
                    <a:gd name="T45" fmla="*/ 1099 h 1182"/>
                    <a:gd name="T46" fmla="*/ 361 w 1165"/>
                    <a:gd name="T47" fmla="*/ 1141 h 1182"/>
                    <a:gd name="T48" fmla="*/ 455 w 1165"/>
                    <a:gd name="T49" fmla="*/ 1169 h 1182"/>
                    <a:gd name="T50" fmla="*/ 553 w 1165"/>
                    <a:gd name="T51" fmla="*/ 1182 h 1182"/>
                    <a:gd name="T52" fmla="*/ 651 w 1165"/>
                    <a:gd name="T53" fmla="*/ 1181 h 1182"/>
                    <a:gd name="T54" fmla="*/ 747 w 1165"/>
                    <a:gd name="T55" fmla="*/ 1163 h 1182"/>
                    <a:gd name="T56" fmla="*/ 793 w 1165"/>
                    <a:gd name="T57" fmla="*/ 1147 h 1182"/>
                    <a:gd name="T58" fmla="*/ 817 w 1165"/>
                    <a:gd name="T59" fmla="*/ 1137 h 1182"/>
                    <a:gd name="T60" fmla="*/ 865 w 1165"/>
                    <a:gd name="T61" fmla="*/ 1112 h 1182"/>
                    <a:gd name="T62" fmla="*/ 912 w 1165"/>
                    <a:gd name="T63" fmla="*/ 1082 h 1182"/>
                    <a:gd name="T64" fmla="*/ 957 w 1165"/>
                    <a:gd name="T65" fmla="*/ 1046 h 1182"/>
                    <a:gd name="T66" fmla="*/ 1000 w 1165"/>
                    <a:gd name="T67" fmla="*/ 1007 h 1182"/>
                    <a:gd name="T68" fmla="*/ 1039 w 1165"/>
                    <a:gd name="T69" fmla="*/ 965 h 1182"/>
                    <a:gd name="T70" fmla="*/ 1073 w 1165"/>
                    <a:gd name="T71" fmla="*/ 920 h 1182"/>
                    <a:gd name="T72" fmla="*/ 1103 w 1165"/>
                    <a:gd name="T73" fmla="*/ 873 h 1182"/>
                    <a:gd name="T74" fmla="*/ 1115 w 1165"/>
                    <a:gd name="T75" fmla="*/ 850 h 1182"/>
                    <a:gd name="T76" fmla="*/ 1131 w 1165"/>
                    <a:gd name="T77" fmla="*/ 819 h 1182"/>
                    <a:gd name="T78" fmla="*/ 1151 w 1165"/>
                    <a:gd name="T79" fmla="*/ 768 h 1182"/>
                    <a:gd name="T80" fmla="*/ 1161 w 1165"/>
                    <a:gd name="T81" fmla="*/ 714 h 1182"/>
                    <a:gd name="T82" fmla="*/ 1165 w 1165"/>
                    <a:gd name="T83" fmla="*/ 640 h 1182"/>
                    <a:gd name="T84" fmla="*/ 1165 w 1165"/>
                    <a:gd name="T85" fmla="*/ 587 h 1182"/>
                    <a:gd name="T86" fmla="*/ 1164 w 1165"/>
                    <a:gd name="T87" fmla="*/ 523 h 1182"/>
                    <a:gd name="T88" fmla="*/ 1157 w 1165"/>
                    <a:gd name="T89" fmla="*/ 446 h 1182"/>
                    <a:gd name="T90" fmla="*/ 1148 w 1165"/>
                    <a:gd name="T91" fmla="*/ 402 h 1182"/>
                    <a:gd name="T92" fmla="*/ 1134 w 1165"/>
                    <a:gd name="T93" fmla="*/ 360 h 1182"/>
                    <a:gd name="T94" fmla="*/ 1114 w 1165"/>
                    <a:gd name="T95" fmla="*/ 320 h 1182"/>
                    <a:gd name="T96" fmla="*/ 1075 w 1165"/>
                    <a:gd name="T97" fmla="*/ 258 h 1182"/>
                    <a:gd name="T98" fmla="*/ 1038 w 1165"/>
                    <a:gd name="T99" fmla="*/ 210 h 1182"/>
                    <a:gd name="T100" fmla="*/ 1011 w 1165"/>
                    <a:gd name="T101" fmla="*/ 177 h 1182"/>
                    <a:gd name="T102" fmla="*/ 947 w 1165"/>
                    <a:gd name="T103" fmla="*/ 120 h 1182"/>
                    <a:gd name="T104" fmla="*/ 875 w 1165"/>
                    <a:gd name="T105" fmla="*/ 72 h 1182"/>
                    <a:gd name="T106" fmla="*/ 796 w 1165"/>
                    <a:gd name="T107" fmla="*/ 37 h 1182"/>
                    <a:gd name="T108" fmla="*/ 712 w 1165"/>
                    <a:gd name="T109" fmla="*/ 12 h 1182"/>
                    <a:gd name="T110" fmla="*/ 624 w 1165"/>
                    <a:gd name="T111" fmla="*/ 0 h 1182"/>
                    <a:gd name="T112" fmla="*/ 535 w 1165"/>
                    <a:gd name="T113" fmla="*/ 0 h 1182"/>
                    <a:gd name="T114" fmla="*/ 447 w 1165"/>
                    <a:gd name="T115" fmla="*/ 14 h 1182"/>
                    <a:gd name="T116" fmla="*/ 403 w 1165"/>
                    <a:gd name="T117" fmla="*/ 27 h 1182"/>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 ang="0">
                      <a:pos x="T88" y="T89"/>
                    </a:cxn>
                    <a:cxn ang="0">
                      <a:pos x="T90" y="T91"/>
                    </a:cxn>
                    <a:cxn ang="0">
                      <a:pos x="T92" y="T93"/>
                    </a:cxn>
                    <a:cxn ang="0">
                      <a:pos x="T94" y="T95"/>
                    </a:cxn>
                    <a:cxn ang="0">
                      <a:pos x="T96" y="T97"/>
                    </a:cxn>
                    <a:cxn ang="0">
                      <a:pos x="T98" y="T99"/>
                    </a:cxn>
                    <a:cxn ang="0">
                      <a:pos x="T100" y="T101"/>
                    </a:cxn>
                    <a:cxn ang="0">
                      <a:pos x="T102" y="T103"/>
                    </a:cxn>
                    <a:cxn ang="0">
                      <a:pos x="T104" y="T105"/>
                    </a:cxn>
                    <a:cxn ang="0">
                      <a:pos x="T106" y="T107"/>
                    </a:cxn>
                    <a:cxn ang="0">
                      <a:pos x="T108" y="T109"/>
                    </a:cxn>
                    <a:cxn ang="0">
                      <a:pos x="T110" y="T111"/>
                    </a:cxn>
                    <a:cxn ang="0">
                      <a:pos x="T112" y="T113"/>
                    </a:cxn>
                    <a:cxn ang="0">
                      <a:pos x="T114" y="T115"/>
                    </a:cxn>
                    <a:cxn ang="0">
                      <a:pos x="T116" y="T117"/>
                    </a:cxn>
                  </a:cxnLst>
                  <a:rect l="0" t="0" r="r" b="b"/>
                  <a:pathLst>
                    <a:path w="1165" h="1182">
                      <a:moveTo>
                        <a:pt x="403" y="27"/>
                      </a:moveTo>
                      <a:lnTo>
                        <a:pt x="370" y="38"/>
                      </a:lnTo>
                      <a:lnTo>
                        <a:pt x="310" y="63"/>
                      </a:lnTo>
                      <a:lnTo>
                        <a:pt x="256" y="92"/>
                      </a:lnTo>
                      <a:lnTo>
                        <a:pt x="207" y="126"/>
                      </a:lnTo>
                      <a:lnTo>
                        <a:pt x="163" y="164"/>
                      </a:lnTo>
                      <a:lnTo>
                        <a:pt x="124" y="208"/>
                      </a:lnTo>
                      <a:lnTo>
                        <a:pt x="89" y="257"/>
                      </a:lnTo>
                      <a:lnTo>
                        <a:pt x="58" y="313"/>
                      </a:lnTo>
                      <a:lnTo>
                        <a:pt x="43" y="343"/>
                      </a:lnTo>
                      <a:lnTo>
                        <a:pt x="32" y="371"/>
                      </a:lnTo>
                      <a:lnTo>
                        <a:pt x="15" y="420"/>
                      </a:lnTo>
                      <a:lnTo>
                        <a:pt x="5" y="473"/>
                      </a:lnTo>
                      <a:lnTo>
                        <a:pt x="1" y="537"/>
                      </a:lnTo>
                      <a:lnTo>
                        <a:pt x="0" y="578"/>
                      </a:lnTo>
                      <a:lnTo>
                        <a:pt x="1" y="636"/>
                      </a:lnTo>
                      <a:lnTo>
                        <a:pt x="10" y="732"/>
                      </a:lnTo>
                      <a:lnTo>
                        <a:pt x="33" y="814"/>
                      </a:lnTo>
                      <a:lnTo>
                        <a:pt x="73" y="895"/>
                      </a:lnTo>
                      <a:lnTo>
                        <a:pt x="102" y="940"/>
                      </a:lnTo>
                      <a:lnTo>
                        <a:pt x="129" y="978"/>
                      </a:lnTo>
                      <a:lnTo>
                        <a:pt x="195" y="1044"/>
                      </a:lnTo>
                      <a:lnTo>
                        <a:pt x="273" y="1099"/>
                      </a:lnTo>
                      <a:lnTo>
                        <a:pt x="361" y="1141"/>
                      </a:lnTo>
                      <a:lnTo>
                        <a:pt x="455" y="1169"/>
                      </a:lnTo>
                      <a:lnTo>
                        <a:pt x="553" y="1182"/>
                      </a:lnTo>
                      <a:lnTo>
                        <a:pt x="651" y="1181"/>
                      </a:lnTo>
                      <a:lnTo>
                        <a:pt x="747" y="1163"/>
                      </a:lnTo>
                      <a:lnTo>
                        <a:pt x="793" y="1147"/>
                      </a:lnTo>
                      <a:lnTo>
                        <a:pt x="817" y="1137"/>
                      </a:lnTo>
                      <a:lnTo>
                        <a:pt x="865" y="1112"/>
                      </a:lnTo>
                      <a:lnTo>
                        <a:pt x="912" y="1082"/>
                      </a:lnTo>
                      <a:lnTo>
                        <a:pt x="957" y="1046"/>
                      </a:lnTo>
                      <a:lnTo>
                        <a:pt x="1000" y="1007"/>
                      </a:lnTo>
                      <a:lnTo>
                        <a:pt x="1039" y="965"/>
                      </a:lnTo>
                      <a:lnTo>
                        <a:pt x="1073" y="920"/>
                      </a:lnTo>
                      <a:lnTo>
                        <a:pt x="1103" y="873"/>
                      </a:lnTo>
                      <a:lnTo>
                        <a:pt x="1115" y="850"/>
                      </a:lnTo>
                      <a:lnTo>
                        <a:pt x="1131" y="819"/>
                      </a:lnTo>
                      <a:lnTo>
                        <a:pt x="1151" y="768"/>
                      </a:lnTo>
                      <a:lnTo>
                        <a:pt x="1161" y="714"/>
                      </a:lnTo>
                      <a:lnTo>
                        <a:pt x="1165" y="640"/>
                      </a:lnTo>
                      <a:lnTo>
                        <a:pt x="1165" y="587"/>
                      </a:lnTo>
                      <a:lnTo>
                        <a:pt x="1164" y="523"/>
                      </a:lnTo>
                      <a:lnTo>
                        <a:pt x="1157" y="446"/>
                      </a:lnTo>
                      <a:lnTo>
                        <a:pt x="1148" y="402"/>
                      </a:lnTo>
                      <a:lnTo>
                        <a:pt x="1134" y="360"/>
                      </a:lnTo>
                      <a:lnTo>
                        <a:pt x="1114" y="320"/>
                      </a:lnTo>
                      <a:lnTo>
                        <a:pt x="1075" y="258"/>
                      </a:lnTo>
                      <a:lnTo>
                        <a:pt x="1038" y="210"/>
                      </a:lnTo>
                      <a:lnTo>
                        <a:pt x="1011" y="177"/>
                      </a:lnTo>
                      <a:lnTo>
                        <a:pt x="947" y="120"/>
                      </a:lnTo>
                      <a:lnTo>
                        <a:pt x="875" y="72"/>
                      </a:lnTo>
                      <a:lnTo>
                        <a:pt x="796" y="37"/>
                      </a:lnTo>
                      <a:lnTo>
                        <a:pt x="712" y="12"/>
                      </a:lnTo>
                      <a:lnTo>
                        <a:pt x="624" y="0"/>
                      </a:lnTo>
                      <a:lnTo>
                        <a:pt x="535" y="0"/>
                      </a:lnTo>
                      <a:lnTo>
                        <a:pt x="447" y="14"/>
                      </a:lnTo>
                      <a:lnTo>
                        <a:pt x="403" y="27"/>
                      </a:lnTo>
                      <a:close/>
                    </a:path>
                  </a:pathLst>
                </a:custGeom>
                <a:solidFill>
                  <a:schemeClr val="accent2">
                    <a:lumMod val="50000"/>
                  </a:schemeClr>
                </a:solidFill>
                <a:ln>
                  <a:noFill/>
                </a:ln>
                <a:extLst>
                  <a:ext uri="{91240B29-F687-4F45-9708-019B960494DF}">
                    <a14:hiddenLine xmlns:a14="http://schemas.microsoft.com/office/drawing/2010/main" w="9525">
                      <a:solidFill>
                        <a:srgbClr val="000000"/>
                      </a:solidFill>
                      <a:round/>
                      <a:headEnd/>
                      <a:tailEnd/>
                    </a14:hiddenLine>
                  </a:ext>
                </a:extLst>
              </p:spPr>
              <p:txBody>
                <a:bodyPr vert="horz" wrap="square" lIns="152400" tIns="76200" rIns="152400" bIns="76200" numCol="1" anchor="t" anchorCtr="0" compatLnSpc="1">
                  <a:prstTxWarp prst="textNoShape">
                    <a:avLst/>
                  </a:prstTxWarp>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grpSp>
        </p:grpSp>
      </p:grpSp>
      <p:sp>
        <p:nvSpPr>
          <p:cNvPr id="2" name="Text Placeholder 1">
            <a:extLst>
              <a:ext uri="{FF2B5EF4-FFF2-40B4-BE49-F238E27FC236}">
                <a16:creationId xmlns:a16="http://schemas.microsoft.com/office/drawing/2014/main" id="{CD1CA8F6-F398-2A59-A203-AB1CC65210DA}"/>
              </a:ext>
            </a:extLst>
          </p:cNvPr>
          <p:cNvSpPr>
            <a:spLocks noGrp="1"/>
          </p:cNvSpPr>
          <p:nvPr>
            <p:ph type="body" sz="quarter" idx="10"/>
          </p:nvPr>
        </p:nvSpPr>
        <p:spPr/>
        <p:txBody>
          <a:bodyPr>
            <a:norm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r>
              <a:rPr lang="en-US" sz="4400" dirty="0">
                <a:latin typeface="Arial"/>
                <a:cs typeface="Arial"/>
              </a:rPr>
              <a:t>Insights-Driven Engagement</a:t>
            </a:r>
          </a:p>
        </p:txBody>
      </p:sp>
      <p:sp>
        <p:nvSpPr>
          <p:cNvPr id="6" name="Rectangle 5">
            <a:extLst>
              <a:ext uri="{FF2B5EF4-FFF2-40B4-BE49-F238E27FC236}">
                <a16:creationId xmlns:a16="http://schemas.microsoft.com/office/drawing/2014/main" id="{3404CB77-CAEC-E14A-58F5-8710751799D2}"/>
              </a:ext>
            </a:extLst>
          </p:cNvPr>
          <p:cNvSpPr/>
          <p:nvPr/>
        </p:nvSpPr>
        <p:spPr>
          <a:xfrm>
            <a:off x="17805530" y="10168261"/>
            <a:ext cx="1156963" cy="1099230"/>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70782530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9"/>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xit" presetSubtype="0" fill="hold" nodeType="clickEffect">
                                  <p:stCondLst>
                                    <p:cond delay="0"/>
                                  </p:stCondLst>
                                  <p:childTnLst>
                                    <p:set>
                                      <p:cBhvr>
                                        <p:cTn id="10" dur="1" fill="hold">
                                          <p:stCondLst>
                                            <p:cond delay="0"/>
                                          </p:stCondLst>
                                        </p:cTn>
                                        <p:tgtEl>
                                          <p:spTgt spid="29"/>
                                        </p:tgtEl>
                                        <p:attrNameLst>
                                          <p:attrName>style.visibility</p:attrName>
                                        </p:attrNameLst>
                                      </p:cBhvr>
                                      <p:to>
                                        <p:strVal val="hidden"/>
                                      </p:to>
                                    </p:set>
                                  </p:childTnLst>
                                </p:cTn>
                              </p:par>
                              <p:par>
                                <p:cTn id="11" presetID="1" presetClass="entr" presetSubtype="0" fill="hold" nodeType="withEffect">
                                  <p:stCondLst>
                                    <p:cond delay="0"/>
                                  </p:stCondLst>
                                  <p:childTnLst>
                                    <p:set>
                                      <p:cBhvr>
                                        <p:cTn id="12" dur="1" fill="hold">
                                          <p:stCondLst>
                                            <p:cond delay="0"/>
                                          </p:stCondLst>
                                        </p:cTn>
                                        <p:tgtEl>
                                          <p:spTgt spid="26"/>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30"/>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xit" presetSubtype="0" fill="hold" nodeType="clickEffect">
                                  <p:stCondLst>
                                    <p:cond delay="0"/>
                                  </p:stCondLst>
                                  <p:childTnLst>
                                    <p:set>
                                      <p:cBhvr>
                                        <p:cTn id="18" dur="1" fill="hold">
                                          <p:stCondLst>
                                            <p:cond delay="0"/>
                                          </p:stCondLst>
                                        </p:cTn>
                                        <p:tgtEl>
                                          <p:spTgt spid="26"/>
                                        </p:tgtEl>
                                        <p:attrNameLst>
                                          <p:attrName>style.visibility</p:attrName>
                                        </p:attrNameLst>
                                      </p:cBhvr>
                                      <p:to>
                                        <p:strVal val="hidden"/>
                                      </p:to>
                                    </p:set>
                                  </p:childTnLst>
                                </p:cTn>
                              </p:par>
                              <p:par>
                                <p:cTn id="19" presetID="1" presetClass="entr" presetSubtype="0" fill="hold" nodeType="withEffect">
                                  <p:stCondLst>
                                    <p:cond delay="0"/>
                                  </p:stCondLst>
                                  <p:childTnLst>
                                    <p:set>
                                      <p:cBhvr>
                                        <p:cTn id="20" dur="1" fill="hold">
                                          <p:stCondLst>
                                            <p:cond delay="0"/>
                                          </p:stCondLst>
                                        </p:cTn>
                                        <p:tgtEl>
                                          <p:spTgt spid="27"/>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31"/>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xit" presetSubtype="0" fill="hold" nodeType="clickEffect">
                                  <p:stCondLst>
                                    <p:cond delay="0"/>
                                  </p:stCondLst>
                                  <p:childTnLst>
                                    <p:set>
                                      <p:cBhvr>
                                        <p:cTn id="26" dur="1" fill="hold">
                                          <p:stCondLst>
                                            <p:cond delay="0"/>
                                          </p:stCondLst>
                                        </p:cTn>
                                        <p:tgtEl>
                                          <p:spTgt spid="27"/>
                                        </p:tgtEl>
                                        <p:attrNameLst>
                                          <p:attrName>style.visibility</p:attrName>
                                        </p:attrNameLst>
                                      </p:cBhvr>
                                      <p:to>
                                        <p:strVal val="hidden"/>
                                      </p:to>
                                    </p:set>
                                  </p:childTnLst>
                                </p:cTn>
                              </p:par>
                              <p:par>
                                <p:cTn id="27" presetID="1" presetClass="entr" presetSubtype="0" fill="hold" nodeType="withEffect">
                                  <p:stCondLst>
                                    <p:cond delay="0"/>
                                  </p:stCondLst>
                                  <p:childTnLst>
                                    <p:set>
                                      <p:cBhvr>
                                        <p:cTn id="28" dur="1" fill="hold">
                                          <p:stCondLst>
                                            <p:cond delay="0"/>
                                          </p:stCondLst>
                                        </p:cTn>
                                        <p:tgtEl>
                                          <p:spTgt spid="24"/>
                                        </p:tgtEl>
                                        <p:attrNameLst>
                                          <p:attrName>style.visibility</p:attrName>
                                        </p:attrNameLst>
                                      </p:cBhvr>
                                      <p:to>
                                        <p:strVal val="visible"/>
                                      </p:to>
                                    </p:set>
                                  </p:childTnLst>
                                </p:cTn>
                              </p:par>
                              <p:par>
                                <p:cTn id="29" presetID="1" presetClass="entr" presetSubtype="0" fill="hold" nodeType="withEffect">
                                  <p:stCondLst>
                                    <p:cond delay="0"/>
                                  </p:stCondLst>
                                  <p:childTnLst>
                                    <p:set>
                                      <p:cBhvr>
                                        <p:cTn id="30" dur="1" fill="hold">
                                          <p:stCondLst>
                                            <p:cond delay="0"/>
                                          </p:stCondLst>
                                        </p:cTn>
                                        <p:tgtEl>
                                          <p:spTgt spid="32"/>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xit" presetSubtype="0" fill="hold" nodeType="clickEffect">
                                  <p:stCondLst>
                                    <p:cond delay="0"/>
                                  </p:stCondLst>
                                  <p:childTnLst>
                                    <p:set>
                                      <p:cBhvr>
                                        <p:cTn id="34" dur="1" fill="hold">
                                          <p:stCondLst>
                                            <p:cond delay="0"/>
                                          </p:stCondLst>
                                        </p:cTn>
                                        <p:tgtEl>
                                          <p:spTgt spid="29"/>
                                        </p:tgtEl>
                                        <p:attrNameLst>
                                          <p:attrName>style.visibility</p:attrName>
                                        </p:attrNameLst>
                                      </p:cBhvr>
                                      <p:to>
                                        <p:strVal val="hidden"/>
                                      </p:to>
                                    </p:set>
                                  </p:childTnLst>
                                </p:cTn>
                              </p:par>
                              <p:par>
                                <p:cTn id="35" presetID="1" presetClass="exit" presetSubtype="0" fill="hold" nodeType="withEffect">
                                  <p:stCondLst>
                                    <p:cond delay="0"/>
                                  </p:stCondLst>
                                  <p:childTnLst>
                                    <p:set>
                                      <p:cBhvr>
                                        <p:cTn id="36" dur="1" fill="hold">
                                          <p:stCondLst>
                                            <p:cond delay="0"/>
                                          </p:stCondLst>
                                        </p:cTn>
                                        <p:tgtEl>
                                          <p:spTgt spid="26"/>
                                        </p:tgtEl>
                                        <p:attrNameLst>
                                          <p:attrName>style.visibility</p:attrName>
                                        </p:attrNameLst>
                                      </p:cBhvr>
                                      <p:to>
                                        <p:strVal val="hidden"/>
                                      </p:to>
                                    </p:set>
                                  </p:childTnLst>
                                </p:cTn>
                              </p:par>
                              <p:par>
                                <p:cTn id="37" presetID="1" presetClass="exit" presetSubtype="0" fill="hold" nodeType="withEffect">
                                  <p:stCondLst>
                                    <p:cond delay="0"/>
                                  </p:stCondLst>
                                  <p:childTnLst>
                                    <p:set>
                                      <p:cBhvr>
                                        <p:cTn id="38" dur="1" fill="hold">
                                          <p:stCondLst>
                                            <p:cond delay="0"/>
                                          </p:stCondLst>
                                        </p:cTn>
                                        <p:tgtEl>
                                          <p:spTgt spid="30"/>
                                        </p:tgtEl>
                                        <p:attrNameLst>
                                          <p:attrName>style.visibility</p:attrName>
                                        </p:attrNameLst>
                                      </p:cBhvr>
                                      <p:to>
                                        <p:strVal val="hidden"/>
                                      </p:to>
                                    </p:set>
                                  </p:childTnLst>
                                </p:cTn>
                              </p:par>
                              <p:par>
                                <p:cTn id="39" presetID="1" presetClass="exit" presetSubtype="0" fill="hold" nodeType="withEffect">
                                  <p:stCondLst>
                                    <p:cond delay="0"/>
                                  </p:stCondLst>
                                  <p:childTnLst>
                                    <p:set>
                                      <p:cBhvr>
                                        <p:cTn id="40" dur="1" fill="hold">
                                          <p:stCondLst>
                                            <p:cond delay="0"/>
                                          </p:stCondLst>
                                        </p:cTn>
                                        <p:tgtEl>
                                          <p:spTgt spid="27"/>
                                        </p:tgtEl>
                                        <p:attrNameLst>
                                          <p:attrName>style.visibility</p:attrName>
                                        </p:attrNameLst>
                                      </p:cBhvr>
                                      <p:to>
                                        <p:strVal val="hidden"/>
                                      </p:to>
                                    </p:set>
                                  </p:childTnLst>
                                </p:cTn>
                              </p:par>
                              <p:par>
                                <p:cTn id="41" presetID="1" presetClass="exit" presetSubtype="0" fill="hold" nodeType="withEffect">
                                  <p:stCondLst>
                                    <p:cond delay="0"/>
                                  </p:stCondLst>
                                  <p:childTnLst>
                                    <p:set>
                                      <p:cBhvr>
                                        <p:cTn id="42" dur="1" fill="hold">
                                          <p:stCondLst>
                                            <p:cond delay="0"/>
                                          </p:stCondLst>
                                        </p:cTn>
                                        <p:tgtEl>
                                          <p:spTgt spid="31"/>
                                        </p:tgtEl>
                                        <p:attrNameLst>
                                          <p:attrName>style.visibility</p:attrName>
                                        </p:attrNameLst>
                                      </p:cBhvr>
                                      <p:to>
                                        <p:strVal val="hidden"/>
                                      </p:to>
                                    </p:set>
                                  </p:childTnLst>
                                </p:cTn>
                              </p:par>
                              <p:par>
                                <p:cTn id="43" presetID="1" presetClass="exit" presetSubtype="0" fill="hold" nodeType="withEffect">
                                  <p:stCondLst>
                                    <p:cond delay="0"/>
                                  </p:stCondLst>
                                  <p:childTnLst>
                                    <p:set>
                                      <p:cBhvr>
                                        <p:cTn id="44" dur="1" fill="hold">
                                          <p:stCondLst>
                                            <p:cond delay="0"/>
                                          </p:stCondLst>
                                        </p:cTn>
                                        <p:tgtEl>
                                          <p:spTgt spid="24"/>
                                        </p:tgtEl>
                                        <p:attrNameLst>
                                          <p:attrName>style.visibility</p:attrName>
                                        </p:attrNameLst>
                                      </p:cBhvr>
                                      <p:to>
                                        <p:strVal val="hidden"/>
                                      </p:to>
                                    </p:set>
                                  </p:childTnLst>
                                </p:cTn>
                              </p:par>
                              <p:par>
                                <p:cTn id="45" presetID="1" presetClass="exit" presetSubtype="0" fill="hold" nodeType="withEffect">
                                  <p:stCondLst>
                                    <p:cond delay="0"/>
                                  </p:stCondLst>
                                  <p:childTnLst>
                                    <p:set>
                                      <p:cBhvr>
                                        <p:cTn id="46" dur="1" fill="hold">
                                          <p:stCondLst>
                                            <p:cond delay="0"/>
                                          </p:stCondLst>
                                        </p:cTn>
                                        <p:tgtEl>
                                          <p:spTgt spid="32"/>
                                        </p:tgtEl>
                                        <p:attrNameLst>
                                          <p:attrName>style.visibility</p:attrName>
                                        </p:attrNameLst>
                                      </p:cBhvr>
                                      <p:to>
                                        <p:strVal val="hidden"/>
                                      </p:to>
                                    </p:set>
                                  </p:childTnLst>
                                </p:cTn>
                              </p:par>
                              <p:par>
                                <p:cTn id="47" presetID="1" presetClass="entr" presetSubtype="0" fill="hold" nodeType="withEffect">
                                  <p:stCondLst>
                                    <p:cond delay="0"/>
                                  </p:stCondLst>
                                  <p:childTnLst>
                                    <p:set>
                                      <p:cBhvr>
                                        <p:cTn id="48" dur="1" fill="hold">
                                          <p:stCondLst>
                                            <p:cond delay="0"/>
                                          </p:stCondLst>
                                        </p:cTn>
                                        <p:tgtEl>
                                          <p:spTgt spid="2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56" name="Group 255">
            <a:extLst>
              <a:ext uri="{FF2B5EF4-FFF2-40B4-BE49-F238E27FC236}">
                <a16:creationId xmlns:a16="http://schemas.microsoft.com/office/drawing/2014/main" id="{3FF0463E-EC0D-4B48-7753-39A4B4456F32}"/>
              </a:ext>
            </a:extLst>
          </p:cNvPr>
          <p:cNvGrpSpPr/>
          <p:nvPr/>
        </p:nvGrpSpPr>
        <p:grpSpPr>
          <a:xfrm>
            <a:off x="873011" y="5654270"/>
            <a:ext cx="281960" cy="2152688"/>
            <a:chOff x="209724" y="511729"/>
            <a:chExt cx="402671" cy="5476293"/>
          </a:xfrm>
        </p:grpSpPr>
        <p:sp>
          <p:nvSpPr>
            <p:cNvPr id="257" name="Rectangle 256">
              <a:extLst>
                <a:ext uri="{FF2B5EF4-FFF2-40B4-BE49-F238E27FC236}">
                  <a16:creationId xmlns:a16="http://schemas.microsoft.com/office/drawing/2014/main" id="{7562F65D-B8CD-D642-19FE-73E3B9157DFA}"/>
                </a:ext>
              </a:extLst>
            </p:cNvPr>
            <p:cNvSpPr/>
            <p:nvPr/>
          </p:nvSpPr>
          <p:spPr>
            <a:xfrm>
              <a:off x="209724" y="511729"/>
              <a:ext cx="402671" cy="1368460"/>
            </a:xfrm>
            <a:prstGeom prst="rect">
              <a:avLst/>
            </a:prstGeom>
            <a:solidFill>
              <a:srgbClr val="C00000"/>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30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258" name="Rectangle 257">
              <a:extLst>
                <a:ext uri="{FF2B5EF4-FFF2-40B4-BE49-F238E27FC236}">
                  <a16:creationId xmlns:a16="http://schemas.microsoft.com/office/drawing/2014/main" id="{B038E8B1-8574-D76F-C13B-454335C9C2E9}"/>
                </a:ext>
              </a:extLst>
            </p:cNvPr>
            <p:cNvSpPr/>
            <p:nvPr/>
          </p:nvSpPr>
          <p:spPr>
            <a:xfrm>
              <a:off x="209724" y="1882642"/>
              <a:ext cx="402671" cy="1368460"/>
            </a:xfrm>
            <a:prstGeom prst="rect">
              <a:avLst/>
            </a:prstGeom>
            <a:solidFill>
              <a:srgbClr val="ED7D31"/>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30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259" name="Rectangle 258">
              <a:extLst>
                <a:ext uri="{FF2B5EF4-FFF2-40B4-BE49-F238E27FC236}">
                  <a16:creationId xmlns:a16="http://schemas.microsoft.com/office/drawing/2014/main" id="{016DC094-6E8B-89A0-ABAE-B4DD3110110B}"/>
                </a:ext>
              </a:extLst>
            </p:cNvPr>
            <p:cNvSpPr/>
            <p:nvPr/>
          </p:nvSpPr>
          <p:spPr>
            <a:xfrm>
              <a:off x="209724" y="3251102"/>
              <a:ext cx="402671" cy="1368460"/>
            </a:xfrm>
            <a:prstGeom prst="rect">
              <a:avLst/>
            </a:prstGeom>
            <a:solidFill>
              <a:srgbClr val="FFC000"/>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30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260" name="Rectangle 259">
              <a:extLst>
                <a:ext uri="{FF2B5EF4-FFF2-40B4-BE49-F238E27FC236}">
                  <a16:creationId xmlns:a16="http://schemas.microsoft.com/office/drawing/2014/main" id="{0F855F2A-FD30-5039-A5E9-CDAE7C0A7807}"/>
                </a:ext>
              </a:extLst>
            </p:cNvPr>
            <p:cNvSpPr/>
            <p:nvPr/>
          </p:nvSpPr>
          <p:spPr>
            <a:xfrm>
              <a:off x="209724" y="4619562"/>
              <a:ext cx="402671" cy="1368460"/>
            </a:xfrm>
            <a:prstGeom prst="rect">
              <a:avLst/>
            </a:prstGeom>
            <a:solidFill>
              <a:srgbClr val="70AD47"/>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3000" b="0" i="0" u="none" strike="noStrike" kern="0" cap="none" spc="0" normalizeH="0" baseline="0" noProof="0">
                <a:ln>
                  <a:noFill/>
                </a:ln>
                <a:solidFill>
                  <a:prstClr val="white"/>
                </a:solidFill>
                <a:effectLst/>
                <a:uLnTx/>
                <a:uFillTx/>
                <a:latin typeface="Calibri" panose="020F0502020204030204"/>
                <a:ea typeface="+mn-ea"/>
                <a:cs typeface="+mn-cs"/>
              </a:endParaRPr>
            </a:p>
          </p:txBody>
        </p:sp>
      </p:grpSp>
      <p:sp>
        <p:nvSpPr>
          <p:cNvPr id="261" name="TextBox 260">
            <a:extLst>
              <a:ext uri="{FF2B5EF4-FFF2-40B4-BE49-F238E27FC236}">
                <a16:creationId xmlns:a16="http://schemas.microsoft.com/office/drawing/2014/main" id="{2349E296-8FC5-E27F-2A23-CF3AFC551F3F}"/>
              </a:ext>
            </a:extLst>
          </p:cNvPr>
          <p:cNvSpPr txBox="1"/>
          <p:nvPr/>
        </p:nvSpPr>
        <p:spPr>
          <a:xfrm rot="19593306">
            <a:off x="28319" y="7468913"/>
            <a:ext cx="1054747" cy="348878"/>
          </a:xfrm>
          <a:prstGeom prst="rect">
            <a:avLst/>
          </a:prstGeom>
          <a:noFill/>
        </p:spPr>
        <p:txBody>
          <a:bodyPr wrap="square" rtlCol="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r>
              <a:rPr kumimoji="0" lang="en-US" sz="1667" b="1" i="0" u="none" strike="noStrike" kern="0" cap="none" spc="0" normalizeH="0" baseline="0" noProof="0">
                <a:ln>
                  <a:noFill/>
                </a:ln>
                <a:solidFill>
                  <a:srgbClr val="00B050"/>
                </a:solidFill>
                <a:effectLst/>
                <a:uLnTx/>
                <a:uFillTx/>
              </a:rPr>
              <a:t>LOW</a:t>
            </a:r>
          </a:p>
        </p:txBody>
      </p:sp>
      <p:sp>
        <p:nvSpPr>
          <p:cNvPr id="262" name="TextBox 261">
            <a:extLst>
              <a:ext uri="{FF2B5EF4-FFF2-40B4-BE49-F238E27FC236}">
                <a16:creationId xmlns:a16="http://schemas.microsoft.com/office/drawing/2014/main" id="{6B08B6F6-063C-9DF4-0D0B-2BBFB208C592}"/>
              </a:ext>
            </a:extLst>
          </p:cNvPr>
          <p:cNvSpPr txBox="1"/>
          <p:nvPr/>
        </p:nvSpPr>
        <p:spPr>
          <a:xfrm rot="19543099">
            <a:off x="-269064" y="7016971"/>
            <a:ext cx="1346720" cy="348878"/>
          </a:xfrm>
          <a:prstGeom prst="rect">
            <a:avLst/>
          </a:prstGeom>
          <a:noFill/>
        </p:spPr>
        <p:txBody>
          <a:bodyPr wrap="square" rtlCol="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r>
              <a:rPr kumimoji="0" lang="en-US" sz="1667" b="1" i="0" u="none" strike="noStrike" kern="0" cap="none" spc="0" normalizeH="0" baseline="0" noProof="0">
                <a:ln>
                  <a:noFill/>
                </a:ln>
                <a:solidFill>
                  <a:srgbClr val="FFC000"/>
                </a:solidFill>
                <a:effectLst/>
                <a:uLnTx/>
                <a:uFillTx/>
              </a:rPr>
              <a:t>MEDIUM</a:t>
            </a:r>
          </a:p>
        </p:txBody>
      </p:sp>
      <p:sp>
        <p:nvSpPr>
          <p:cNvPr id="263" name="TextBox 262">
            <a:extLst>
              <a:ext uri="{FF2B5EF4-FFF2-40B4-BE49-F238E27FC236}">
                <a16:creationId xmlns:a16="http://schemas.microsoft.com/office/drawing/2014/main" id="{C5620E86-A784-6799-52AD-87EF85599DD9}"/>
              </a:ext>
            </a:extLst>
          </p:cNvPr>
          <p:cNvSpPr txBox="1"/>
          <p:nvPr/>
        </p:nvSpPr>
        <p:spPr>
          <a:xfrm rot="19227613">
            <a:off x="-23864" y="6386555"/>
            <a:ext cx="1054747" cy="348878"/>
          </a:xfrm>
          <a:prstGeom prst="rect">
            <a:avLst/>
          </a:prstGeom>
          <a:noFill/>
        </p:spPr>
        <p:txBody>
          <a:bodyPr wrap="square" rtlCol="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r>
              <a:rPr kumimoji="0" lang="en-US" sz="1667" b="1" i="0" u="none" strike="noStrike" kern="0" cap="none" spc="0" normalizeH="0" baseline="0" noProof="0">
                <a:ln>
                  <a:noFill/>
                </a:ln>
                <a:solidFill>
                  <a:srgbClr val="ED7D31"/>
                </a:solidFill>
                <a:effectLst/>
                <a:uLnTx/>
                <a:uFillTx/>
              </a:rPr>
              <a:t>HIGH</a:t>
            </a:r>
          </a:p>
        </p:txBody>
      </p:sp>
      <p:sp>
        <p:nvSpPr>
          <p:cNvPr id="264" name="TextBox 263">
            <a:extLst>
              <a:ext uri="{FF2B5EF4-FFF2-40B4-BE49-F238E27FC236}">
                <a16:creationId xmlns:a16="http://schemas.microsoft.com/office/drawing/2014/main" id="{C2AFFE32-C491-FCE0-6E64-FB77C1E32ECF}"/>
              </a:ext>
            </a:extLst>
          </p:cNvPr>
          <p:cNvSpPr txBox="1"/>
          <p:nvPr/>
        </p:nvSpPr>
        <p:spPr>
          <a:xfrm rot="19429049">
            <a:off x="-184272" y="5914852"/>
            <a:ext cx="1204960" cy="348878"/>
          </a:xfrm>
          <a:prstGeom prst="rect">
            <a:avLst/>
          </a:prstGeom>
          <a:noFill/>
        </p:spPr>
        <p:txBody>
          <a:bodyPr wrap="square" rtlCol="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r>
              <a:rPr kumimoji="0" lang="en-US" sz="1667" b="1" i="0" u="none" strike="noStrike" kern="0" cap="none" spc="0" normalizeH="0" baseline="0" noProof="0">
                <a:ln>
                  <a:noFill/>
                </a:ln>
                <a:solidFill>
                  <a:srgbClr val="C00000"/>
                </a:solidFill>
                <a:effectLst/>
                <a:uLnTx/>
                <a:uFillTx/>
              </a:rPr>
              <a:t>CRITICAL</a:t>
            </a:r>
          </a:p>
        </p:txBody>
      </p:sp>
      <p:sp>
        <p:nvSpPr>
          <p:cNvPr id="252" name="Rectangle 251">
            <a:extLst>
              <a:ext uri="{FF2B5EF4-FFF2-40B4-BE49-F238E27FC236}">
                <a16:creationId xmlns:a16="http://schemas.microsoft.com/office/drawing/2014/main" id="{A49531A0-0097-6748-F3D9-98646EECDF37}"/>
              </a:ext>
            </a:extLst>
          </p:cNvPr>
          <p:cNvSpPr/>
          <p:nvPr/>
        </p:nvSpPr>
        <p:spPr>
          <a:xfrm>
            <a:off x="1577435" y="5608500"/>
            <a:ext cx="17218422" cy="548527"/>
          </a:xfrm>
          <a:prstGeom prst="rect">
            <a:avLst/>
          </a:prstGeom>
          <a:solidFill>
            <a:srgbClr val="FFCCCC"/>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253" name="Rectangle 252">
            <a:extLst>
              <a:ext uri="{FF2B5EF4-FFF2-40B4-BE49-F238E27FC236}">
                <a16:creationId xmlns:a16="http://schemas.microsoft.com/office/drawing/2014/main" id="{88D3F44F-6638-6267-6464-683301673824}"/>
              </a:ext>
            </a:extLst>
          </p:cNvPr>
          <p:cNvSpPr/>
          <p:nvPr/>
        </p:nvSpPr>
        <p:spPr>
          <a:xfrm>
            <a:off x="1577435" y="6150123"/>
            <a:ext cx="17218422" cy="620538"/>
          </a:xfrm>
          <a:prstGeom prst="rect">
            <a:avLst/>
          </a:prstGeom>
          <a:solidFill>
            <a:srgbClr val="ED7D31">
              <a:lumMod val="20000"/>
              <a:lumOff val="80000"/>
            </a:srgbClr>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254" name="Rectangle 253">
            <a:extLst>
              <a:ext uri="{FF2B5EF4-FFF2-40B4-BE49-F238E27FC236}">
                <a16:creationId xmlns:a16="http://schemas.microsoft.com/office/drawing/2014/main" id="{CF862482-4EC1-AA62-DFBF-ADE1C7A6F237}"/>
              </a:ext>
            </a:extLst>
          </p:cNvPr>
          <p:cNvSpPr/>
          <p:nvPr/>
        </p:nvSpPr>
        <p:spPr>
          <a:xfrm>
            <a:off x="1577434" y="6770123"/>
            <a:ext cx="17218423" cy="548527"/>
          </a:xfrm>
          <a:prstGeom prst="rect">
            <a:avLst/>
          </a:prstGeom>
          <a:solidFill>
            <a:srgbClr val="FFC000">
              <a:lumMod val="20000"/>
              <a:lumOff val="80000"/>
            </a:srgbClr>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255" name="Rectangle 254">
            <a:extLst>
              <a:ext uri="{FF2B5EF4-FFF2-40B4-BE49-F238E27FC236}">
                <a16:creationId xmlns:a16="http://schemas.microsoft.com/office/drawing/2014/main" id="{C3B4A0A8-6443-34B1-CBAC-2D4562A48B6B}"/>
              </a:ext>
            </a:extLst>
          </p:cNvPr>
          <p:cNvSpPr/>
          <p:nvPr/>
        </p:nvSpPr>
        <p:spPr>
          <a:xfrm>
            <a:off x="1577435" y="7306640"/>
            <a:ext cx="17200675" cy="548527"/>
          </a:xfrm>
          <a:prstGeom prst="rect">
            <a:avLst/>
          </a:prstGeom>
          <a:solidFill>
            <a:srgbClr val="70AD47">
              <a:lumMod val="20000"/>
              <a:lumOff val="80000"/>
            </a:srgbClr>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cxnSp>
        <p:nvCxnSpPr>
          <p:cNvPr id="352" name="Straight Connector 351">
            <a:extLst>
              <a:ext uri="{FF2B5EF4-FFF2-40B4-BE49-F238E27FC236}">
                <a16:creationId xmlns:a16="http://schemas.microsoft.com/office/drawing/2014/main" id="{AABCC41F-9412-A0F9-68A5-38ECEAB1D0FC}"/>
              </a:ext>
            </a:extLst>
          </p:cNvPr>
          <p:cNvCxnSpPr/>
          <p:nvPr/>
        </p:nvCxnSpPr>
        <p:spPr>
          <a:xfrm>
            <a:off x="10356148" y="5693779"/>
            <a:ext cx="0" cy="2152688"/>
          </a:xfrm>
          <a:prstGeom prst="line">
            <a:avLst/>
          </a:prstGeom>
          <a:noFill/>
          <a:ln w="6350" cap="flat" cmpd="sng" algn="ctr">
            <a:solidFill>
              <a:srgbClr val="4472C4"/>
            </a:solidFill>
            <a:prstDash val="solid"/>
            <a:miter lim="800000"/>
          </a:ln>
          <a:effectLst/>
        </p:spPr>
      </p:cxnSp>
      <p:grpSp>
        <p:nvGrpSpPr>
          <p:cNvPr id="8" name="Group 7"/>
          <p:cNvGrpSpPr/>
          <p:nvPr/>
        </p:nvGrpSpPr>
        <p:grpSpPr>
          <a:xfrm>
            <a:off x="1612853" y="6294834"/>
            <a:ext cx="17455040" cy="2027418"/>
            <a:chOff x="1234180" y="2889797"/>
            <a:chExt cx="10473024" cy="1216451"/>
          </a:xfrm>
        </p:grpSpPr>
        <p:grpSp>
          <p:nvGrpSpPr>
            <p:cNvPr id="7" name="Group 6"/>
            <p:cNvGrpSpPr/>
            <p:nvPr/>
          </p:nvGrpSpPr>
          <p:grpSpPr>
            <a:xfrm>
              <a:off x="1234180" y="2889797"/>
              <a:ext cx="10269758" cy="860728"/>
              <a:chOff x="1234180" y="2889797"/>
              <a:chExt cx="10269758" cy="860728"/>
            </a:xfrm>
          </p:grpSpPr>
          <p:cxnSp>
            <p:nvCxnSpPr>
              <p:cNvPr id="265" name="Straight Connector 264">
                <a:extLst>
                  <a:ext uri="{FF2B5EF4-FFF2-40B4-BE49-F238E27FC236}">
                    <a16:creationId xmlns:a16="http://schemas.microsoft.com/office/drawing/2014/main" id="{DD28447C-C830-9F48-23B3-5CA2B087166A}"/>
                  </a:ext>
                </a:extLst>
              </p:cNvPr>
              <p:cNvCxnSpPr>
                <a:cxnSpLocks/>
                <a:stCxn id="289" idx="4"/>
              </p:cNvCxnSpPr>
              <p:nvPr/>
            </p:nvCxnSpPr>
            <p:spPr>
              <a:xfrm flipH="1" flipV="1">
                <a:off x="1257052" y="3685083"/>
                <a:ext cx="5256800" cy="0"/>
              </a:xfrm>
              <a:prstGeom prst="line">
                <a:avLst/>
              </a:prstGeom>
              <a:noFill/>
              <a:ln w="28575" cap="flat" cmpd="sng" algn="ctr">
                <a:solidFill>
                  <a:schemeClr val="bg2">
                    <a:lumMod val="50000"/>
                  </a:schemeClr>
                </a:solidFill>
                <a:prstDash val="solid"/>
                <a:miter lim="800000"/>
              </a:ln>
              <a:effectLst/>
            </p:spPr>
          </p:cxnSp>
          <p:cxnSp>
            <p:nvCxnSpPr>
              <p:cNvPr id="266" name="Straight Connector 265">
                <a:extLst>
                  <a:ext uri="{FF2B5EF4-FFF2-40B4-BE49-F238E27FC236}">
                    <a16:creationId xmlns:a16="http://schemas.microsoft.com/office/drawing/2014/main" id="{CC9C5982-1923-8500-3E1E-A9D6AF93DFEE}"/>
                  </a:ext>
                </a:extLst>
              </p:cNvPr>
              <p:cNvCxnSpPr>
                <a:cxnSpLocks/>
              </p:cNvCxnSpPr>
              <p:nvPr/>
            </p:nvCxnSpPr>
            <p:spPr>
              <a:xfrm flipH="1">
                <a:off x="6513852" y="2906070"/>
                <a:ext cx="4990086" cy="776871"/>
              </a:xfrm>
              <a:prstGeom prst="line">
                <a:avLst/>
              </a:prstGeom>
              <a:noFill/>
              <a:ln w="28575" cap="flat" cmpd="sng" algn="ctr">
                <a:solidFill>
                  <a:schemeClr val="bg2">
                    <a:lumMod val="50000"/>
                  </a:schemeClr>
                </a:solidFill>
                <a:prstDash val="solid"/>
                <a:miter lim="800000"/>
              </a:ln>
              <a:effectLst/>
            </p:spPr>
          </p:cxnSp>
          <p:sp>
            <p:nvSpPr>
              <p:cNvPr id="288" name="Flowchart: Connector 287">
                <a:extLst>
                  <a:ext uri="{FF2B5EF4-FFF2-40B4-BE49-F238E27FC236}">
                    <a16:creationId xmlns:a16="http://schemas.microsoft.com/office/drawing/2014/main" id="{9955E86D-637B-4AB8-CCE7-6E5F3A0B0247}"/>
                  </a:ext>
                </a:extLst>
              </p:cNvPr>
              <p:cNvSpPr/>
              <p:nvPr/>
            </p:nvSpPr>
            <p:spPr>
              <a:xfrm>
                <a:off x="1234180" y="3659085"/>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289" name="Flowchart: Connector 288">
                <a:extLst>
                  <a:ext uri="{FF2B5EF4-FFF2-40B4-BE49-F238E27FC236}">
                    <a16:creationId xmlns:a16="http://schemas.microsoft.com/office/drawing/2014/main" id="{48B0F2E2-E711-77AE-3E00-37930300A927}"/>
                  </a:ext>
                </a:extLst>
              </p:cNvPr>
              <p:cNvSpPr/>
              <p:nvPr/>
            </p:nvSpPr>
            <p:spPr>
              <a:xfrm>
                <a:off x="6463293" y="3649385"/>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290" name="Flowchart: Connector 289">
                <a:extLst>
                  <a:ext uri="{FF2B5EF4-FFF2-40B4-BE49-F238E27FC236}">
                    <a16:creationId xmlns:a16="http://schemas.microsoft.com/office/drawing/2014/main" id="{99E0C0C7-382A-4C75-1F9B-B5343643CE4C}"/>
                  </a:ext>
                </a:extLst>
              </p:cNvPr>
              <p:cNvSpPr/>
              <p:nvPr/>
            </p:nvSpPr>
            <p:spPr>
              <a:xfrm>
                <a:off x="11405769" y="288979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grpSp>
        <p:sp>
          <p:nvSpPr>
            <p:cNvPr id="359" name="TextBox 358">
              <a:extLst>
                <a:ext uri="{FF2B5EF4-FFF2-40B4-BE49-F238E27FC236}">
                  <a16:creationId xmlns:a16="http://schemas.microsoft.com/office/drawing/2014/main" id="{C588EE18-E02B-645B-2CE6-06A96FFB3EDA}"/>
                </a:ext>
              </a:extLst>
            </p:cNvPr>
            <p:cNvSpPr txBox="1"/>
            <p:nvPr/>
          </p:nvSpPr>
          <p:spPr>
            <a:xfrm>
              <a:off x="10792539" y="3852332"/>
              <a:ext cx="914665" cy="253916"/>
            </a:xfrm>
            <a:prstGeom prst="rect">
              <a:avLst/>
            </a:prstGeom>
            <a:noFill/>
          </p:spPr>
          <p:txBody>
            <a:bodyPr wrap="square" rtlCol="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r>
                <a:rPr kumimoji="0" lang="en-US" sz="175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Discharge</a:t>
              </a:r>
            </a:p>
          </p:txBody>
        </p:sp>
      </p:grpSp>
      <p:sp>
        <p:nvSpPr>
          <p:cNvPr id="539" name="Text Placeholder 1"/>
          <p:cNvSpPr txBox="1">
            <a:spLocks/>
          </p:cNvSpPr>
          <p:nvPr/>
        </p:nvSpPr>
        <p:spPr>
          <a:xfrm>
            <a:off x="2531380" y="926088"/>
            <a:ext cx="15071387" cy="1426105"/>
          </a:xfrm>
          <a:prstGeom prst="rect">
            <a:avLst/>
          </a:prstGeom>
        </p:spPr>
        <p:txBody>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endParaRPr lang="en-US" sz="5000"/>
          </a:p>
        </p:txBody>
      </p:sp>
      <p:sp>
        <p:nvSpPr>
          <p:cNvPr id="3" name="Text Placeholder 2">
            <a:extLst>
              <a:ext uri="{FF2B5EF4-FFF2-40B4-BE49-F238E27FC236}">
                <a16:creationId xmlns:a16="http://schemas.microsoft.com/office/drawing/2014/main" id="{827D46E5-8093-8C2D-3E2B-496B84C20360}"/>
              </a:ext>
            </a:extLst>
          </p:cNvPr>
          <p:cNvSpPr>
            <a:spLocks noGrp="1"/>
          </p:cNvSpPr>
          <p:nvPr>
            <p:ph type="body" sz="quarter" idx="10"/>
          </p:nvPr>
        </p:nvSpPr>
        <p:spPr>
          <a:xfrm>
            <a:off x="2651066" y="926088"/>
            <a:ext cx="15071387" cy="1426105"/>
          </a:xfrm>
        </p:spPr>
        <p:txBody>
          <a:bodyPr lIns="91440" tIns="45720" rIns="91440" bIns="45720" anchor="t"/>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r>
              <a:rPr lang="en-US" sz="4400" dirty="0">
                <a:latin typeface="Arial"/>
                <a:cs typeface="Arial"/>
              </a:rPr>
              <a:t>Evolution of </a:t>
            </a:r>
            <a:r>
              <a:rPr lang="en-US" sz="4400" dirty="0">
                <a:solidFill>
                  <a:srgbClr val="FF0000"/>
                </a:solidFill>
                <a:latin typeface="Arial"/>
                <a:cs typeface="Arial"/>
              </a:rPr>
              <a:t>PT</a:t>
            </a:r>
          </a:p>
        </p:txBody>
      </p:sp>
      <p:sp>
        <p:nvSpPr>
          <p:cNvPr id="6" name="TextBox 5"/>
          <p:cNvSpPr txBox="1"/>
          <p:nvPr/>
        </p:nvSpPr>
        <p:spPr>
          <a:xfrm>
            <a:off x="25462" y="5207373"/>
            <a:ext cx="1262837" cy="400110"/>
          </a:xfrm>
          <a:prstGeom prst="rect">
            <a:avLst/>
          </a:prstGeom>
          <a:noFill/>
        </p:spPr>
        <p:txBody>
          <a:bodyPr wrap="square" rtlCol="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r>
              <a:rPr lang="en-US" sz="2000" b="1" u="sng"/>
              <a:t>Risk</a:t>
            </a:r>
          </a:p>
        </p:txBody>
      </p:sp>
      <p:grpSp>
        <p:nvGrpSpPr>
          <p:cNvPr id="5" name="Group 4"/>
          <p:cNvGrpSpPr/>
          <p:nvPr/>
        </p:nvGrpSpPr>
        <p:grpSpPr>
          <a:xfrm>
            <a:off x="1622555" y="6264531"/>
            <a:ext cx="15652597" cy="2011073"/>
            <a:chOff x="1264496" y="5014909"/>
            <a:chExt cx="9391558" cy="1206644"/>
          </a:xfrm>
        </p:grpSpPr>
        <p:sp>
          <p:nvSpPr>
            <p:cNvPr id="457" name="TextBox 456">
              <a:extLst>
                <a:ext uri="{FF2B5EF4-FFF2-40B4-BE49-F238E27FC236}">
                  <a16:creationId xmlns:a16="http://schemas.microsoft.com/office/drawing/2014/main" id="{04AACC56-8B5A-0857-1A4B-A2664570AE70}"/>
                </a:ext>
              </a:extLst>
            </p:cNvPr>
            <p:cNvSpPr txBox="1"/>
            <p:nvPr/>
          </p:nvSpPr>
          <p:spPr>
            <a:xfrm>
              <a:off x="9741389" y="5967637"/>
              <a:ext cx="914665" cy="253916"/>
            </a:xfrm>
            <a:prstGeom prst="rect">
              <a:avLst/>
            </a:prstGeom>
            <a:noFill/>
          </p:spPr>
          <p:txBody>
            <a:bodyPr wrap="square" rtlCol="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r>
                <a:rPr kumimoji="0" lang="en-US" sz="175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Discharge</a:t>
              </a:r>
            </a:p>
          </p:txBody>
        </p:sp>
        <p:cxnSp>
          <p:nvCxnSpPr>
            <p:cNvPr id="154" name="Straight Connector 153">
              <a:extLst>
                <a:ext uri="{FF2B5EF4-FFF2-40B4-BE49-F238E27FC236}">
                  <a16:creationId xmlns:a16="http://schemas.microsoft.com/office/drawing/2014/main" id="{7C7BB1A6-99B7-FBA6-7D09-504C08DB67D9}"/>
                </a:ext>
              </a:extLst>
            </p:cNvPr>
            <p:cNvCxnSpPr>
              <a:cxnSpLocks/>
            </p:cNvCxnSpPr>
            <p:nvPr/>
          </p:nvCxnSpPr>
          <p:spPr>
            <a:xfrm flipH="1">
              <a:off x="1305648" y="5499722"/>
              <a:ext cx="994058" cy="334774"/>
            </a:xfrm>
            <a:prstGeom prst="line">
              <a:avLst/>
            </a:prstGeom>
            <a:noFill/>
            <a:ln w="28575" cap="flat" cmpd="sng" algn="ctr">
              <a:solidFill>
                <a:schemeClr val="bg2">
                  <a:lumMod val="50000"/>
                </a:schemeClr>
              </a:solidFill>
              <a:prstDash val="solid"/>
              <a:miter lim="800000"/>
            </a:ln>
            <a:effectLst/>
          </p:spPr>
        </p:cxnSp>
        <p:cxnSp>
          <p:nvCxnSpPr>
            <p:cNvPr id="156" name="Straight Connector 155">
              <a:extLst>
                <a:ext uri="{FF2B5EF4-FFF2-40B4-BE49-F238E27FC236}">
                  <a16:creationId xmlns:a16="http://schemas.microsoft.com/office/drawing/2014/main" id="{B9DCA1C1-BFD9-FB42-B5B0-AEEE734C1EB8}"/>
                </a:ext>
              </a:extLst>
            </p:cNvPr>
            <p:cNvCxnSpPr>
              <a:cxnSpLocks/>
            </p:cNvCxnSpPr>
            <p:nvPr/>
          </p:nvCxnSpPr>
          <p:spPr>
            <a:xfrm flipH="1">
              <a:off x="6573888" y="5035223"/>
              <a:ext cx="3725951" cy="455426"/>
            </a:xfrm>
            <a:prstGeom prst="line">
              <a:avLst/>
            </a:prstGeom>
            <a:noFill/>
            <a:ln w="28575" cap="flat" cmpd="sng" algn="ctr">
              <a:solidFill>
                <a:schemeClr val="bg2">
                  <a:lumMod val="50000"/>
                </a:schemeClr>
              </a:solidFill>
              <a:prstDash val="solid"/>
              <a:miter lim="800000"/>
            </a:ln>
            <a:effectLst/>
          </p:spPr>
        </p:cxnSp>
        <p:cxnSp>
          <p:nvCxnSpPr>
            <p:cNvPr id="157" name="Straight Connector 156">
              <a:extLst>
                <a:ext uri="{FF2B5EF4-FFF2-40B4-BE49-F238E27FC236}">
                  <a16:creationId xmlns:a16="http://schemas.microsoft.com/office/drawing/2014/main" id="{FAD0C236-3FCA-69DC-3888-02FA2E21FE14}"/>
                </a:ext>
              </a:extLst>
            </p:cNvPr>
            <p:cNvCxnSpPr>
              <a:cxnSpLocks/>
            </p:cNvCxnSpPr>
            <p:nvPr/>
          </p:nvCxnSpPr>
          <p:spPr>
            <a:xfrm flipH="1">
              <a:off x="2283167" y="5493137"/>
              <a:ext cx="4292771" cy="0"/>
            </a:xfrm>
            <a:prstGeom prst="line">
              <a:avLst/>
            </a:prstGeom>
            <a:noFill/>
            <a:ln w="28575" cap="flat" cmpd="sng" algn="ctr">
              <a:solidFill>
                <a:schemeClr val="bg2">
                  <a:lumMod val="50000"/>
                </a:schemeClr>
              </a:solidFill>
              <a:prstDash val="solid"/>
              <a:miter lim="800000"/>
            </a:ln>
            <a:effectLst/>
          </p:spPr>
        </p:cxnSp>
        <p:sp>
          <p:nvSpPr>
            <p:cNvPr id="158" name="Flowchart: Connector 157">
              <a:extLst>
                <a:ext uri="{FF2B5EF4-FFF2-40B4-BE49-F238E27FC236}">
                  <a16:creationId xmlns:a16="http://schemas.microsoft.com/office/drawing/2014/main" id="{8D97974B-50C9-4E4B-4C67-0DBB19856F4B}"/>
                </a:ext>
              </a:extLst>
            </p:cNvPr>
            <p:cNvSpPr/>
            <p:nvPr/>
          </p:nvSpPr>
          <p:spPr>
            <a:xfrm>
              <a:off x="1264496" y="580857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159" name="Flowchart: Connector 158">
              <a:extLst>
                <a:ext uri="{FF2B5EF4-FFF2-40B4-BE49-F238E27FC236}">
                  <a16:creationId xmlns:a16="http://schemas.microsoft.com/office/drawing/2014/main" id="{F61E55BF-FC5B-8CBE-3BE9-D46DCA75BF34}"/>
                </a:ext>
              </a:extLst>
            </p:cNvPr>
            <p:cNvSpPr/>
            <p:nvPr/>
          </p:nvSpPr>
          <p:spPr>
            <a:xfrm>
              <a:off x="2243773" y="5457690"/>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160" name="Flowchart: Connector 159">
              <a:extLst>
                <a:ext uri="{FF2B5EF4-FFF2-40B4-BE49-F238E27FC236}">
                  <a16:creationId xmlns:a16="http://schemas.microsoft.com/office/drawing/2014/main" id="{50A39FB8-8A53-9395-639C-21E0D6EA4FD5}"/>
                </a:ext>
              </a:extLst>
            </p:cNvPr>
            <p:cNvSpPr/>
            <p:nvPr/>
          </p:nvSpPr>
          <p:spPr>
            <a:xfrm>
              <a:off x="10198722" y="5014909"/>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161" name="Flowchart: Connector 160">
              <a:extLst>
                <a:ext uri="{FF2B5EF4-FFF2-40B4-BE49-F238E27FC236}">
                  <a16:creationId xmlns:a16="http://schemas.microsoft.com/office/drawing/2014/main" id="{53F8BDC3-E382-7BCB-179E-3766F6586A3E}"/>
                </a:ext>
              </a:extLst>
            </p:cNvPr>
            <p:cNvSpPr/>
            <p:nvPr/>
          </p:nvSpPr>
          <p:spPr>
            <a:xfrm>
              <a:off x="4349015" y="5460895"/>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155" name="Flowchart: Connector 154">
              <a:extLst>
                <a:ext uri="{FF2B5EF4-FFF2-40B4-BE49-F238E27FC236}">
                  <a16:creationId xmlns:a16="http://schemas.microsoft.com/office/drawing/2014/main" id="{EC430AD0-5984-E3E4-5920-8B7E3E124E7E}"/>
                </a:ext>
              </a:extLst>
            </p:cNvPr>
            <p:cNvSpPr/>
            <p:nvPr/>
          </p:nvSpPr>
          <p:spPr>
            <a:xfrm>
              <a:off x="6585081" y="5467203"/>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grpSp>
      <p:sp>
        <p:nvSpPr>
          <p:cNvPr id="168" name="TextBox 167">
            <a:extLst>
              <a:ext uri="{FF2B5EF4-FFF2-40B4-BE49-F238E27FC236}">
                <a16:creationId xmlns:a16="http://schemas.microsoft.com/office/drawing/2014/main" id="{2FE4B3F6-793C-F71B-384C-59068C5867B3}"/>
              </a:ext>
            </a:extLst>
          </p:cNvPr>
          <p:cNvSpPr txBox="1"/>
          <p:nvPr/>
        </p:nvSpPr>
        <p:spPr>
          <a:xfrm>
            <a:off x="812813" y="7843833"/>
            <a:ext cx="1524442" cy="605422"/>
          </a:xfrm>
          <a:prstGeom prst="rect">
            <a:avLst/>
          </a:prstGeom>
          <a:noFill/>
        </p:spPr>
        <p:txBody>
          <a:bodyPr wrap="square" rtlCol="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r>
              <a:rPr kumimoji="0" lang="en-US" sz="1667"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Referral Received</a:t>
            </a:r>
          </a:p>
        </p:txBody>
      </p:sp>
      <p:sp>
        <p:nvSpPr>
          <p:cNvPr id="454" name="TextBox 453">
            <a:extLst>
              <a:ext uri="{FF2B5EF4-FFF2-40B4-BE49-F238E27FC236}">
                <a16:creationId xmlns:a16="http://schemas.microsoft.com/office/drawing/2014/main" id="{FB7D16BD-41C9-C8E7-8C49-AFF57A73773A}"/>
              </a:ext>
            </a:extLst>
          </p:cNvPr>
          <p:cNvSpPr txBox="1"/>
          <p:nvPr/>
        </p:nvSpPr>
        <p:spPr>
          <a:xfrm>
            <a:off x="9359691" y="5288586"/>
            <a:ext cx="1979717" cy="348878"/>
          </a:xfrm>
          <a:prstGeom prst="rect">
            <a:avLst/>
          </a:prstGeom>
          <a:noFill/>
        </p:spPr>
        <p:txBody>
          <a:bodyPr wrap="square" rtlCol="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r>
              <a:rPr kumimoji="0" lang="en-US" sz="1667" b="1" i="0" u="none" strike="noStrike" kern="0" cap="none" spc="0" normalizeH="0" baseline="0" noProof="0">
                <a:ln>
                  <a:noFill/>
                </a:ln>
                <a:solidFill>
                  <a:srgbClr val="4472C4"/>
                </a:solidFill>
                <a:effectLst/>
                <a:uLnTx/>
                <a:uFillTx/>
              </a:rPr>
              <a:t>Guideline</a:t>
            </a:r>
          </a:p>
        </p:txBody>
      </p:sp>
      <p:sp>
        <p:nvSpPr>
          <p:cNvPr id="133" name="Rectangle 132"/>
          <p:cNvSpPr/>
          <p:nvPr/>
        </p:nvSpPr>
        <p:spPr>
          <a:xfrm>
            <a:off x="14188507" y="3783559"/>
            <a:ext cx="2041665" cy="839177"/>
          </a:xfrm>
          <a:prstGeom prst="rect">
            <a:avLst/>
          </a:prstGeom>
          <a:solidFill>
            <a:sysClr val="window" lastClr="FFFFFF"/>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30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29" name="Rectangle 128"/>
          <p:cNvSpPr/>
          <p:nvPr/>
        </p:nvSpPr>
        <p:spPr>
          <a:xfrm>
            <a:off x="17093262" y="3984004"/>
            <a:ext cx="1517539" cy="718225"/>
          </a:xfrm>
          <a:prstGeom prst="rect">
            <a:avLst/>
          </a:prstGeom>
          <a:solidFill>
            <a:sysClr val="window" lastClr="FFFFFF"/>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3000" b="0" i="0" u="none" strike="noStrike" kern="0" cap="none" spc="0" normalizeH="0" baseline="0" noProof="0">
              <a:ln>
                <a:noFill/>
              </a:ln>
              <a:solidFill>
                <a:prstClr val="white"/>
              </a:solidFill>
              <a:effectLst/>
              <a:uLnTx/>
              <a:uFillTx/>
              <a:latin typeface="Calibri" panose="020F0502020204030204"/>
              <a:ea typeface="+mn-ea"/>
              <a:cs typeface="+mn-cs"/>
            </a:endParaRPr>
          </a:p>
        </p:txBody>
      </p:sp>
      <p:grpSp>
        <p:nvGrpSpPr>
          <p:cNvPr id="14" name="Group 13"/>
          <p:cNvGrpSpPr/>
          <p:nvPr/>
        </p:nvGrpSpPr>
        <p:grpSpPr>
          <a:xfrm>
            <a:off x="1601983" y="4015179"/>
            <a:ext cx="17193875" cy="1332362"/>
            <a:chOff x="1212529" y="1910996"/>
            <a:chExt cx="10316325" cy="799417"/>
          </a:xfrm>
        </p:grpSpPr>
        <p:sp>
          <p:nvSpPr>
            <p:cNvPr id="130" name="Rectangle 129"/>
            <p:cNvSpPr/>
            <p:nvPr/>
          </p:nvSpPr>
          <p:spPr>
            <a:xfrm>
              <a:off x="8214340" y="1910996"/>
              <a:ext cx="1170281" cy="503506"/>
            </a:xfrm>
            <a:prstGeom prst="rect">
              <a:avLst/>
            </a:prstGeom>
            <a:solidFill>
              <a:sysClr val="window" lastClr="FFFFFF"/>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30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31" name="Rectangle 130"/>
            <p:cNvSpPr/>
            <p:nvPr/>
          </p:nvSpPr>
          <p:spPr>
            <a:xfrm>
              <a:off x="5496442" y="1910996"/>
              <a:ext cx="1767960" cy="503506"/>
            </a:xfrm>
            <a:prstGeom prst="rect">
              <a:avLst/>
            </a:prstGeom>
            <a:solidFill>
              <a:sysClr val="window" lastClr="FFFFFF"/>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30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32" name="Rectangle 131"/>
            <p:cNvSpPr/>
            <p:nvPr/>
          </p:nvSpPr>
          <p:spPr>
            <a:xfrm>
              <a:off x="3288376" y="1910996"/>
              <a:ext cx="1204481" cy="503506"/>
            </a:xfrm>
            <a:prstGeom prst="rect">
              <a:avLst/>
            </a:prstGeom>
            <a:solidFill>
              <a:sysClr val="window" lastClr="FFFFFF"/>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30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39" name="Rectangle 138"/>
            <p:cNvSpPr/>
            <p:nvPr/>
          </p:nvSpPr>
          <p:spPr>
            <a:xfrm>
              <a:off x="1212529" y="1999366"/>
              <a:ext cx="10316325" cy="711047"/>
            </a:xfrm>
            <a:prstGeom prst="rect">
              <a:avLst/>
            </a:prstGeom>
            <a:solidFill>
              <a:srgbClr val="4472C4">
                <a:lumMod val="20000"/>
                <a:lumOff val="80000"/>
              </a:srgbClr>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30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44" name="TextBox 143"/>
            <p:cNvSpPr txBox="1"/>
            <p:nvPr/>
          </p:nvSpPr>
          <p:spPr>
            <a:xfrm>
              <a:off x="1351163" y="2185612"/>
              <a:ext cx="804307" cy="338554"/>
            </a:xfrm>
            <a:prstGeom prst="rect">
              <a:avLst/>
            </a:prstGeom>
            <a:noFill/>
          </p:spPr>
          <p:txBody>
            <a:bodyPr wrap="square" rtlCol="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r>
                <a:rPr lang="en-US" sz="2667" b="1">
                  <a:solidFill>
                    <a:srgbClr val="E7E6E6">
                      <a:lumMod val="25000"/>
                    </a:srgbClr>
                  </a:solidFill>
                  <a:latin typeface="Arial" panose="020B0604020202020204" pitchFamily="34" charset="0"/>
                  <a:cs typeface="Arial" panose="020B0604020202020204" pitchFamily="34" charset="0"/>
                </a:rPr>
                <a:t>Injury</a:t>
              </a:r>
            </a:p>
          </p:txBody>
        </p:sp>
        <p:sp>
          <p:nvSpPr>
            <p:cNvPr id="148" name="TextBox 147"/>
            <p:cNvSpPr txBox="1"/>
            <p:nvPr/>
          </p:nvSpPr>
          <p:spPr>
            <a:xfrm>
              <a:off x="2771887" y="2041941"/>
              <a:ext cx="1207476" cy="584775"/>
            </a:xfrm>
            <a:prstGeom prst="rect">
              <a:avLst/>
            </a:prstGeom>
            <a:noFill/>
          </p:spPr>
          <p:txBody>
            <a:bodyPr wrap="square" rtlCol="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r>
                <a:rPr lang="en-US" sz="2667" b="1">
                  <a:solidFill>
                    <a:srgbClr val="E7E6E6">
                      <a:lumMod val="25000"/>
                    </a:srgbClr>
                  </a:solidFill>
                  <a:latin typeface="Arial" panose="020B0604020202020204" pitchFamily="34" charset="0"/>
                  <a:cs typeface="Arial" panose="020B0604020202020204" pitchFamily="34" charset="0"/>
                </a:rPr>
                <a:t>PT Referral</a:t>
              </a:r>
            </a:p>
          </p:txBody>
        </p:sp>
        <p:sp>
          <p:nvSpPr>
            <p:cNvPr id="149" name="TextBox 148"/>
            <p:cNvSpPr txBox="1"/>
            <p:nvPr/>
          </p:nvSpPr>
          <p:spPr>
            <a:xfrm>
              <a:off x="4627783" y="2091585"/>
              <a:ext cx="1756899" cy="584775"/>
            </a:xfrm>
            <a:prstGeom prst="rect">
              <a:avLst/>
            </a:prstGeom>
            <a:noFill/>
          </p:spPr>
          <p:txBody>
            <a:bodyPr wrap="square" rtlCol="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r>
                <a:rPr lang="en-US" sz="2667" b="1">
                  <a:solidFill>
                    <a:srgbClr val="E7E6E6">
                      <a:lumMod val="25000"/>
                    </a:srgbClr>
                  </a:solidFill>
                  <a:latin typeface="Arial" panose="020B0604020202020204" pitchFamily="34" charset="0"/>
                  <a:cs typeface="Arial" panose="020B0604020202020204" pitchFamily="34" charset="0"/>
                </a:rPr>
                <a:t>Initial Evaluation</a:t>
              </a:r>
            </a:p>
          </p:txBody>
        </p:sp>
        <p:sp>
          <p:nvSpPr>
            <p:cNvPr id="150" name="TextBox 149"/>
            <p:cNvSpPr txBox="1"/>
            <p:nvPr/>
          </p:nvSpPr>
          <p:spPr>
            <a:xfrm>
              <a:off x="6772757" y="2205208"/>
              <a:ext cx="1207476" cy="338554"/>
            </a:xfrm>
            <a:prstGeom prst="rect">
              <a:avLst/>
            </a:prstGeom>
            <a:noFill/>
          </p:spPr>
          <p:txBody>
            <a:bodyPr wrap="square" rtlCol="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r>
                <a:rPr lang="en-US" sz="2667" b="1">
                  <a:solidFill>
                    <a:srgbClr val="E7E6E6">
                      <a:lumMod val="25000"/>
                    </a:srgbClr>
                  </a:solidFill>
                  <a:latin typeface="Arial" panose="020B0604020202020204" pitchFamily="34" charset="0"/>
                  <a:cs typeface="Arial" panose="020B0604020202020204" pitchFamily="34" charset="0"/>
                </a:rPr>
                <a:t>Treatment</a:t>
              </a:r>
            </a:p>
          </p:txBody>
        </p:sp>
        <p:sp>
          <p:nvSpPr>
            <p:cNvPr id="151" name="TextBox 150"/>
            <p:cNvSpPr txBox="1"/>
            <p:nvPr/>
          </p:nvSpPr>
          <p:spPr>
            <a:xfrm>
              <a:off x="10283252" y="2193763"/>
              <a:ext cx="1174296" cy="338554"/>
            </a:xfrm>
            <a:prstGeom prst="rect">
              <a:avLst/>
            </a:prstGeom>
            <a:noFill/>
          </p:spPr>
          <p:txBody>
            <a:bodyPr wrap="square" rtlCol="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r>
                <a:rPr lang="en-US" sz="2667" b="1">
                  <a:solidFill>
                    <a:srgbClr val="E7E6E6">
                      <a:lumMod val="25000"/>
                    </a:srgbClr>
                  </a:solidFill>
                  <a:latin typeface="Arial" panose="020B0604020202020204" pitchFamily="34" charset="0"/>
                  <a:cs typeface="Arial" panose="020B0604020202020204" pitchFamily="34" charset="0"/>
                </a:rPr>
                <a:t>Discharge</a:t>
              </a:r>
            </a:p>
          </p:txBody>
        </p:sp>
        <p:sp>
          <p:nvSpPr>
            <p:cNvPr id="152" name="Chevron 151"/>
            <p:cNvSpPr/>
            <p:nvPr/>
          </p:nvSpPr>
          <p:spPr>
            <a:xfrm>
              <a:off x="2220961" y="2154541"/>
              <a:ext cx="326970" cy="461664"/>
            </a:xfrm>
            <a:prstGeom prst="chevron">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endParaRPr lang="en-US" sz="5000">
                <a:solidFill>
                  <a:schemeClr val="tx1"/>
                </a:solidFill>
              </a:endParaRPr>
            </a:p>
          </p:txBody>
        </p:sp>
        <p:sp>
          <p:nvSpPr>
            <p:cNvPr id="153" name="Chevron 152"/>
            <p:cNvSpPr/>
            <p:nvPr/>
          </p:nvSpPr>
          <p:spPr>
            <a:xfrm>
              <a:off x="4316430" y="2154541"/>
              <a:ext cx="326970" cy="461664"/>
            </a:xfrm>
            <a:prstGeom prst="chevron">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endParaRPr lang="en-US" sz="5000">
                <a:solidFill>
                  <a:schemeClr val="tx1"/>
                </a:solidFill>
              </a:endParaRPr>
            </a:p>
          </p:txBody>
        </p:sp>
        <p:sp>
          <p:nvSpPr>
            <p:cNvPr id="162" name="Chevron 161"/>
            <p:cNvSpPr/>
            <p:nvPr/>
          </p:nvSpPr>
          <p:spPr>
            <a:xfrm>
              <a:off x="6278231" y="2154541"/>
              <a:ext cx="326970" cy="461664"/>
            </a:xfrm>
            <a:prstGeom prst="chevron">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endParaRPr lang="en-US" sz="5000">
                <a:solidFill>
                  <a:schemeClr val="tx1"/>
                </a:solidFill>
              </a:endParaRPr>
            </a:p>
          </p:txBody>
        </p:sp>
        <p:grpSp>
          <p:nvGrpSpPr>
            <p:cNvPr id="163" name="Group 162"/>
            <p:cNvGrpSpPr/>
            <p:nvPr/>
          </p:nvGrpSpPr>
          <p:grpSpPr>
            <a:xfrm>
              <a:off x="8327379" y="2134555"/>
              <a:ext cx="1714025" cy="461664"/>
              <a:chOff x="7988480" y="1449910"/>
              <a:chExt cx="1714025" cy="461664"/>
            </a:xfrm>
          </p:grpSpPr>
          <p:sp>
            <p:nvSpPr>
              <p:cNvPr id="164" name="Chevron 163"/>
              <p:cNvSpPr/>
              <p:nvPr/>
            </p:nvSpPr>
            <p:spPr>
              <a:xfrm>
                <a:off x="7988480" y="1449910"/>
                <a:ext cx="326970" cy="461664"/>
              </a:xfrm>
              <a:prstGeom prst="chevron">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endParaRPr lang="en-US" sz="5000">
                  <a:solidFill>
                    <a:schemeClr val="tx1"/>
                  </a:solidFill>
                </a:endParaRPr>
              </a:p>
            </p:txBody>
          </p:sp>
          <p:sp>
            <p:nvSpPr>
              <p:cNvPr id="165" name="Chevron 164"/>
              <p:cNvSpPr/>
              <p:nvPr/>
            </p:nvSpPr>
            <p:spPr>
              <a:xfrm>
                <a:off x="8473388" y="1449910"/>
                <a:ext cx="326970" cy="461664"/>
              </a:xfrm>
              <a:prstGeom prst="chevron">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endParaRPr lang="en-US" sz="5000">
                  <a:solidFill>
                    <a:schemeClr val="tx1"/>
                  </a:solidFill>
                </a:endParaRPr>
              </a:p>
            </p:txBody>
          </p:sp>
          <p:sp>
            <p:nvSpPr>
              <p:cNvPr id="166" name="Chevron 165"/>
              <p:cNvSpPr/>
              <p:nvPr/>
            </p:nvSpPr>
            <p:spPr>
              <a:xfrm>
                <a:off x="8959200" y="1449910"/>
                <a:ext cx="326970" cy="461664"/>
              </a:xfrm>
              <a:prstGeom prst="chevron">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endParaRPr lang="en-US" sz="5000">
                  <a:solidFill>
                    <a:schemeClr val="tx1"/>
                  </a:solidFill>
                </a:endParaRPr>
              </a:p>
            </p:txBody>
          </p:sp>
          <p:sp>
            <p:nvSpPr>
              <p:cNvPr id="167" name="Chevron 166"/>
              <p:cNvSpPr/>
              <p:nvPr/>
            </p:nvSpPr>
            <p:spPr>
              <a:xfrm>
                <a:off x="9375535" y="1449910"/>
                <a:ext cx="326970" cy="461664"/>
              </a:xfrm>
              <a:prstGeom prst="chevron">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endParaRPr lang="en-US" sz="5000">
                  <a:solidFill>
                    <a:schemeClr val="tx1"/>
                  </a:solidFill>
                </a:endParaRPr>
              </a:p>
            </p:txBody>
          </p:sp>
        </p:grpSp>
      </p:grpSp>
      <p:grpSp>
        <p:nvGrpSpPr>
          <p:cNvPr id="10" name="Group 9"/>
          <p:cNvGrpSpPr/>
          <p:nvPr/>
        </p:nvGrpSpPr>
        <p:grpSpPr>
          <a:xfrm>
            <a:off x="997370" y="5916573"/>
            <a:ext cx="18072798" cy="2902858"/>
            <a:chOff x="882604" y="3062402"/>
            <a:chExt cx="10843679" cy="1741715"/>
          </a:xfrm>
        </p:grpSpPr>
        <p:sp>
          <p:nvSpPr>
            <p:cNvPr id="358" name="TextBox 357">
              <a:extLst>
                <a:ext uri="{FF2B5EF4-FFF2-40B4-BE49-F238E27FC236}">
                  <a16:creationId xmlns:a16="http://schemas.microsoft.com/office/drawing/2014/main" id="{2FE4B3F6-793C-F71B-384C-59068C5867B3}"/>
                </a:ext>
              </a:extLst>
            </p:cNvPr>
            <p:cNvSpPr txBox="1"/>
            <p:nvPr/>
          </p:nvSpPr>
          <p:spPr>
            <a:xfrm>
              <a:off x="882604" y="4373230"/>
              <a:ext cx="914665" cy="430887"/>
            </a:xfrm>
            <a:prstGeom prst="rect">
              <a:avLst/>
            </a:prstGeom>
            <a:noFill/>
          </p:spPr>
          <p:txBody>
            <a:bodyPr wrap="square" rtlCol="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r>
                <a:rPr kumimoji="0" lang="en-US" sz="175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Referral Received</a:t>
              </a:r>
            </a:p>
          </p:txBody>
        </p:sp>
        <p:cxnSp>
          <p:nvCxnSpPr>
            <p:cNvPr id="478" name="Straight Connector 477">
              <a:extLst>
                <a:ext uri="{FF2B5EF4-FFF2-40B4-BE49-F238E27FC236}">
                  <a16:creationId xmlns:a16="http://schemas.microsoft.com/office/drawing/2014/main" id="{F154E0EF-CF5A-989C-4B0E-111EF2786761}"/>
                </a:ext>
              </a:extLst>
            </p:cNvPr>
            <p:cNvCxnSpPr/>
            <p:nvPr/>
          </p:nvCxnSpPr>
          <p:spPr>
            <a:xfrm>
              <a:off x="1364193" y="4352834"/>
              <a:ext cx="8194729" cy="0"/>
            </a:xfrm>
            <a:prstGeom prst="line">
              <a:avLst/>
            </a:prstGeom>
            <a:noFill/>
            <a:ln w="19050" cap="flat" cmpd="sng" algn="ctr">
              <a:solidFill>
                <a:schemeClr val="bg2">
                  <a:lumMod val="50000"/>
                </a:schemeClr>
              </a:solidFill>
              <a:prstDash val="solid"/>
              <a:miter lim="800000"/>
            </a:ln>
            <a:effectLst/>
          </p:spPr>
        </p:cxnSp>
        <p:grpSp>
          <p:nvGrpSpPr>
            <p:cNvPr id="9" name="Group 8"/>
            <p:cNvGrpSpPr/>
            <p:nvPr/>
          </p:nvGrpSpPr>
          <p:grpSpPr>
            <a:xfrm>
              <a:off x="1284910" y="4303927"/>
              <a:ext cx="8349198" cy="91440"/>
              <a:chOff x="1284910" y="4303927"/>
              <a:chExt cx="8349198" cy="91440"/>
            </a:xfrm>
          </p:grpSpPr>
          <p:sp>
            <p:nvSpPr>
              <p:cNvPr id="477" name="Flowchart: Connector 476">
                <a:extLst>
                  <a:ext uri="{FF2B5EF4-FFF2-40B4-BE49-F238E27FC236}">
                    <a16:creationId xmlns:a16="http://schemas.microsoft.com/office/drawing/2014/main" id="{24D3D51F-C83E-4765-A879-4EC8E9589217}"/>
                  </a:ext>
                </a:extLst>
              </p:cNvPr>
              <p:cNvSpPr/>
              <p:nvPr/>
            </p:nvSpPr>
            <p:spPr>
              <a:xfrm>
                <a:off x="1284910"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479" name="Flowchart: Connector 478">
                <a:extLst>
                  <a:ext uri="{FF2B5EF4-FFF2-40B4-BE49-F238E27FC236}">
                    <a16:creationId xmlns:a16="http://schemas.microsoft.com/office/drawing/2014/main" id="{DDBE6889-1E5F-BBDD-D80D-AF031883E772}"/>
                  </a:ext>
                </a:extLst>
              </p:cNvPr>
              <p:cNvSpPr/>
              <p:nvPr/>
            </p:nvSpPr>
            <p:spPr>
              <a:xfrm>
                <a:off x="1407862"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480" name="Flowchart: Connector 479">
                <a:extLst>
                  <a:ext uri="{FF2B5EF4-FFF2-40B4-BE49-F238E27FC236}">
                    <a16:creationId xmlns:a16="http://schemas.microsoft.com/office/drawing/2014/main" id="{1A6BE152-340F-3F7D-DB2B-55BCA27B3692}"/>
                  </a:ext>
                </a:extLst>
              </p:cNvPr>
              <p:cNvSpPr/>
              <p:nvPr/>
            </p:nvSpPr>
            <p:spPr>
              <a:xfrm>
                <a:off x="1530814"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481" name="Flowchart: Connector 480">
                <a:extLst>
                  <a:ext uri="{FF2B5EF4-FFF2-40B4-BE49-F238E27FC236}">
                    <a16:creationId xmlns:a16="http://schemas.microsoft.com/office/drawing/2014/main" id="{6961788C-10ED-92F8-BA4C-6A059F5F8545}"/>
                  </a:ext>
                </a:extLst>
              </p:cNvPr>
              <p:cNvSpPr/>
              <p:nvPr/>
            </p:nvSpPr>
            <p:spPr>
              <a:xfrm>
                <a:off x="1750447"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482" name="Flowchart: Connector 481">
                <a:extLst>
                  <a:ext uri="{FF2B5EF4-FFF2-40B4-BE49-F238E27FC236}">
                    <a16:creationId xmlns:a16="http://schemas.microsoft.com/office/drawing/2014/main" id="{DCAC2D5F-F6D9-A562-511C-ED8376C8AC81}"/>
                  </a:ext>
                </a:extLst>
              </p:cNvPr>
              <p:cNvSpPr/>
              <p:nvPr/>
            </p:nvSpPr>
            <p:spPr>
              <a:xfrm>
                <a:off x="1873399"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483" name="Flowchart: Connector 482">
                <a:extLst>
                  <a:ext uri="{FF2B5EF4-FFF2-40B4-BE49-F238E27FC236}">
                    <a16:creationId xmlns:a16="http://schemas.microsoft.com/office/drawing/2014/main" id="{CB4A75FB-A4A5-0EEA-06CC-9DF62501C7FC}"/>
                  </a:ext>
                </a:extLst>
              </p:cNvPr>
              <p:cNvSpPr/>
              <p:nvPr/>
            </p:nvSpPr>
            <p:spPr>
              <a:xfrm>
                <a:off x="1996351"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484" name="Flowchart: Connector 483">
                <a:extLst>
                  <a:ext uri="{FF2B5EF4-FFF2-40B4-BE49-F238E27FC236}">
                    <a16:creationId xmlns:a16="http://schemas.microsoft.com/office/drawing/2014/main" id="{7CA4F05C-B687-BB31-AEA3-A7D800B87688}"/>
                  </a:ext>
                </a:extLst>
              </p:cNvPr>
              <p:cNvSpPr/>
              <p:nvPr/>
            </p:nvSpPr>
            <p:spPr>
              <a:xfrm>
                <a:off x="2068745"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485" name="Flowchart: Connector 484">
                <a:extLst>
                  <a:ext uri="{FF2B5EF4-FFF2-40B4-BE49-F238E27FC236}">
                    <a16:creationId xmlns:a16="http://schemas.microsoft.com/office/drawing/2014/main" id="{14F1BF46-2BC4-978B-5C12-995F49C5A4D8}"/>
                  </a:ext>
                </a:extLst>
              </p:cNvPr>
              <p:cNvSpPr/>
              <p:nvPr/>
            </p:nvSpPr>
            <p:spPr>
              <a:xfrm>
                <a:off x="2402993"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486" name="Flowchart: Connector 485">
                <a:extLst>
                  <a:ext uri="{FF2B5EF4-FFF2-40B4-BE49-F238E27FC236}">
                    <a16:creationId xmlns:a16="http://schemas.microsoft.com/office/drawing/2014/main" id="{E086E5A2-59C3-EFDD-298E-A5BAB3206EBC}"/>
                  </a:ext>
                </a:extLst>
              </p:cNvPr>
              <p:cNvSpPr/>
              <p:nvPr/>
            </p:nvSpPr>
            <p:spPr>
              <a:xfrm>
                <a:off x="2523136"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487" name="Flowchart: Connector 486">
                <a:extLst>
                  <a:ext uri="{FF2B5EF4-FFF2-40B4-BE49-F238E27FC236}">
                    <a16:creationId xmlns:a16="http://schemas.microsoft.com/office/drawing/2014/main" id="{6E02D786-1387-0F09-E790-45CAF0C92005}"/>
                  </a:ext>
                </a:extLst>
              </p:cNvPr>
              <p:cNvSpPr/>
              <p:nvPr/>
            </p:nvSpPr>
            <p:spPr>
              <a:xfrm>
                <a:off x="2809635"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488" name="Flowchart: Connector 487">
                <a:extLst>
                  <a:ext uri="{FF2B5EF4-FFF2-40B4-BE49-F238E27FC236}">
                    <a16:creationId xmlns:a16="http://schemas.microsoft.com/office/drawing/2014/main" id="{11059B8C-3BBD-36A1-7A8B-671FBA8F288C}"/>
                  </a:ext>
                </a:extLst>
              </p:cNvPr>
              <p:cNvSpPr/>
              <p:nvPr/>
            </p:nvSpPr>
            <p:spPr>
              <a:xfrm>
                <a:off x="3042766"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489" name="Flowchart: Connector 488">
                <a:extLst>
                  <a:ext uri="{FF2B5EF4-FFF2-40B4-BE49-F238E27FC236}">
                    <a16:creationId xmlns:a16="http://schemas.microsoft.com/office/drawing/2014/main" id="{8CCEBC7A-FA5A-26BF-226D-4B1AC44BF0BA}"/>
                  </a:ext>
                </a:extLst>
              </p:cNvPr>
              <p:cNvSpPr/>
              <p:nvPr/>
            </p:nvSpPr>
            <p:spPr>
              <a:xfrm>
                <a:off x="3316668"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490" name="Flowchart: Connector 489">
                <a:extLst>
                  <a:ext uri="{FF2B5EF4-FFF2-40B4-BE49-F238E27FC236}">
                    <a16:creationId xmlns:a16="http://schemas.microsoft.com/office/drawing/2014/main" id="{A435CD3D-2372-6056-8279-DAD65A56EEF1}"/>
                  </a:ext>
                </a:extLst>
              </p:cNvPr>
              <p:cNvSpPr/>
              <p:nvPr/>
            </p:nvSpPr>
            <p:spPr>
              <a:xfrm>
                <a:off x="3463948"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491" name="Flowchart: Connector 490">
                <a:extLst>
                  <a:ext uri="{FF2B5EF4-FFF2-40B4-BE49-F238E27FC236}">
                    <a16:creationId xmlns:a16="http://schemas.microsoft.com/office/drawing/2014/main" id="{5D3DB443-A907-6B00-93F6-DA7453C3E087}"/>
                  </a:ext>
                </a:extLst>
              </p:cNvPr>
              <p:cNvSpPr/>
              <p:nvPr/>
            </p:nvSpPr>
            <p:spPr>
              <a:xfrm>
                <a:off x="3627543"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492" name="Flowchart: Connector 491">
                <a:extLst>
                  <a:ext uri="{FF2B5EF4-FFF2-40B4-BE49-F238E27FC236}">
                    <a16:creationId xmlns:a16="http://schemas.microsoft.com/office/drawing/2014/main" id="{ACBE7F7D-57C4-A89D-A65F-91A93D18C32D}"/>
                  </a:ext>
                </a:extLst>
              </p:cNvPr>
              <p:cNvSpPr/>
              <p:nvPr/>
            </p:nvSpPr>
            <p:spPr>
              <a:xfrm>
                <a:off x="3750082"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493" name="Flowchart: Connector 492">
                <a:extLst>
                  <a:ext uri="{FF2B5EF4-FFF2-40B4-BE49-F238E27FC236}">
                    <a16:creationId xmlns:a16="http://schemas.microsoft.com/office/drawing/2014/main" id="{FAA96C60-3723-F111-1335-3D821F6EE179}"/>
                  </a:ext>
                </a:extLst>
              </p:cNvPr>
              <p:cNvSpPr/>
              <p:nvPr/>
            </p:nvSpPr>
            <p:spPr>
              <a:xfrm>
                <a:off x="3875710"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494" name="Flowchart: Connector 493">
                <a:extLst>
                  <a:ext uri="{FF2B5EF4-FFF2-40B4-BE49-F238E27FC236}">
                    <a16:creationId xmlns:a16="http://schemas.microsoft.com/office/drawing/2014/main" id="{676CE735-9AF2-1259-D8F9-FC66E02FD34D}"/>
                  </a:ext>
                </a:extLst>
              </p:cNvPr>
              <p:cNvSpPr/>
              <p:nvPr/>
            </p:nvSpPr>
            <p:spPr>
              <a:xfrm>
                <a:off x="4036216"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495" name="Flowchart: Connector 494">
                <a:extLst>
                  <a:ext uri="{FF2B5EF4-FFF2-40B4-BE49-F238E27FC236}">
                    <a16:creationId xmlns:a16="http://schemas.microsoft.com/office/drawing/2014/main" id="{C51F88FF-A176-E12C-2195-4A8C0EDF03D3}"/>
                  </a:ext>
                </a:extLst>
              </p:cNvPr>
              <p:cNvSpPr/>
              <p:nvPr/>
            </p:nvSpPr>
            <p:spPr>
              <a:xfrm>
                <a:off x="4167736"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496" name="Flowchart: Connector 495">
                <a:extLst>
                  <a:ext uri="{FF2B5EF4-FFF2-40B4-BE49-F238E27FC236}">
                    <a16:creationId xmlns:a16="http://schemas.microsoft.com/office/drawing/2014/main" id="{84A956B0-4F7D-D31F-C180-E8E5991C76F3}"/>
                  </a:ext>
                </a:extLst>
              </p:cNvPr>
              <p:cNvSpPr/>
              <p:nvPr/>
            </p:nvSpPr>
            <p:spPr>
              <a:xfrm>
                <a:off x="4339437"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497" name="Flowchart: Connector 496">
                <a:extLst>
                  <a:ext uri="{FF2B5EF4-FFF2-40B4-BE49-F238E27FC236}">
                    <a16:creationId xmlns:a16="http://schemas.microsoft.com/office/drawing/2014/main" id="{71526C6D-7B8E-B1D8-3594-F6F332E6C53B}"/>
                  </a:ext>
                </a:extLst>
              </p:cNvPr>
              <p:cNvSpPr/>
              <p:nvPr/>
            </p:nvSpPr>
            <p:spPr>
              <a:xfrm>
                <a:off x="4586427"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498" name="Flowchart: Connector 497">
                <a:extLst>
                  <a:ext uri="{FF2B5EF4-FFF2-40B4-BE49-F238E27FC236}">
                    <a16:creationId xmlns:a16="http://schemas.microsoft.com/office/drawing/2014/main" id="{EE16765B-0963-DA13-8A4E-6591DAA9ADC2}"/>
                  </a:ext>
                </a:extLst>
              </p:cNvPr>
              <p:cNvSpPr/>
              <p:nvPr/>
            </p:nvSpPr>
            <p:spPr>
              <a:xfrm>
                <a:off x="4710829"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499" name="Flowchart: Connector 498">
                <a:extLst>
                  <a:ext uri="{FF2B5EF4-FFF2-40B4-BE49-F238E27FC236}">
                    <a16:creationId xmlns:a16="http://schemas.microsoft.com/office/drawing/2014/main" id="{D7843C60-1FFF-8039-D6E9-E109CD0ABA6A}"/>
                  </a:ext>
                </a:extLst>
              </p:cNvPr>
              <p:cNvSpPr/>
              <p:nvPr/>
            </p:nvSpPr>
            <p:spPr>
              <a:xfrm>
                <a:off x="4884339"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500" name="Flowchart: Connector 499">
                <a:extLst>
                  <a:ext uri="{FF2B5EF4-FFF2-40B4-BE49-F238E27FC236}">
                    <a16:creationId xmlns:a16="http://schemas.microsoft.com/office/drawing/2014/main" id="{351C9D95-4783-7D97-6781-64B1FC7D9E54}"/>
                  </a:ext>
                </a:extLst>
              </p:cNvPr>
              <p:cNvSpPr/>
              <p:nvPr/>
            </p:nvSpPr>
            <p:spPr>
              <a:xfrm>
                <a:off x="5045062"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501" name="Flowchart: Connector 500">
                <a:extLst>
                  <a:ext uri="{FF2B5EF4-FFF2-40B4-BE49-F238E27FC236}">
                    <a16:creationId xmlns:a16="http://schemas.microsoft.com/office/drawing/2014/main" id="{2319735E-C22E-9782-FF0E-78CC4A8002A3}"/>
                  </a:ext>
                </a:extLst>
              </p:cNvPr>
              <p:cNvSpPr/>
              <p:nvPr/>
            </p:nvSpPr>
            <p:spPr>
              <a:xfrm>
                <a:off x="5160264"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502" name="Flowchart: Connector 501">
                <a:extLst>
                  <a:ext uri="{FF2B5EF4-FFF2-40B4-BE49-F238E27FC236}">
                    <a16:creationId xmlns:a16="http://schemas.microsoft.com/office/drawing/2014/main" id="{611498CB-0CBC-9831-5EEE-4693A8A898B7}"/>
                  </a:ext>
                </a:extLst>
              </p:cNvPr>
              <p:cNvSpPr/>
              <p:nvPr/>
            </p:nvSpPr>
            <p:spPr>
              <a:xfrm>
                <a:off x="5283585"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503" name="Flowchart: Connector 502">
                <a:extLst>
                  <a:ext uri="{FF2B5EF4-FFF2-40B4-BE49-F238E27FC236}">
                    <a16:creationId xmlns:a16="http://schemas.microsoft.com/office/drawing/2014/main" id="{606BDCBD-7931-B7E4-7F8A-770C3E6BCFB4}"/>
                  </a:ext>
                </a:extLst>
              </p:cNvPr>
              <p:cNvSpPr/>
              <p:nvPr/>
            </p:nvSpPr>
            <p:spPr>
              <a:xfrm>
                <a:off x="5435077"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504" name="Flowchart: Connector 503">
                <a:extLst>
                  <a:ext uri="{FF2B5EF4-FFF2-40B4-BE49-F238E27FC236}">
                    <a16:creationId xmlns:a16="http://schemas.microsoft.com/office/drawing/2014/main" id="{7CABAEBF-3706-1B44-69DA-E650A6DE3D25}"/>
                  </a:ext>
                </a:extLst>
              </p:cNvPr>
              <p:cNvSpPr/>
              <p:nvPr/>
            </p:nvSpPr>
            <p:spPr>
              <a:xfrm>
                <a:off x="5636263"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505" name="Flowchart: Connector 504">
                <a:extLst>
                  <a:ext uri="{FF2B5EF4-FFF2-40B4-BE49-F238E27FC236}">
                    <a16:creationId xmlns:a16="http://schemas.microsoft.com/office/drawing/2014/main" id="{44722777-ACFC-8A6A-009F-5FAB0053599B}"/>
                  </a:ext>
                </a:extLst>
              </p:cNvPr>
              <p:cNvSpPr/>
              <p:nvPr/>
            </p:nvSpPr>
            <p:spPr>
              <a:xfrm>
                <a:off x="5970511"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506" name="Flowchart: Connector 505">
                <a:extLst>
                  <a:ext uri="{FF2B5EF4-FFF2-40B4-BE49-F238E27FC236}">
                    <a16:creationId xmlns:a16="http://schemas.microsoft.com/office/drawing/2014/main" id="{7B56449A-F849-1297-73AA-3BF590C288F7}"/>
                  </a:ext>
                </a:extLst>
              </p:cNvPr>
              <p:cNvSpPr/>
              <p:nvPr/>
            </p:nvSpPr>
            <p:spPr>
              <a:xfrm>
                <a:off x="6090654"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507" name="Flowchart: Connector 506">
                <a:extLst>
                  <a:ext uri="{FF2B5EF4-FFF2-40B4-BE49-F238E27FC236}">
                    <a16:creationId xmlns:a16="http://schemas.microsoft.com/office/drawing/2014/main" id="{A5E8412C-FA7B-3B07-9E85-7F64150F47CE}"/>
                  </a:ext>
                </a:extLst>
              </p:cNvPr>
              <p:cNvSpPr/>
              <p:nvPr/>
            </p:nvSpPr>
            <p:spPr>
              <a:xfrm>
                <a:off x="6377153"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508" name="Flowchart: Connector 507">
                <a:extLst>
                  <a:ext uri="{FF2B5EF4-FFF2-40B4-BE49-F238E27FC236}">
                    <a16:creationId xmlns:a16="http://schemas.microsoft.com/office/drawing/2014/main" id="{6018DF76-6434-0469-7FAF-C23D4596B890}"/>
                  </a:ext>
                </a:extLst>
              </p:cNvPr>
              <p:cNvSpPr/>
              <p:nvPr/>
            </p:nvSpPr>
            <p:spPr>
              <a:xfrm>
                <a:off x="6610284"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509" name="Flowchart: Connector 508">
                <a:extLst>
                  <a:ext uri="{FF2B5EF4-FFF2-40B4-BE49-F238E27FC236}">
                    <a16:creationId xmlns:a16="http://schemas.microsoft.com/office/drawing/2014/main" id="{DC8E6B4F-E882-2226-D646-87D46D212A99}"/>
                  </a:ext>
                </a:extLst>
              </p:cNvPr>
              <p:cNvSpPr/>
              <p:nvPr/>
            </p:nvSpPr>
            <p:spPr>
              <a:xfrm>
                <a:off x="6884186"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510" name="Flowchart: Connector 509">
                <a:extLst>
                  <a:ext uri="{FF2B5EF4-FFF2-40B4-BE49-F238E27FC236}">
                    <a16:creationId xmlns:a16="http://schemas.microsoft.com/office/drawing/2014/main" id="{8F875916-80E7-E11E-2D5B-E612658BC950}"/>
                  </a:ext>
                </a:extLst>
              </p:cNvPr>
              <p:cNvSpPr/>
              <p:nvPr/>
            </p:nvSpPr>
            <p:spPr>
              <a:xfrm>
                <a:off x="7031466"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511" name="Flowchart: Connector 510">
                <a:extLst>
                  <a:ext uri="{FF2B5EF4-FFF2-40B4-BE49-F238E27FC236}">
                    <a16:creationId xmlns:a16="http://schemas.microsoft.com/office/drawing/2014/main" id="{FD51D117-07F3-8B37-F19B-CB8B68F1A032}"/>
                  </a:ext>
                </a:extLst>
              </p:cNvPr>
              <p:cNvSpPr/>
              <p:nvPr/>
            </p:nvSpPr>
            <p:spPr>
              <a:xfrm>
                <a:off x="7195061"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512" name="Flowchart: Connector 511">
                <a:extLst>
                  <a:ext uri="{FF2B5EF4-FFF2-40B4-BE49-F238E27FC236}">
                    <a16:creationId xmlns:a16="http://schemas.microsoft.com/office/drawing/2014/main" id="{CB35F5DF-0A83-1D21-77F9-C94A098EC42F}"/>
                  </a:ext>
                </a:extLst>
              </p:cNvPr>
              <p:cNvSpPr/>
              <p:nvPr/>
            </p:nvSpPr>
            <p:spPr>
              <a:xfrm>
                <a:off x="7317600"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513" name="Flowchart: Connector 512">
                <a:extLst>
                  <a:ext uri="{FF2B5EF4-FFF2-40B4-BE49-F238E27FC236}">
                    <a16:creationId xmlns:a16="http://schemas.microsoft.com/office/drawing/2014/main" id="{67984A9B-C17E-A5A2-51F3-268A2CBFC672}"/>
                  </a:ext>
                </a:extLst>
              </p:cNvPr>
              <p:cNvSpPr/>
              <p:nvPr/>
            </p:nvSpPr>
            <p:spPr>
              <a:xfrm>
                <a:off x="7443228"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514" name="Flowchart: Connector 513">
                <a:extLst>
                  <a:ext uri="{FF2B5EF4-FFF2-40B4-BE49-F238E27FC236}">
                    <a16:creationId xmlns:a16="http://schemas.microsoft.com/office/drawing/2014/main" id="{E9FABC90-6A38-85FE-FA7B-FC13E9CDCFB0}"/>
                  </a:ext>
                </a:extLst>
              </p:cNvPr>
              <p:cNvSpPr/>
              <p:nvPr/>
            </p:nvSpPr>
            <p:spPr>
              <a:xfrm>
                <a:off x="7655138"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515" name="Flowchart: Connector 514">
                <a:extLst>
                  <a:ext uri="{FF2B5EF4-FFF2-40B4-BE49-F238E27FC236}">
                    <a16:creationId xmlns:a16="http://schemas.microsoft.com/office/drawing/2014/main" id="{522BE4DD-E6B4-3200-4DC2-58D07E530650}"/>
                  </a:ext>
                </a:extLst>
              </p:cNvPr>
              <p:cNvSpPr/>
              <p:nvPr/>
            </p:nvSpPr>
            <p:spPr>
              <a:xfrm>
                <a:off x="7779540"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516" name="Flowchart: Connector 515">
                <a:extLst>
                  <a:ext uri="{FF2B5EF4-FFF2-40B4-BE49-F238E27FC236}">
                    <a16:creationId xmlns:a16="http://schemas.microsoft.com/office/drawing/2014/main" id="{D3001BA2-984F-17BD-DA16-1E0ACC8F9627}"/>
                  </a:ext>
                </a:extLst>
              </p:cNvPr>
              <p:cNvSpPr/>
              <p:nvPr/>
            </p:nvSpPr>
            <p:spPr>
              <a:xfrm>
                <a:off x="7953050"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517" name="Flowchart: Connector 516">
                <a:extLst>
                  <a:ext uri="{FF2B5EF4-FFF2-40B4-BE49-F238E27FC236}">
                    <a16:creationId xmlns:a16="http://schemas.microsoft.com/office/drawing/2014/main" id="{A34824D6-A1F8-1424-C08B-B4E49D8261F8}"/>
                  </a:ext>
                </a:extLst>
              </p:cNvPr>
              <p:cNvSpPr/>
              <p:nvPr/>
            </p:nvSpPr>
            <p:spPr>
              <a:xfrm>
                <a:off x="8113773"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518" name="Flowchart: Connector 517">
                <a:extLst>
                  <a:ext uri="{FF2B5EF4-FFF2-40B4-BE49-F238E27FC236}">
                    <a16:creationId xmlns:a16="http://schemas.microsoft.com/office/drawing/2014/main" id="{2FFD66BE-3E8A-7883-64AE-1DEDEA64B0D2}"/>
                  </a:ext>
                </a:extLst>
              </p:cNvPr>
              <p:cNvSpPr/>
              <p:nvPr/>
            </p:nvSpPr>
            <p:spPr>
              <a:xfrm>
                <a:off x="8228975"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519" name="Flowchart: Connector 518">
                <a:extLst>
                  <a:ext uri="{FF2B5EF4-FFF2-40B4-BE49-F238E27FC236}">
                    <a16:creationId xmlns:a16="http://schemas.microsoft.com/office/drawing/2014/main" id="{2955642A-F219-1889-5018-E2DE38F728C8}"/>
                  </a:ext>
                </a:extLst>
              </p:cNvPr>
              <p:cNvSpPr/>
              <p:nvPr/>
            </p:nvSpPr>
            <p:spPr>
              <a:xfrm>
                <a:off x="8352296"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520" name="Flowchart: Connector 519">
                <a:extLst>
                  <a:ext uri="{FF2B5EF4-FFF2-40B4-BE49-F238E27FC236}">
                    <a16:creationId xmlns:a16="http://schemas.microsoft.com/office/drawing/2014/main" id="{0BB870AD-81D0-779E-0620-214B355FF1E3}"/>
                  </a:ext>
                </a:extLst>
              </p:cNvPr>
              <p:cNvSpPr/>
              <p:nvPr/>
            </p:nvSpPr>
            <p:spPr>
              <a:xfrm>
                <a:off x="8503788"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521" name="Flowchart: Connector 520">
                <a:extLst>
                  <a:ext uri="{FF2B5EF4-FFF2-40B4-BE49-F238E27FC236}">
                    <a16:creationId xmlns:a16="http://schemas.microsoft.com/office/drawing/2014/main" id="{5B0A7CBD-358C-460A-B887-F078E5C6C746}"/>
                  </a:ext>
                </a:extLst>
              </p:cNvPr>
              <p:cNvSpPr/>
              <p:nvPr/>
            </p:nvSpPr>
            <p:spPr>
              <a:xfrm>
                <a:off x="8704974"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522" name="Flowchart: Connector 521">
                <a:extLst>
                  <a:ext uri="{FF2B5EF4-FFF2-40B4-BE49-F238E27FC236}">
                    <a16:creationId xmlns:a16="http://schemas.microsoft.com/office/drawing/2014/main" id="{FA8D3C08-5896-BF25-5347-1A43AB4D0908}"/>
                  </a:ext>
                </a:extLst>
              </p:cNvPr>
              <p:cNvSpPr/>
              <p:nvPr/>
            </p:nvSpPr>
            <p:spPr>
              <a:xfrm>
                <a:off x="8902895"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523" name="Flowchart: Connector 522">
                <a:extLst>
                  <a:ext uri="{FF2B5EF4-FFF2-40B4-BE49-F238E27FC236}">
                    <a16:creationId xmlns:a16="http://schemas.microsoft.com/office/drawing/2014/main" id="{E67855F4-3B54-A449-B714-F38F2492FCD5}"/>
                  </a:ext>
                </a:extLst>
              </p:cNvPr>
              <p:cNvSpPr/>
              <p:nvPr/>
            </p:nvSpPr>
            <p:spPr>
              <a:xfrm>
                <a:off x="9023038"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524" name="Flowchart: Connector 523">
                <a:extLst>
                  <a:ext uri="{FF2B5EF4-FFF2-40B4-BE49-F238E27FC236}">
                    <a16:creationId xmlns:a16="http://schemas.microsoft.com/office/drawing/2014/main" id="{B43256EF-D1CC-5BC3-EA0C-28C38A8F2B8E}"/>
                  </a:ext>
                </a:extLst>
              </p:cNvPr>
              <p:cNvSpPr/>
              <p:nvPr/>
            </p:nvSpPr>
            <p:spPr>
              <a:xfrm>
                <a:off x="9309537"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525" name="Flowchart: Connector 524">
                <a:extLst>
                  <a:ext uri="{FF2B5EF4-FFF2-40B4-BE49-F238E27FC236}">
                    <a16:creationId xmlns:a16="http://schemas.microsoft.com/office/drawing/2014/main" id="{CE378ECE-92C8-6DDF-3C2D-16F40B830FFB}"/>
                  </a:ext>
                </a:extLst>
              </p:cNvPr>
              <p:cNvSpPr/>
              <p:nvPr/>
            </p:nvSpPr>
            <p:spPr>
              <a:xfrm>
                <a:off x="9542668" y="4303927"/>
                <a:ext cx="91440" cy="91440"/>
              </a:xfrm>
              <a:prstGeom prst="flowChartConnector">
                <a:avLst/>
              </a:prstGeom>
              <a:solidFill>
                <a:srgbClr val="313B6E"/>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grpSp>
        <p:sp>
          <p:nvSpPr>
            <p:cNvPr id="529" name="TextBox 528">
              <a:extLst>
                <a:ext uri="{FF2B5EF4-FFF2-40B4-BE49-F238E27FC236}">
                  <a16:creationId xmlns:a16="http://schemas.microsoft.com/office/drawing/2014/main" id="{9E84E459-C3EB-40EA-E1F8-4A923B5EB6CF}"/>
                </a:ext>
              </a:extLst>
            </p:cNvPr>
            <p:cNvSpPr txBox="1"/>
            <p:nvPr/>
          </p:nvSpPr>
          <p:spPr>
            <a:xfrm>
              <a:off x="9073596" y="4495866"/>
              <a:ext cx="914665" cy="253916"/>
            </a:xfrm>
            <a:prstGeom prst="rect">
              <a:avLst/>
            </a:prstGeom>
            <a:noFill/>
          </p:spPr>
          <p:txBody>
            <a:bodyPr wrap="square" rtlCol="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r>
                <a:rPr kumimoji="0" lang="en-US" sz="1750" b="1" i="0" u="none" strike="noStrike" kern="0" cap="none" spc="0" normalizeH="0" baseline="0" noProof="0">
                  <a:ln>
                    <a:noFill/>
                  </a:ln>
                  <a:solidFill>
                    <a:prstClr val="black"/>
                  </a:solidFill>
                  <a:effectLst/>
                  <a:uLnTx/>
                  <a:uFillTx/>
                  <a:latin typeface="Arial" panose="020B0604020202020204" pitchFamily="34" charset="0"/>
                  <a:cs typeface="Arial" panose="020B0604020202020204" pitchFamily="34" charset="0"/>
                </a:rPr>
                <a:t>Discharge</a:t>
              </a:r>
            </a:p>
          </p:txBody>
        </p:sp>
        <p:sp>
          <p:nvSpPr>
            <p:cNvPr id="171" name="Flowchart: Connector 170">
              <a:extLst>
                <a:ext uri="{FF2B5EF4-FFF2-40B4-BE49-F238E27FC236}">
                  <a16:creationId xmlns:a16="http://schemas.microsoft.com/office/drawing/2014/main" id="{99E0C0C7-382A-4C75-1F9B-B5343643CE4C}"/>
                </a:ext>
              </a:extLst>
            </p:cNvPr>
            <p:cNvSpPr/>
            <p:nvPr/>
          </p:nvSpPr>
          <p:spPr>
            <a:xfrm>
              <a:off x="11405769" y="3275525"/>
              <a:ext cx="91440" cy="91440"/>
            </a:xfrm>
            <a:prstGeom prst="flowChartConnector">
              <a:avLst/>
            </a:prstGeom>
            <a:solidFill>
              <a:srgbClr val="AFABAB"/>
            </a:solidFill>
            <a:ln w="12700" cap="flat" cmpd="sng" algn="ctr">
              <a:solidFill>
                <a:schemeClr val="bg1"/>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1750" b="0" i="0" u="none" strike="noStrike" kern="0" cap="none" spc="0" normalizeH="0" baseline="0" noProof="0">
                <a:ln>
                  <a:noFill/>
                </a:ln>
                <a:solidFill>
                  <a:prstClr val="white"/>
                </a:solidFill>
                <a:effectLst/>
                <a:uLnTx/>
                <a:uFillTx/>
                <a:latin typeface="Arial" panose="020B0604020202020204" pitchFamily="34" charset="0"/>
                <a:cs typeface="Arial" panose="020B0604020202020204" pitchFamily="34" charset="0"/>
              </a:endParaRPr>
            </a:p>
          </p:txBody>
        </p:sp>
        <p:sp>
          <p:nvSpPr>
            <p:cNvPr id="172" name="TextBox 171">
              <a:extLst>
                <a:ext uri="{FF2B5EF4-FFF2-40B4-BE49-F238E27FC236}">
                  <a16:creationId xmlns:a16="http://schemas.microsoft.com/office/drawing/2014/main" id="{C588EE18-E02B-645B-2CE6-06A96FFB3EDA}"/>
                </a:ext>
              </a:extLst>
            </p:cNvPr>
            <p:cNvSpPr txBox="1"/>
            <p:nvPr/>
          </p:nvSpPr>
          <p:spPr>
            <a:xfrm>
              <a:off x="10811618" y="4251894"/>
              <a:ext cx="914665" cy="253916"/>
            </a:xfrm>
            <a:prstGeom prst="rect">
              <a:avLst/>
            </a:prstGeom>
            <a:noFill/>
          </p:spPr>
          <p:txBody>
            <a:bodyPr wrap="square" rtlCol="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r>
                <a:rPr kumimoji="0" lang="en-US" sz="1750" b="1" i="0" u="none" strike="noStrike" kern="0" cap="none" spc="0" normalizeH="0" baseline="0" noProof="0">
                  <a:ln>
                    <a:noFill/>
                  </a:ln>
                  <a:solidFill>
                    <a:schemeClr val="bg2">
                      <a:lumMod val="75000"/>
                    </a:schemeClr>
                  </a:solidFill>
                  <a:effectLst/>
                  <a:uLnTx/>
                  <a:uFillTx/>
                  <a:latin typeface="Arial" panose="020B0604020202020204" pitchFamily="34" charset="0"/>
                  <a:cs typeface="Arial" panose="020B0604020202020204" pitchFamily="34" charset="0"/>
                </a:rPr>
                <a:t>Discharge</a:t>
              </a:r>
            </a:p>
          </p:txBody>
        </p:sp>
        <p:sp>
          <p:nvSpPr>
            <p:cNvPr id="169" name="Freeform: Shape 1">
              <a:extLst>
                <a:ext uri="{FF2B5EF4-FFF2-40B4-BE49-F238E27FC236}">
                  <a16:creationId xmlns:a16="http://schemas.microsoft.com/office/drawing/2014/main" id="{751E5E02-9CFC-D3AD-216E-4C38B3E89DDD}"/>
                </a:ext>
              </a:extLst>
            </p:cNvPr>
            <p:cNvSpPr/>
            <p:nvPr/>
          </p:nvSpPr>
          <p:spPr>
            <a:xfrm>
              <a:off x="1267260" y="3062402"/>
              <a:ext cx="8253445" cy="1095507"/>
            </a:xfrm>
            <a:custGeom>
              <a:avLst/>
              <a:gdLst>
                <a:gd name="connsiteX0" fmla="*/ 0 w 8575830"/>
                <a:gd name="connsiteY0" fmla="*/ 893699 h 916778"/>
                <a:gd name="connsiteX1" fmla="*/ 443884 w 8575830"/>
                <a:gd name="connsiteY1" fmla="*/ 813800 h 916778"/>
                <a:gd name="connsiteX2" fmla="*/ 754602 w 8575830"/>
                <a:gd name="connsiteY2" fmla="*/ 911455 h 916778"/>
                <a:gd name="connsiteX3" fmla="*/ 1136342 w 8575830"/>
                <a:gd name="connsiteY3" fmla="*/ 618492 h 916778"/>
                <a:gd name="connsiteX4" fmla="*/ 1722268 w 8575830"/>
                <a:gd name="connsiteY4" fmla="*/ 636247 h 916778"/>
                <a:gd name="connsiteX5" fmla="*/ 2130641 w 8575830"/>
                <a:gd name="connsiteY5" fmla="*/ 716146 h 916778"/>
                <a:gd name="connsiteX6" fmla="*/ 2574525 w 8575830"/>
                <a:gd name="connsiteY6" fmla="*/ 645125 h 916778"/>
                <a:gd name="connsiteX7" fmla="*/ 2885243 w 8575830"/>
                <a:gd name="connsiteY7" fmla="*/ 662880 h 916778"/>
                <a:gd name="connsiteX8" fmla="*/ 2947387 w 8575830"/>
                <a:gd name="connsiteY8" fmla="*/ 5932 h 916778"/>
                <a:gd name="connsiteX9" fmla="*/ 3107185 w 8575830"/>
                <a:gd name="connsiteY9" fmla="*/ 343284 h 916778"/>
                <a:gd name="connsiteX10" fmla="*/ 3435659 w 8575830"/>
                <a:gd name="connsiteY10" fmla="*/ 423183 h 916778"/>
                <a:gd name="connsiteX11" fmla="*/ 4012707 w 8575830"/>
                <a:gd name="connsiteY11" fmla="*/ 494204 h 916778"/>
                <a:gd name="connsiteX12" fmla="*/ 4323426 w 8575830"/>
                <a:gd name="connsiteY12" fmla="*/ 378794 h 916778"/>
                <a:gd name="connsiteX13" fmla="*/ 4731799 w 8575830"/>
                <a:gd name="connsiteY13" fmla="*/ 316651 h 916778"/>
                <a:gd name="connsiteX14" fmla="*/ 5228948 w 8575830"/>
                <a:gd name="connsiteY14" fmla="*/ 352161 h 916778"/>
                <a:gd name="connsiteX15" fmla="*/ 6036816 w 8575830"/>
                <a:gd name="connsiteY15" fmla="*/ 574103 h 916778"/>
                <a:gd name="connsiteX16" fmla="*/ 6604987 w 8575830"/>
                <a:gd name="connsiteY16" fmla="*/ 485327 h 916778"/>
                <a:gd name="connsiteX17" fmla="*/ 7226424 w 8575830"/>
                <a:gd name="connsiteY17" fmla="*/ 369917 h 916778"/>
                <a:gd name="connsiteX18" fmla="*/ 7803472 w 8575830"/>
                <a:gd name="connsiteY18" fmla="*/ 520837 h 916778"/>
                <a:gd name="connsiteX19" fmla="*/ 8327255 w 8575830"/>
                <a:gd name="connsiteY19" fmla="*/ 485327 h 916778"/>
                <a:gd name="connsiteX20" fmla="*/ 8575830 w 8575830"/>
                <a:gd name="connsiteY20" fmla="*/ 476449 h 91677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8575830" h="916778">
                  <a:moveTo>
                    <a:pt x="0" y="893699"/>
                  </a:moveTo>
                  <a:cubicBezTo>
                    <a:pt x="159058" y="852270"/>
                    <a:pt x="318117" y="810841"/>
                    <a:pt x="443884" y="813800"/>
                  </a:cubicBezTo>
                  <a:cubicBezTo>
                    <a:pt x="569651" y="816759"/>
                    <a:pt x="639192" y="944006"/>
                    <a:pt x="754602" y="911455"/>
                  </a:cubicBezTo>
                  <a:cubicBezTo>
                    <a:pt x="870012" y="878904"/>
                    <a:pt x="975064" y="664360"/>
                    <a:pt x="1136342" y="618492"/>
                  </a:cubicBezTo>
                  <a:cubicBezTo>
                    <a:pt x="1297620" y="572624"/>
                    <a:pt x="1556552" y="619971"/>
                    <a:pt x="1722268" y="636247"/>
                  </a:cubicBezTo>
                  <a:cubicBezTo>
                    <a:pt x="1887984" y="652523"/>
                    <a:pt x="1988598" y="714666"/>
                    <a:pt x="2130641" y="716146"/>
                  </a:cubicBezTo>
                  <a:cubicBezTo>
                    <a:pt x="2272684" y="717626"/>
                    <a:pt x="2448758" y="654003"/>
                    <a:pt x="2574525" y="645125"/>
                  </a:cubicBezTo>
                  <a:cubicBezTo>
                    <a:pt x="2700292" y="636247"/>
                    <a:pt x="2823099" y="769412"/>
                    <a:pt x="2885243" y="662880"/>
                  </a:cubicBezTo>
                  <a:cubicBezTo>
                    <a:pt x="2947387" y="556348"/>
                    <a:pt x="2910397" y="59198"/>
                    <a:pt x="2947387" y="5932"/>
                  </a:cubicBezTo>
                  <a:cubicBezTo>
                    <a:pt x="2984377" y="-47334"/>
                    <a:pt x="3025806" y="273742"/>
                    <a:pt x="3107185" y="343284"/>
                  </a:cubicBezTo>
                  <a:cubicBezTo>
                    <a:pt x="3188564" y="412826"/>
                    <a:pt x="3284739" y="398030"/>
                    <a:pt x="3435659" y="423183"/>
                  </a:cubicBezTo>
                  <a:cubicBezTo>
                    <a:pt x="3586579" y="448336"/>
                    <a:pt x="3864746" y="501602"/>
                    <a:pt x="4012707" y="494204"/>
                  </a:cubicBezTo>
                  <a:cubicBezTo>
                    <a:pt x="4160668" y="486806"/>
                    <a:pt x="4203577" y="408386"/>
                    <a:pt x="4323426" y="378794"/>
                  </a:cubicBezTo>
                  <a:cubicBezTo>
                    <a:pt x="4443275" y="349202"/>
                    <a:pt x="4580879" y="321090"/>
                    <a:pt x="4731799" y="316651"/>
                  </a:cubicBezTo>
                  <a:cubicBezTo>
                    <a:pt x="4882719" y="312212"/>
                    <a:pt x="5011445" y="309252"/>
                    <a:pt x="5228948" y="352161"/>
                  </a:cubicBezTo>
                  <a:cubicBezTo>
                    <a:pt x="5446451" y="395070"/>
                    <a:pt x="5807476" y="551909"/>
                    <a:pt x="6036816" y="574103"/>
                  </a:cubicBezTo>
                  <a:cubicBezTo>
                    <a:pt x="6266156" y="596297"/>
                    <a:pt x="6406719" y="519358"/>
                    <a:pt x="6604987" y="485327"/>
                  </a:cubicBezTo>
                  <a:cubicBezTo>
                    <a:pt x="6803255" y="451296"/>
                    <a:pt x="7026677" y="363999"/>
                    <a:pt x="7226424" y="369917"/>
                  </a:cubicBezTo>
                  <a:cubicBezTo>
                    <a:pt x="7426171" y="375835"/>
                    <a:pt x="7620000" y="501602"/>
                    <a:pt x="7803472" y="520837"/>
                  </a:cubicBezTo>
                  <a:cubicBezTo>
                    <a:pt x="7986944" y="540072"/>
                    <a:pt x="8198529" y="492725"/>
                    <a:pt x="8327255" y="485327"/>
                  </a:cubicBezTo>
                  <a:cubicBezTo>
                    <a:pt x="8455981" y="477929"/>
                    <a:pt x="8515905" y="477189"/>
                    <a:pt x="8575830" y="476449"/>
                  </a:cubicBezTo>
                </a:path>
              </a:pathLst>
            </a:custGeom>
            <a:noFill/>
            <a:ln w="38100">
              <a:solidFill>
                <a:schemeClr val="accent1"/>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endParaRPr lang="en-US" sz="5000"/>
            </a:p>
          </p:txBody>
        </p:sp>
      </p:grpSp>
      <p:grpSp>
        <p:nvGrpSpPr>
          <p:cNvPr id="194" name="Group 193"/>
          <p:cNvGrpSpPr/>
          <p:nvPr/>
        </p:nvGrpSpPr>
        <p:grpSpPr>
          <a:xfrm>
            <a:off x="1575034" y="3993614"/>
            <a:ext cx="17193875" cy="1332362"/>
            <a:chOff x="1212529" y="1910996"/>
            <a:chExt cx="10316325" cy="799417"/>
          </a:xfrm>
        </p:grpSpPr>
        <p:sp>
          <p:nvSpPr>
            <p:cNvPr id="195" name="Rectangle 194"/>
            <p:cNvSpPr/>
            <p:nvPr/>
          </p:nvSpPr>
          <p:spPr>
            <a:xfrm>
              <a:off x="8214340" y="1910996"/>
              <a:ext cx="1170281" cy="503506"/>
            </a:xfrm>
            <a:prstGeom prst="rect">
              <a:avLst/>
            </a:prstGeom>
            <a:solidFill>
              <a:sysClr val="window" lastClr="FFFFFF"/>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30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96" name="Rectangle 195"/>
            <p:cNvSpPr/>
            <p:nvPr/>
          </p:nvSpPr>
          <p:spPr>
            <a:xfrm>
              <a:off x="5496442" y="1910996"/>
              <a:ext cx="1767960" cy="503506"/>
            </a:xfrm>
            <a:prstGeom prst="rect">
              <a:avLst/>
            </a:prstGeom>
            <a:solidFill>
              <a:sysClr val="window" lastClr="FFFFFF"/>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30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97" name="Rectangle 196"/>
            <p:cNvSpPr/>
            <p:nvPr/>
          </p:nvSpPr>
          <p:spPr>
            <a:xfrm>
              <a:off x="3288376" y="1910996"/>
              <a:ext cx="1204481" cy="503506"/>
            </a:xfrm>
            <a:prstGeom prst="rect">
              <a:avLst/>
            </a:prstGeom>
            <a:solidFill>
              <a:sysClr val="window" lastClr="FFFFFF"/>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30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98" name="Rectangle 197"/>
            <p:cNvSpPr/>
            <p:nvPr/>
          </p:nvSpPr>
          <p:spPr>
            <a:xfrm>
              <a:off x="1212529" y="1999366"/>
              <a:ext cx="10316325" cy="711047"/>
            </a:xfrm>
            <a:prstGeom prst="rect">
              <a:avLst/>
            </a:prstGeom>
            <a:solidFill>
              <a:srgbClr val="4472C4">
                <a:lumMod val="20000"/>
                <a:lumOff val="80000"/>
              </a:srgbClr>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30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199" name="TextBox 198"/>
            <p:cNvSpPr txBox="1"/>
            <p:nvPr/>
          </p:nvSpPr>
          <p:spPr>
            <a:xfrm>
              <a:off x="1351163" y="2185612"/>
              <a:ext cx="804307" cy="338554"/>
            </a:xfrm>
            <a:prstGeom prst="rect">
              <a:avLst/>
            </a:prstGeom>
            <a:noFill/>
          </p:spPr>
          <p:txBody>
            <a:bodyPr wrap="square" rtlCol="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r>
                <a:rPr lang="en-US" sz="2667" b="1">
                  <a:solidFill>
                    <a:srgbClr val="E7E6E6">
                      <a:lumMod val="25000"/>
                    </a:srgbClr>
                  </a:solidFill>
                  <a:latin typeface="Arial" panose="020B0604020202020204" pitchFamily="34" charset="0"/>
                  <a:cs typeface="Arial" panose="020B0604020202020204" pitchFamily="34" charset="0"/>
                </a:rPr>
                <a:t>Injury</a:t>
              </a:r>
            </a:p>
          </p:txBody>
        </p:sp>
        <p:sp>
          <p:nvSpPr>
            <p:cNvPr id="200" name="TextBox 199"/>
            <p:cNvSpPr txBox="1"/>
            <p:nvPr/>
          </p:nvSpPr>
          <p:spPr>
            <a:xfrm>
              <a:off x="2771887" y="2041941"/>
              <a:ext cx="1207476" cy="584775"/>
            </a:xfrm>
            <a:prstGeom prst="rect">
              <a:avLst/>
            </a:prstGeom>
            <a:noFill/>
          </p:spPr>
          <p:txBody>
            <a:bodyPr wrap="square" rtlCol="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r>
                <a:rPr lang="en-US" sz="2667" b="1">
                  <a:solidFill>
                    <a:srgbClr val="E7E6E6">
                      <a:lumMod val="25000"/>
                    </a:srgbClr>
                  </a:solidFill>
                  <a:latin typeface="Arial" panose="020B0604020202020204" pitchFamily="34" charset="0"/>
                  <a:cs typeface="Arial" panose="020B0604020202020204" pitchFamily="34" charset="0"/>
                </a:rPr>
                <a:t>PT Referral</a:t>
              </a:r>
            </a:p>
          </p:txBody>
        </p:sp>
        <p:sp>
          <p:nvSpPr>
            <p:cNvPr id="201" name="TextBox 200"/>
            <p:cNvSpPr txBox="1"/>
            <p:nvPr/>
          </p:nvSpPr>
          <p:spPr>
            <a:xfrm>
              <a:off x="4627783" y="2091585"/>
              <a:ext cx="1756899" cy="584775"/>
            </a:xfrm>
            <a:prstGeom prst="rect">
              <a:avLst/>
            </a:prstGeom>
            <a:noFill/>
          </p:spPr>
          <p:txBody>
            <a:bodyPr wrap="square" rtlCol="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r>
                <a:rPr lang="en-US" sz="2667" b="1">
                  <a:solidFill>
                    <a:srgbClr val="E7E6E6">
                      <a:lumMod val="25000"/>
                    </a:srgbClr>
                  </a:solidFill>
                  <a:latin typeface="Arial" panose="020B0604020202020204" pitchFamily="34" charset="0"/>
                  <a:cs typeface="Arial" panose="020B0604020202020204" pitchFamily="34" charset="0"/>
                </a:rPr>
                <a:t>Initial Evaluation</a:t>
              </a:r>
            </a:p>
          </p:txBody>
        </p:sp>
        <p:sp>
          <p:nvSpPr>
            <p:cNvPr id="202" name="TextBox 201"/>
            <p:cNvSpPr txBox="1"/>
            <p:nvPr/>
          </p:nvSpPr>
          <p:spPr>
            <a:xfrm>
              <a:off x="6772757" y="2205208"/>
              <a:ext cx="1207476" cy="338554"/>
            </a:xfrm>
            <a:prstGeom prst="rect">
              <a:avLst/>
            </a:prstGeom>
            <a:noFill/>
          </p:spPr>
          <p:txBody>
            <a:bodyPr wrap="square" rtlCol="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r>
                <a:rPr lang="en-US" sz="2667" b="1">
                  <a:solidFill>
                    <a:srgbClr val="E7E6E6">
                      <a:lumMod val="25000"/>
                    </a:srgbClr>
                  </a:solidFill>
                  <a:latin typeface="Arial" panose="020B0604020202020204" pitchFamily="34" charset="0"/>
                  <a:cs typeface="Arial" panose="020B0604020202020204" pitchFamily="34" charset="0"/>
                </a:rPr>
                <a:t>Treatment</a:t>
              </a:r>
            </a:p>
          </p:txBody>
        </p:sp>
        <p:sp>
          <p:nvSpPr>
            <p:cNvPr id="203" name="TextBox 202"/>
            <p:cNvSpPr txBox="1"/>
            <p:nvPr/>
          </p:nvSpPr>
          <p:spPr>
            <a:xfrm>
              <a:off x="9618728" y="2180190"/>
              <a:ext cx="1174296" cy="338554"/>
            </a:xfrm>
            <a:prstGeom prst="rect">
              <a:avLst/>
            </a:prstGeom>
            <a:noFill/>
          </p:spPr>
          <p:txBody>
            <a:bodyPr wrap="square" rtlCol="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r>
                <a:rPr lang="en-US" sz="2667" b="1">
                  <a:solidFill>
                    <a:srgbClr val="E7E6E6">
                      <a:lumMod val="25000"/>
                    </a:srgbClr>
                  </a:solidFill>
                  <a:latin typeface="Arial" panose="020B0604020202020204" pitchFamily="34" charset="0"/>
                  <a:cs typeface="Arial" panose="020B0604020202020204" pitchFamily="34" charset="0"/>
                </a:rPr>
                <a:t>Discharge</a:t>
              </a:r>
            </a:p>
          </p:txBody>
        </p:sp>
        <p:sp>
          <p:nvSpPr>
            <p:cNvPr id="204" name="Chevron 203"/>
            <p:cNvSpPr/>
            <p:nvPr/>
          </p:nvSpPr>
          <p:spPr>
            <a:xfrm>
              <a:off x="2220961" y="2154541"/>
              <a:ext cx="326970" cy="461664"/>
            </a:xfrm>
            <a:prstGeom prst="chevron">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endParaRPr lang="en-US" sz="5000">
                <a:solidFill>
                  <a:schemeClr val="tx1"/>
                </a:solidFill>
              </a:endParaRPr>
            </a:p>
          </p:txBody>
        </p:sp>
        <p:sp>
          <p:nvSpPr>
            <p:cNvPr id="205" name="Chevron 204"/>
            <p:cNvSpPr/>
            <p:nvPr/>
          </p:nvSpPr>
          <p:spPr>
            <a:xfrm>
              <a:off x="4316430" y="2154541"/>
              <a:ext cx="326970" cy="461664"/>
            </a:xfrm>
            <a:prstGeom prst="chevron">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endParaRPr lang="en-US" sz="5000">
                <a:solidFill>
                  <a:schemeClr val="tx1"/>
                </a:solidFill>
              </a:endParaRPr>
            </a:p>
          </p:txBody>
        </p:sp>
        <p:sp>
          <p:nvSpPr>
            <p:cNvPr id="206" name="Chevron 205"/>
            <p:cNvSpPr/>
            <p:nvPr/>
          </p:nvSpPr>
          <p:spPr>
            <a:xfrm>
              <a:off x="6278231" y="2154541"/>
              <a:ext cx="326970" cy="461664"/>
            </a:xfrm>
            <a:prstGeom prst="chevron">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endParaRPr lang="en-US" sz="5000">
                <a:solidFill>
                  <a:schemeClr val="tx1"/>
                </a:solidFill>
              </a:endParaRPr>
            </a:p>
          </p:txBody>
        </p:sp>
        <p:grpSp>
          <p:nvGrpSpPr>
            <p:cNvPr id="207" name="Group 206"/>
            <p:cNvGrpSpPr/>
            <p:nvPr/>
          </p:nvGrpSpPr>
          <p:grpSpPr>
            <a:xfrm>
              <a:off x="8327379" y="2134555"/>
              <a:ext cx="1297690" cy="461664"/>
              <a:chOff x="7988480" y="1449910"/>
              <a:chExt cx="1297690" cy="461664"/>
            </a:xfrm>
          </p:grpSpPr>
          <p:sp>
            <p:nvSpPr>
              <p:cNvPr id="208" name="Chevron 207"/>
              <p:cNvSpPr/>
              <p:nvPr/>
            </p:nvSpPr>
            <p:spPr>
              <a:xfrm>
                <a:off x="7988480" y="1449910"/>
                <a:ext cx="326970" cy="461664"/>
              </a:xfrm>
              <a:prstGeom prst="chevron">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endParaRPr lang="en-US" sz="5000">
                  <a:solidFill>
                    <a:schemeClr val="tx1"/>
                  </a:solidFill>
                </a:endParaRPr>
              </a:p>
            </p:txBody>
          </p:sp>
          <p:sp>
            <p:nvSpPr>
              <p:cNvPr id="209" name="Chevron 208"/>
              <p:cNvSpPr/>
              <p:nvPr/>
            </p:nvSpPr>
            <p:spPr>
              <a:xfrm>
                <a:off x="8473388" y="1449910"/>
                <a:ext cx="326970" cy="461664"/>
              </a:xfrm>
              <a:prstGeom prst="chevron">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endParaRPr lang="en-US" sz="5000">
                  <a:solidFill>
                    <a:schemeClr val="tx1"/>
                  </a:solidFill>
                </a:endParaRPr>
              </a:p>
            </p:txBody>
          </p:sp>
          <p:sp>
            <p:nvSpPr>
              <p:cNvPr id="210" name="Chevron 209"/>
              <p:cNvSpPr/>
              <p:nvPr/>
            </p:nvSpPr>
            <p:spPr>
              <a:xfrm>
                <a:off x="8959200" y="1449910"/>
                <a:ext cx="326970" cy="461664"/>
              </a:xfrm>
              <a:prstGeom prst="chevron">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endParaRPr lang="en-US" sz="5000">
                  <a:solidFill>
                    <a:schemeClr val="tx1"/>
                  </a:solidFill>
                </a:endParaRPr>
              </a:p>
            </p:txBody>
          </p:sp>
        </p:grpSp>
      </p:grpSp>
      <p:grpSp>
        <p:nvGrpSpPr>
          <p:cNvPr id="212" name="Group 211"/>
          <p:cNvGrpSpPr/>
          <p:nvPr/>
        </p:nvGrpSpPr>
        <p:grpSpPr>
          <a:xfrm>
            <a:off x="1525101" y="4137699"/>
            <a:ext cx="17193875" cy="1185078"/>
            <a:chOff x="1212529" y="1999366"/>
            <a:chExt cx="10316325" cy="711047"/>
          </a:xfrm>
        </p:grpSpPr>
        <p:sp>
          <p:nvSpPr>
            <p:cNvPr id="216" name="Rectangle 215"/>
            <p:cNvSpPr/>
            <p:nvPr/>
          </p:nvSpPr>
          <p:spPr>
            <a:xfrm>
              <a:off x="1212529" y="1999366"/>
              <a:ext cx="10316325" cy="711047"/>
            </a:xfrm>
            <a:prstGeom prst="rect">
              <a:avLst/>
            </a:prstGeom>
            <a:solidFill>
              <a:srgbClr val="4472C4">
                <a:lumMod val="20000"/>
                <a:lumOff val="80000"/>
              </a:srgbClr>
            </a:solidFill>
            <a:ln w="12700" cap="flat" cmpd="sng" algn="ctr">
              <a:no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endParaRPr kumimoji="0" lang="en-US" sz="3000" b="0" i="0" u="none" strike="noStrike" kern="0" cap="none" spc="0" normalizeH="0" baseline="0" noProof="0">
                <a:ln>
                  <a:noFill/>
                </a:ln>
                <a:solidFill>
                  <a:prstClr val="white"/>
                </a:solidFill>
                <a:effectLst/>
                <a:uLnTx/>
                <a:uFillTx/>
                <a:latin typeface="Calibri" panose="020F0502020204030204"/>
                <a:ea typeface="+mn-ea"/>
                <a:cs typeface="+mn-cs"/>
              </a:endParaRPr>
            </a:p>
          </p:txBody>
        </p:sp>
        <p:sp>
          <p:nvSpPr>
            <p:cNvPr id="217" name="TextBox 216"/>
            <p:cNvSpPr txBox="1"/>
            <p:nvPr/>
          </p:nvSpPr>
          <p:spPr>
            <a:xfrm>
              <a:off x="1351163" y="2185612"/>
              <a:ext cx="804307" cy="338554"/>
            </a:xfrm>
            <a:prstGeom prst="rect">
              <a:avLst/>
            </a:prstGeom>
            <a:noFill/>
          </p:spPr>
          <p:txBody>
            <a:bodyPr wrap="square" rtlCol="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r>
                <a:rPr lang="en-US" sz="2667" b="1">
                  <a:solidFill>
                    <a:srgbClr val="E7E6E6">
                      <a:lumMod val="25000"/>
                    </a:srgbClr>
                  </a:solidFill>
                  <a:latin typeface="Arial" panose="020B0604020202020204" pitchFamily="34" charset="0"/>
                  <a:cs typeface="Arial" panose="020B0604020202020204" pitchFamily="34" charset="0"/>
                </a:rPr>
                <a:t>Injury</a:t>
              </a:r>
            </a:p>
          </p:txBody>
        </p:sp>
        <p:sp>
          <p:nvSpPr>
            <p:cNvPr id="218" name="TextBox 217"/>
            <p:cNvSpPr txBox="1"/>
            <p:nvPr/>
          </p:nvSpPr>
          <p:spPr>
            <a:xfrm>
              <a:off x="2771887" y="2041941"/>
              <a:ext cx="1207476" cy="584775"/>
            </a:xfrm>
            <a:prstGeom prst="rect">
              <a:avLst/>
            </a:prstGeom>
            <a:noFill/>
          </p:spPr>
          <p:txBody>
            <a:bodyPr wrap="square" rtlCol="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r>
                <a:rPr lang="en-US" sz="2667" b="1">
                  <a:solidFill>
                    <a:srgbClr val="E7E6E6">
                      <a:lumMod val="25000"/>
                    </a:srgbClr>
                  </a:solidFill>
                  <a:latin typeface="Arial" panose="020B0604020202020204" pitchFamily="34" charset="0"/>
                  <a:cs typeface="Arial" panose="020B0604020202020204" pitchFamily="34" charset="0"/>
                </a:rPr>
                <a:t>PT Referral</a:t>
              </a:r>
            </a:p>
          </p:txBody>
        </p:sp>
        <p:sp>
          <p:nvSpPr>
            <p:cNvPr id="219" name="TextBox 218"/>
            <p:cNvSpPr txBox="1"/>
            <p:nvPr/>
          </p:nvSpPr>
          <p:spPr>
            <a:xfrm>
              <a:off x="4627783" y="2091585"/>
              <a:ext cx="1756899" cy="584775"/>
            </a:xfrm>
            <a:prstGeom prst="rect">
              <a:avLst/>
            </a:prstGeom>
            <a:noFill/>
          </p:spPr>
          <p:txBody>
            <a:bodyPr wrap="square" rtlCol="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r>
                <a:rPr lang="en-US" sz="2667" b="1">
                  <a:solidFill>
                    <a:srgbClr val="E7E6E6">
                      <a:lumMod val="25000"/>
                    </a:srgbClr>
                  </a:solidFill>
                  <a:latin typeface="Arial" panose="020B0604020202020204" pitchFamily="34" charset="0"/>
                  <a:cs typeface="Arial" panose="020B0604020202020204" pitchFamily="34" charset="0"/>
                </a:rPr>
                <a:t>Initial Evaluation</a:t>
              </a:r>
            </a:p>
          </p:txBody>
        </p:sp>
        <p:sp>
          <p:nvSpPr>
            <p:cNvPr id="220" name="TextBox 219"/>
            <p:cNvSpPr txBox="1"/>
            <p:nvPr/>
          </p:nvSpPr>
          <p:spPr>
            <a:xfrm>
              <a:off x="6772757" y="2205208"/>
              <a:ext cx="1207476" cy="338554"/>
            </a:xfrm>
            <a:prstGeom prst="rect">
              <a:avLst/>
            </a:prstGeom>
            <a:noFill/>
          </p:spPr>
          <p:txBody>
            <a:bodyPr wrap="square" rtlCol="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r>
                <a:rPr lang="en-US" sz="2667" b="1">
                  <a:solidFill>
                    <a:srgbClr val="E7E6E6">
                      <a:lumMod val="25000"/>
                    </a:srgbClr>
                  </a:solidFill>
                  <a:latin typeface="Arial" panose="020B0604020202020204" pitchFamily="34" charset="0"/>
                  <a:cs typeface="Arial" panose="020B0604020202020204" pitchFamily="34" charset="0"/>
                </a:rPr>
                <a:t>Treatment</a:t>
              </a:r>
            </a:p>
          </p:txBody>
        </p:sp>
        <p:sp>
          <p:nvSpPr>
            <p:cNvPr id="221" name="TextBox 220"/>
            <p:cNvSpPr txBox="1"/>
            <p:nvPr/>
          </p:nvSpPr>
          <p:spPr>
            <a:xfrm>
              <a:off x="8823978" y="2210289"/>
              <a:ext cx="1174296" cy="338554"/>
            </a:xfrm>
            <a:prstGeom prst="rect">
              <a:avLst/>
            </a:prstGeom>
            <a:noFill/>
          </p:spPr>
          <p:txBody>
            <a:bodyPr wrap="square" rtlCol="0">
              <a:spAutoFit/>
            </a:bodyP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r>
                <a:rPr lang="en-US" sz="2667" b="1">
                  <a:solidFill>
                    <a:srgbClr val="E7E6E6">
                      <a:lumMod val="25000"/>
                    </a:srgbClr>
                  </a:solidFill>
                  <a:latin typeface="Arial" panose="020B0604020202020204" pitchFamily="34" charset="0"/>
                  <a:cs typeface="Arial" panose="020B0604020202020204" pitchFamily="34" charset="0"/>
                </a:rPr>
                <a:t>Discharge</a:t>
              </a:r>
            </a:p>
          </p:txBody>
        </p:sp>
        <p:sp>
          <p:nvSpPr>
            <p:cNvPr id="222" name="Chevron 221"/>
            <p:cNvSpPr/>
            <p:nvPr/>
          </p:nvSpPr>
          <p:spPr>
            <a:xfrm>
              <a:off x="2220961" y="2154541"/>
              <a:ext cx="326970" cy="461664"/>
            </a:xfrm>
            <a:prstGeom prst="chevron">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endParaRPr lang="en-US" sz="5000">
                <a:solidFill>
                  <a:schemeClr val="tx1"/>
                </a:solidFill>
              </a:endParaRPr>
            </a:p>
          </p:txBody>
        </p:sp>
        <p:sp>
          <p:nvSpPr>
            <p:cNvPr id="223" name="Chevron 222"/>
            <p:cNvSpPr/>
            <p:nvPr/>
          </p:nvSpPr>
          <p:spPr>
            <a:xfrm>
              <a:off x="4316430" y="2154541"/>
              <a:ext cx="326970" cy="461664"/>
            </a:xfrm>
            <a:prstGeom prst="chevron">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endParaRPr lang="en-US" sz="5000">
                <a:solidFill>
                  <a:schemeClr val="tx1"/>
                </a:solidFill>
              </a:endParaRPr>
            </a:p>
          </p:txBody>
        </p:sp>
        <p:sp>
          <p:nvSpPr>
            <p:cNvPr id="224" name="Chevron 223"/>
            <p:cNvSpPr/>
            <p:nvPr/>
          </p:nvSpPr>
          <p:spPr>
            <a:xfrm>
              <a:off x="6278231" y="2154541"/>
              <a:ext cx="326970" cy="461664"/>
            </a:xfrm>
            <a:prstGeom prst="chevron">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endParaRPr lang="en-US" sz="5000">
                <a:solidFill>
                  <a:schemeClr val="tx1"/>
                </a:solidFill>
              </a:endParaRPr>
            </a:p>
          </p:txBody>
        </p:sp>
        <p:sp>
          <p:nvSpPr>
            <p:cNvPr id="226" name="Chevron 225"/>
            <p:cNvSpPr/>
            <p:nvPr/>
          </p:nvSpPr>
          <p:spPr>
            <a:xfrm>
              <a:off x="8327379" y="2134555"/>
              <a:ext cx="326970" cy="461664"/>
            </a:xfrm>
            <a:prstGeom prst="chevron">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algn="ctr"/>
              <a:endParaRPr lang="en-US" sz="5000">
                <a:solidFill>
                  <a:schemeClr val="tx1"/>
                </a:solidFill>
              </a:endParaRPr>
            </a:p>
          </p:txBody>
        </p:sp>
      </p:grpSp>
      <p:sp>
        <p:nvSpPr>
          <p:cNvPr id="138" name="OTLSHAPE_SL_9cf0b9a3b4064869b9ae748fb5efbb51_HeaderRectangle">
            <a:extLst>
              <a:ext uri="{FF2B5EF4-FFF2-40B4-BE49-F238E27FC236}">
                <a16:creationId xmlns:a16="http://schemas.microsoft.com/office/drawing/2014/main" id="{25633857-B41D-4336-9D91-9BA5D9D9332B}"/>
              </a:ext>
            </a:extLst>
          </p:cNvPr>
          <p:cNvSpPr/>
          <p:nvPr>
            <p:custDataLst>
              <p:tags r:id="rId1"/>
            </p:custDataLst>
          </p:nvPr>
        </p:nvSpPr>
        <p:spPr>
          <a:xfrm>
            <a:off x="1525100" y="3648425"/>
            <a:ext cx="17270757" cy="396087"/>
          </a:xfrm>
          <a:prstGeom prst="rect">
            <a:avLst/>
          </a:prstGeom>
          <a:solidFill>
            <a:srgbClr val="313B6E"/>
          </a:solidFill>
          <a:ln w="12700" cap="flat" cmpd="sng" algn="ctr">
            <a:solidFill>
              <a:sysClr val="window" lastClr="FFFFFF"/>
            </a:solidFill>
            <a:prstDash val="solid"/>
            <a:miter lim="800000"/>
          </a:ln>
          <a:effectLst/>
        </p:spPr>
        <p:txBody>
          <a:bodyPr rtlCol="0" anchor="ctr"/>
          <a:lstStyle>
            <a:defPPr>
              <a:defRPr lang="en-US"/>
            </a:defPPr>
            <a:lvl1pPr marL="0" algn="l" defTabSz="1523939" rtl="0" eaLnBrk="1" latinLnBrk="0" hangingPunct="1">
              <a:defRPr sz="3000" kern="1200">
                <a:solidFill>
                  <a:schemeClr val="tx1"/>
                </a:solidFill>
                <a:latin typeface="+mn-lt"/>
                <a:ea typeface="+mn-ea"/>
                <a:cs typeface="+mn-cs"/>
              </a:defRPr>
            </a:lvl1pPr>
            <a:lvl2pPr marL="761970" algn="l" defTabSz="1523939" rtl="0" eaLnBrk="1" latinLnBrk="0" hangingPunct="1">
              <a:defRPr sz="3000" kern="1200">
                <a:solidFill>
                  <a:schemeClr val="tx1"/>
                </a:solidFill>
                <a:latin typeface="+mn-lt"/>
                <a:ea typeface="+mn-ea"/>
                <a:cs typeface="+mn-cs"/>
              </a:defRPr>
            </a:lvl2pPr>
            <a:lvl3pPr marL="1523939" algn="l" defTabSz="1523939" rtl="0" eaLnBrk="1" latinLnBrk="0" hangingPunct="1">
              <a:defRPr sz="3000" kern="1200">
                <a:solidFill>
                  <a:schemeClr val="tx1"/>
                </a:solidFill>
                <a:latin typeface="+mn-lt"/>
                <a:ea typeface="+mn-ea"/>
                <a:cs typeface="+mn-cs"/>
              </a:defRPr>
            </a:lvl3pPr>
            <a:lvl4pPr marL="2285909" algn="l" defTabSz="1523939" rtl="0" eaLnBrk="1" latinLnBrk="0" hangingPunct="1">
              <a:defRPr sz="3000" kern="1200">
                <a:solidFill>
                  <a:schemeClr val="tx1"/>
                </a:solidFill>
                <a:latin typeface="+mn-lt"/>
                <a:ea typeface="+mn-ea"/>
                <a:cs typeface="+mn-cs"/>
              </a:defRPr>
            </a:lvl4pPr>
            <a:lvl5pPr marL="3047878" algn="l" defTabSz="1523939" rtl="0" eaLnBrk="1" latinLnBrk="0" hangingPunct="1">
              <a:defRPr sz="3000" kern="1200">
                <a:solidFill>
                  <a:schemeClr val="tx1"/>
                </a:solidFill>
                <a:latin typeface="+mn-lt"/>
                <a:ea typeface="+mn-ea"/>
                <a:cs typeface="+mn-cs"/>
              </a:defRPr>
            </a:lvl5pPr>
            <a:lvl6pPr marL="3809848" algn="l" defTabSz="1523939" rtl="0" eaLnBrk="1" latinLnBrk="0" hangingPunct="1">
              <a:defRPr sz="3000" kern="1200">
                <a:solidFill>
                  <a:schemeClr val="tx1"/>
                </a:solidFill>
                <a:latin typeface="+mn-lt"/>
                <a:ea typeface="+mn-ea"/>
                <a:cs typeface="+mn-cs"/>
              </a:defRPr>
            </a:lvl6pPr>
            <a:lvl7pPr marL="4571817" algn="l" defTabSz="1523939" rtl="0" eaLnBrk="1" latinLnBrk="0" hangingPunct="1">
              <a:defRPr sz="3000" kern="1200">
                <a:solidFill>
                  <a:schemeClr val="tx1"/>
                </a:solidFill>
                <a:latin typeface="+mn-lt"/>
                <a:ea typeface="+mn-ea"/>
                <a:cs typeface="+mn-cs"/>
              </a:defRPr>
            </a:lvl7pPr>
            <a:lvl8pPr marL="5333787" algn="l" defTabSz="1523939" rtl="0" eaLnBrk="1" latinLnBrk="0" hangingPunct="1">
              <a:defRPr sz="3000" kern="1200">
                <a:solidFill>
                  <a:schemeClr val="tx1"/>
                </a:solidFill>
                <a:latin typeface="+mn-lt"/>
                <a:ea typeface="+mn-ea"/>
                <a:cs typeface="+mn-cs"/>
              </a:defRPr>
            </a:lvl8pPr>
            <a:lvl9pPr marL="6095756" algn="l" defTabSz="1523939" rtl="0" eaLnBrk="1" latinLnBrk="0" hangingPunct="1">
              <a:defRPr sz="3000" kern="1200">
                <a:solidFill>
                  <a:schemeClr val="tx1"/>
                </a:solidFill>
                <a:latin typeface="+mn-lt"/>
                <a:ea typeface="+mn-ea"/>
                <a:cs typeface="+mn-cs"/>
              </a:defRPr>
            </a:lvl9pPr>
          </a:lstStyle>
          <a:p>
            <a:pPr marL="0" marR="0" lvl="0" indent="0" algn="ctr" defTabSz="1524030" eaLnBrk="1" fontAlgn="auto" latinLnBrk="0" hangingPunct="1">
              <a:lnSpc>
                <a:spcPct val="100000"/>
              </a:lnSpc>
              <a:spcBef>
                <a:spcPts val="0"/>
              </a:spcBef>
              <a:spcAft>
                <a:spcPts val="0"/>
              </a:spcAft>
              <a:buClrTx/>
              <a:buSzTx/>
              <a:buFontTx/>
              <a:buNone/>
              <a:tabLst/>
              <a:defRPr/>
            </a:pPr>
            <a:r>
              <a:rPr kumimoji="0" lang="en-US" sz="2000" b="1" i="0" u="none" strike="noStrike" kern="0" cap="none" spc="0" normalizeH="0" baseline="0" noProof="0">
                <a:ln>
                  <a:noFill/>
                </a:ln>
                <a:solidFill>
                  <a:prstClr val="white"/>
                </a:solidFill>
                <a:effectLst/>
                <a:uLnTx/>
                <a:uFillTx/>
                <a:latin typeface="Arial" panose="020B0604020202020204" pitchFamily="34" charset="0"/>
                <a:ea typeface="+mn-ea"/>
                <a:cs typeface="Arial" panose="020B0604020202020204" pitchFamily="34" charset="0"/>
              </a:rPr>
              <a:t>Claim Process</a:t>
            </a:r>
          </a:p>
        </p:txBody>
      </p:sp>
      <p:sp>
        <p:nvSpPr>
          <p:cNvPr id="2" name="Rectangle 1">
            <a:extLst>
              <a:ext uri="{FF2B5EF4-FFF2-40B4-BE49-F238E27FC236}">
                <a16:creationId xmlns:a16="http://schemas.microsoft.com/office/drawing/2014/main" id="{24AB4B4A-A333-0514-0496-055C7A31BE37}"/>
              </a:ext>
            </a:extLst>
          </p:cNvPr>
          <p:cNvSpPr/>
          <p:nvPr/>
        </p:nvSpPr>
        <p:spPr>
          <a:xfrm>
            <a:off x="17805530" y="10168261"/>
            <a:ext cx="1156963" cy="1099230"/>
          </a:xfrm>
          <a:prstGeom prst="rect">
            <a:avLst/>
          </a:prstGeom>
          <a:solidFill>
            <a:schemeClr val="bg1"/>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12767116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xit" presetSubtype="0" fill="hold" nodeType="clickEffect">
                                  <p:stCondLst>
                                    <p:cond delay="0"/>
                                  </p:stCondLst>
                                  <p:childTnLst>
                                    <p:animEffect transition="out" filter="fade">
                                      <p:cBhvr>
                                        <p:cTn id="6" dur="500"/>
                                        <p:tgtEl>
                                          <p:spTgt spid="8"/>
                                        </p:tgtEl>
                                      </p:cBhvr>
                                    </p:animEffect>
                                    <p:set>
                                      <p:cBhvr>
                                        <p:cTn id="7" dur="1" fill="hold">
                                          <p:stCondLst>
                                            <p:cond delay="499"/>
                                          </p:stCondLst>
                                        </p:cTn>
                                        <p:tgtEl>
                                          <p:spTgt spid="8"/>
                                        </p:tgtEl>
                                        <p:attrNameLst>
                                          <p:attrName>style.visibility</p:attrName>
                                        </p:attrNameLst>
                                      </p:cBhvr>
                                      <p:to>
                                        <p:strVal val="hidden"/>
                                      </p:to>
                                    </p:set>
                                  </p:childTnLst>
                                </p:cTn>
                              </p:par>
                              <p:par>
                                <p:cTn id="8" presetID="10" presetClass="entr" presetSubtype="0" fill="hold" nodeType="withEffect">
                                  <p:stCondLst>
                                    <p:cond delay="0"/>
                                  </p:stCondLst>
                                  <p:childTnLst>
                                    <p:set>
                                      <p:cBhvr>
                                        <p:cTn id="9" dur="1" fill="hold">
                                          <p:stCondLst>
                                            <p:cond delay="0"/>
                                          </p:stCondLst>
                                        </p:cTn>
                                        <p:tgtEl>
                                          <p:spTgt spid="5"/>
                                        </p:tgtEl>
                                        <p:attrNameLst>
                                          <p:attrName>style.visibility</p:attrName>
                                        </p:attrNameLst>
                                      </p:cBhvr>
                                      <p:to>
                                        <p:strVal val="visible"/>
                                      </p:to>
                                    </p:set>
                                    <p:animEffect transition="in" filter="fade">
                                      <p:cBhvr>
                                        <p:cTn id="10" dur="500"/>
                                        <p:tgtEl>
                                          <p:spTgt spid="5"/>
                                        </p:tgtEl>
                                      </p:cBhvr>
                                    </p:animEffect>
                                  </p:childTnLst>
                                </p:cTn>
                              </p:par>
                              <p:par>
                                <p:cTn id="11" presetID="1" presetClass="exit" presetSubtype="0" fill="hold" nodeType="withEffect">
                                  <p:stCondLst>
                                    <p:cond delay="0"/>
                                  </p:stCondLst>
                                  <p:childTnLst>
                                    <p:set>
                                      <p:cBhvr>
                                        <p:cTn id="12" dur="1" fill="hold">
                                          <p:stCondLst>
                                            <p:cond delay="0"/>
                                          </p:stCondLst>
                                        </p:cTn>
                                        <p:tgtEl>
                                          <p:spTgt spid="14"/>
                                        </p:tgtEl>
                                        <p:attrNameLst>
                                          <p:attrName>style.visibility</p:attrName>
                                        </p:attrNameLst>
                                      </p:cBhvr>
                                      <p:to>
                                        <p:strVal val="hidden"/>
                                      </p:to>
                                    </p:set>
                                  </p:childTnLst>
                                </p:cTn>
                              </p:par>
                              <p:par>
                                <p:cTn id="13" presetID="1" presetClass="entr" presetSubtype="0" fill="hold" nodeType="withEffect">
                                  <p:stCondLst>
                                    <p:cond delay="0"/>
                                  </p:stCondLst>
                                  <p:childTnLst>
                                    <p:set>
                                      <p:cBhvr>
                                        <p:cTn id="14" dur="1" fill="hold">
                                          <p:stCondLst>
                                            <p:cond delay="0"/>
                                          </p:stCondLst>
                                        </p:cTn>
                                        <p:tgtEl>
                                          <p:spTgt spid="194"/>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0" presetClass="exit" presetSubtype="0" fill="hold" nodeType="clickEffect">
                                  <p:stCondLst>
                                    <p:cond delay="0"/>
                                  </p:stCondLst>
                                  <p:childTnLst>
                                    <p:animEffect transition="out" filter="fade">
                                      <p:cBhvr>
                                        <p:cTn id="18" dur="500"/>
                                        <p:tgtEl>
                                          <p:spTgt spid="5"/>
                                        </p:tgtEl>
                                      </p:cBhvr>
                                    </p:animEffect>
                                    <p:set>
                                      <p:cBhvr>
                                        <p:cTn id="19" dur="1" fill="hold">
                                          <p:stCondLst>
                                            <p:cond delay="499"/>
                                          </p:stCondLst>
                                        </p:cTn>
                                        <p:tgtEl>
                                          <p:spTgt spid="5"/>
                                        </p:tgtEl>
                                        <p:attrNameLst>
                                          <p:attrName>style.visibility</p:attrName>
                                        </p:attrNameLst>
                                      </p:cBhvr>
                                      <p:to>
                                        <p:strVal val="hidden"/>
                                      </p:to>
                                    </p:set>
                                  </p:childTnLst>
                                </p:cTn>
                              </p:par>
                              <p:par>
                                <p:cTn id="20" presetID="10" presetClass="exit" presetSubtype="0" fill="hold" grpId="0" nodeType="withEffect">
                                  <p:stCondLst>
                                    <p:cond delay="0"/>
                                  </p:stCondLst>
                                  <p:childTnLst>
                                    <p:animEffect transition="out" filter="fade">
                                      <p:cBhvr>
                                        <p:cTn id="21" dur="500"/>
                                        <p:tgtEl>
                                          <p:spTgt spid="168"/>
                                        </p:tgtEl>
                                      </p:cBhvr>
                                    </p:animEffect>
                                    <p:set>
                                      <p:cBhvr>
                                        <p:cTn id="22" dur="1" fill="hold">
                                          <p:stCondLst>
                                            <p:cond delay="499"/>
                                          </p:stCondLst>
                                        </p:cTn>
                                        <p:tgtEl>
                                          <p:spTgt spid="168"/>
                                        </p:tgtEl>
                                        <p:attrNameLst>
                                          <p:attrName>style.visibility</p:attrName>
                                        </p:attrNameLst>
                                      </p:cBhvr>
                                      <p:to>
                                        <p:strVal val="hidden"/>
                                      </p:to>
                                    </p:set>
                                  </p:childTnLst>
                                </p:cTn>
                              </p:par>
                              <p:par>
                                <p:cTn id="23" presetID="1" presetClass="entr" presetSubtype="0" fill="hold" nodeType="withEffect">
                                  <p:stCondLst>
                                    <p:cond delay="0"/>
                                  </p:stCondLst>
                                  <p:childTnLst>
                                    <p:set>
                                      <p:cBhvr>
                                        <p:cTn id="24" dur="1" fill="hold">
                                          <p:stCondLst>
                                            <p:cond delay="0"/>
                                          </p:stCondLst>
                                        </p:cTn>
                                        <p:tgtEl>
                                          <p:spTgt spid="212"/>
                                        </p:tgtEl>
                                        <p:attrNameLst>
                                          <p:attrName>style.visibility</p:attrName>
                                        </p:attrNameLst>
                                      </p:cBhvr>
                                      <p:to>
                                        <p:strVal val="visible"/>
                                      </p:to>
                                    </p:set>
                                  </p:childTnLst>
                                </p:cTn>
                              </p:par>
                              <p:par>
                                <p:cTn id="25" presetID="1" presetClass="entr" presetSubtype="0" fill="hold" nodeType="withEffect">
                                  <p:stCondLst>
                                    <p:cond delay="0"/>
                                  </p:stCondLst>
                                  <p:childTnLst>
                                    <p:set>
                                      <p:cBhvr>
                                        <p:cTn id="26" dur="1" fill="hold">
                                          <p:stCondLst>
                                            <p:cond delay="0"/>
                                          </p:stCondLst>
                                        </p:cTn>
                                        <p:tgtEl>
                                          <p:spTgt spid="10"/>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68" grpId="0"/>
    </p:bld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p:cNvSpPr/>
          <p:nvPr/>
        </p:nvSpPr>
        <p:spPr>
          <a:xfrm>
            <a:off x="1" y="10765044"/>
            <a:ext cx="19096074" cy="6649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Rectangle 1">
            <a:extLst>
              <a:ext uri="{FF2B5EF4-FFF2-40B4-BE49-F238E27FC236}">
                <a16:creationId xmlns:a16="http://schemas.microsoft.com/office/drawing/2014/main" id="{C6506D95-8C30-D7A2-A39E-D42A0261817A}"/>
              </a:ext>
            </a:extLst>
          </p:cNvPr>
          <p:cNvSpPr/>
          <p:nvPr/>
        </p:nvSpPr>
        <p:spPr>
          <a:xfrm>
            <a:off x="0" y="10765044"/>
            <a:ext cx="18523617" cy="6649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 name="Rectangle 4">
            <a:extLst>
              <a:ext uri="{FF2B5EF4-FFF2-40B4-BE49-F238E27FC236}">
                <a16:creationId xmlns:a16="http://schemas.microsoft.com/office/drawing/2014/main" id="{92C5C3F1-63C1-16B5-BCD5-052EEA625BE0}"/>
              </a:ext>
            </a:extLst>
          </p:cNvPr>
          <p:cNvSpPr/>
          <p:nvPr/>
        </p:nvSpPr>
        <p:spPr>
          <a:xfrm>
            <a:off x="-1" y="8725"/>
            <a:ext cx="19000381" cy="6649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 name="Rectangle 5">
            <a:extLst>
              <a:ext uri="{FF2B5EF4-FFF2-40B4-BE49-F238E27FC236}">
                <a16:creationId xmlns:a16="http://schemas.microsoft.com/office/drawing/2014/main" id="{50F40E48-282F-0F92-E28A-F897B473675E}"/>
              </a:ext>
            </a:extLst>
          </p:cNvPr>
          <p:cNvSpPr/>
          <p:nvPr/>
        </p:nvSpPr>
        <p:spPr>
          <a:xfrm rot="16200000">
            <a:off x="13149820" y="5382522"/>
            <a:ext cx="11412550" cy="6649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 name="Title 6">
            <a:extLst>
              <a:ext uri="{FF2B5EF4-FFF2-40B4-BE49-F238E27FC236}">
                <a16:creationId xmlns:a16="http://schemas.microsoft.com/office/drawing/2014/main" id="{B3DEC9B6-6FC3-59F0-EFC0-A1CAB484F406}"/>
              </a:ext>
            </a:extLst>
          </p:cNvPr>
          <p:cNvSpPr txBox="1">
            <a:spLocks/>
          </p:cNvSpPr>
          <p:nvPr/>
        </p:nvSpPr>
        <p:spPr>
          <a:xfrm>
            <a:off x="1386996" y="561359"/>
            <a:ext cx="12211383" cy="947505"/>
          </a:xfrm>
          <a:prstGeom prst="rect">
            <a:avLst/>
          </a:prstGeom>
        </p:spPr>
        <p:txBody>
          <a:bodyPr anchor="ctr" anchorCtr="0"/>
          <a:lstStyle>
            <a:lvl1pPr algn="ctr" defTabSz="914400" rtl="0" eaLnBrk="1" latinLnBrk="0" hangingPunct="1">
              <a:lnSpc>
                <a:spcPct val="90000"/>
              </a:lnSpc>
              <a:spcBef>
                <a:spcPct val="0"/>
              </a:spcBef>
              <a:buNone/>
              <a:defRPr sz="7200" b="1" kern="1200">
                <a:solidFill>
                  <a:schemeClr val="tx1"/>
                </a:solidFill>
                <a:latin typeface="+mn-lt"/>
                <a:ea typeface="+mj-ea"/>
                <a:cs typeface="+mj-cs"/>
              </a:defRPr>
            </a:lvl1pPr>
          </a:lstStyle>
          <a:p>
            <a:pPr algn="l" fontAlgn="auto">
              <a:spcAft>
                <a:spcPts val="0"/>
              </a:spcAft>
            </a:pPr>
            <a:r>
              <a:rPr lang="en-GB" sz="4400" dirty="0">
                <a:solidFill>
                  <a:schemeClr val="accent5"/>
                </a:solidFill>
                <a:latin typeface="Arial"/>
                <a:cs typeface="Arial"/>
              </a:rPr>
              <a:t>Evolution of </a:t>
            </a:r>
            <a:r>
              <a:rPr lang="en-GB" sz="4400" dirty="0">
                <a:solidFill>
                  <a:srgbClr val="F76C6C"/>
                </a:solidFill>
                <a:latin typeface="Arial"/>
                <a:cs typeface="Arial"/>
              </a:rPr>
              <a:t>PT</a:t>
            </a:r>
          </a:p>
        </p:txBody>
      </p:sp>
      <p:sp>
        <p:nvSpPr>
          <p:cNvPr id="15" name="Oval 14">
            <a:extLst>
              <a:ext uri="{FF2B5EF4-FFF2-40B4-BE49-F238E27FC236}">
                <a16:creationId xmlns:a16="http://schemas.microsoft.com/office/drawing/2014/main" id="{2C374A97-4FDD-4DA8-3F5D-ED135C7A141D}"/>
              </a:ext>
            </a:extLst>
          </p:cNvPr>
          <p:cNvSpPr/>
          <p:nvPr/>
        </p:nvSpPr>
        <p:spPr>
          <a:xfrm>
            <a:off x="674121" y="840259"/>
            <a:ext cx="383060" cy="38306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nvGrpSpPr>
          <p:cNvPr id="7" name="Group 6">
            <a:extLst>
              <a:ext uri="{FF2B5EF4-FFF2-40B4-BE49-F238E27FC236}">
                <a16:creationId xmlns:a16="http://schemas.microsoft.com/office/drawing/2014/main" id="{3A678B65-3D17-C9D8-56A6-C19E25C6B189}"/>
              </a:ext>
            </a:extLst>
          </p:cNvPr>
          <p:cNvGrpSpPr/>
          <p:nvPr/>
        </p:nvGrpSpPr>
        <p:grpSpPr>
          <a:xfrm>
            <a:off x="1384955" y="2199006"/>
            <a:ext cx="17424891" cy="3802794"/>
            <a:chOff x="298488" y="1946584"/>
            <a:chExt cx="7841201" cy="1790841"/>
          </a:xfrm>
        </p:grpSpPr>
        <p:sp>
          <p:nvSpPr>
            <p:cNvPr id="28" name="Rectangle 27">
              <a:extLst>
                <a:ext uri="{FF2B5EF4-FFF2-40B4-BE49-F238E27FC236}">
                  <a16:creationId xmlns:a16="http://schemas.microsoft.com/office/drawing/2014/main" id="{D2C770C4-A0B4-3004-63F4-D98F863E7C16}"/>
                </a:ext>
              </a:extLst>
            </p:cNvPr>
            <p:cNvSpPr/>
            <p:nvPr/>
          </p:nvSpPr>
          <p:spPr>
            <a:xfrm>
              <a:off x="1146172" y="2188010"/>
              <a:ext cx="6191781" cy="246837"/>
            </a:xfrm>
            <a:prstGeom prst="rect">
              <a:avLst/>
            </a:prstGeom>
            <a:solidFill>
              <a:srgbClr val="EE273A">
                <a:alpha val="9762"/>
              </a:srgbClr>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3000">
                <a:solidFill>
                  <a:prstClr val="white"/>
                </a:solidFill>
                <a:latin typeface="Calibri" panose="020F0502020204030204"/>
              </a:endParaRPr>
            </a:p>
          </p:txBody>
        </p:sp>
        <p:sp>
          <p:nvSpPr>
            <p:cNvPr id="29" name="Rectangle 28">
              <a:extLst>
                <a:ext uri="{FF2B5EF4-FFF2-40B4-BE49-F238E27FC236}">
                  <a16:creationId xmlns:a16="http://schemas.microsoft.com/office/drawing/2014/main" id="{1D541E42-ECD1-4A92-BF9E-CFA13CDB6940}"/>
                </a:ext>
              </a:extLst>
            </p:cNvPr>
            <p:cNvSpPr/>
            <p:nvPr/>
          </p:nvSpPr>
          <p:spPr>
            <a:xfrm>
              <a:off x="1141749" y="2431740"/>
              <a:ext cx="6191782" cy="279242"/>
            </a:xfrm>
            <a:prstGeom prst="rect">
              <a:avLst/>
            </a:prstGeom>
            <a:solidFill>
              <a:srgbClr val="ED7D31">
                <a:lumMod val="20000"/>
                <a:lumOff val="80000"/>
              </a:srgbClr>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3000">
                <a:solidFill>
                  <a:prstClr val="white"/>
                </a:solidFill>
                <a:latin typeface="Calibri" panose="020F0502020204030204"/>
              </a:endParaRPr>
            </a:p>
          </p:txBody>
        </p:sp>
        <p:sp>
          <p:nvSpPr>
            <p:cNvPr id="30" name="Rectangle 29">
              <a:extLst>
                <a:ext uri="{FF2B5EF4-FFF2-40B4-BE49-F238E27FC236}">
                  <a16:creationId xmlns:a16="http://schemas.microsoft.com/office/drawing/2014/main" id="{FF31D52C-E217-5068-24E1-1192C3E7AE9E}"/>
                </a:ext>
              </a:extLst>
            </p:cNvPr>
            <p:cNvSpPr/>
            <p:nvPr/>
          </p:nvSpPr>
          <p:spPr>
            <a:xfrm>
              <a:off x="1133761" y="2710740"/>
              <a:ext cx="6191782" cy="246837"/>
            </a:xfrm>
            <a:prstGeom prst="rect">
              <a:avLst/>
            </a:prstGeom>
            <a:solidFill>
              <a:srgbClr val="FFC000">
                <a:lumMod val="20000"/>
                <a:lumOff val="80000"/>
              </a:srgbClr>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3000">
                <a:solidFill>
                  <a:prstClr val="white"/>
                </a:solidFill>
                <a:latin typeface="Calibri" panose="020F0502020204030204"/>
              </a:endParaRPr>
            </a:p>
          </p:txBody>
        </p:sp>
        <p:sp>
          <p:nvSpPr>
            <p:cNvPr id="31" name="Rectangle 30">
              <a:extLst>
                <a:ext uri="{FF2B5EF4-FFF2-40B4-BE49-F238E27FC236}">
                  <a16:creationId xmlns:a16="http://schemas.microsoft.com/office/drawing/2014/main" id="{D88520F6-9CF5-6CB3-DB58-D82DA56E903B}"/>
                </a:ext>
              </a:extLst>
            </p:cNvPr>
            <p:cNvSpPr/>
            <p:nvPr/>
          </p:nvSpPr>
          <p:spPr>
            <a:xfrm>
              <a:off x="1141749" y="2958464"/>
              <a:ext cx="6184714" cy="246837"/>
            </a:xfrm>
            <a:prstGeom prst="rect">
              <a:avLst/>
            </a:prstGeom>
            <a:solidFill>
              <a:srgbClr val="70AD47">
                <a:lumMod val="20000"/>
                <a:lumOff val="80000"/>
              </a:srgbClr>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3000">
                <a:solidFill>
                  <a:prstClr val="white"/>
                </a:solidFill>
                <a:latin typeface="Calibri" panose="020F0502020204030204"/>
              </a:endParaRPr>
            </a:p>
          </p:txBody>
        </p:sp>
        <p:sp>
          <p:nvSpPr>
            <p:cNvPr id="32" name="Right Brace 31">
              <a:extLst>
                <a:ext uri="{FF2B5EF4-FFF2-40B4-BE49-F238E27FC236}">
                  <a16:creationId xmlns:a16="http://schemas.microsoft.com/office/drawing/2014/main" id="{FDD7552F-AEE7-2C48-3C1A-F67D66F820CD}"/>
                </a:ext>
              </a:extLst>
            </p:cNvPr>
            <p:cNvSpPr/>
            <p:nvPr/>
          </p:nvSpPr>
          <p:spPr>
            <a:xfrm rot="5400000">
              <a:off x="1680072" y="2831053"/>
              <a:ext cx="354382" cy="1458362"/>
            </a:xfrm>
            <a:prstGeom prst="rightBrace">
              <a:avLst>
                <a:gd name="adj1" fmla="val 8333"/>
                <a:gd name="adj2" fmla="val 48064"/>
              </a:avLst>
            </a:prstGeom>
            <a:noFill/>
            <a:ln w="6350" cap="flat" cmpd="sng" algn="ctr">
              <a:solidFill>
                <a:srgbClr val="A5A5A5"/>
              </a:solidFill>
              <a:prstDash val="solid"/>
              <a:miter lim="800000"/>
            </a:ln>
            <a:effectLst/>
          </p:spPr>
          <p:txBody>
            <a:bodyPr rtlCol="0" anchor="ctr"/>
            <a:lstStyle/>
            <a:p>
              <a:pPr algn="ctr" defTabSz="2031980" eaLnBrk="1" fontAlgn="auto" hangingPunct="1">
                <a:spcBef>
                  <a:spcPts val="0"/>
                </a:spcBef>
                <a:spcAft>
                  <a:spcPts val="0"/>
                </a:spcAft>
                <a:defRPr/>
              </a:pPr>
              <a:endParaRPr lang="en-US" sz="3000">
                <a:solidFill>
                  <a:prstClr val="black"/>
                </a:solidFill>
                <a:latin typeface="Calibri" panose="020F0502020204030204"/>
              </a:endParaRPr>
            </a:p>
          </p:txBody>
        </p:sp>
        <p:sp>
          <p:nvSpPr>
            <p:cNvPr id="33" name="Right Brace 32">
              <a:extLst>
                <a:ext uri="{FF2B5EF4-FFF2-40B4-BE49-F238E27FC236}">
                  <a16:creationId xmlns:a16="http://schemas.microsoft.com/office/drawing/2014/main" id="{452A8161-A5F9-D905-ECAC-D67377300797}"/>
                </a:ext>
              </a:extLst>
            </p:cNvPr>
            <p:cNvSpPr/>
            <p:nvPr/>
          </p:nvSpPr>
          <p:spPr>
            <a:xfrm rot="5400000">
              <a:off x="3332662" y="2648299"/>
              <a:ext cx="354382" cy="1774739"/>
            </a:xfrm>
            <a:prstGeom prst="rightBrace">
              <a:avLst>
                <a:gd name="adj1" fmla="val 8333"/>
                <a:gd name="adj2" fmla="val 48064"/>
              </a:avLst>
            </a:prstGeom>
            <a:noFill/>
            <a:ln w="6350" cap="flat" cmpd="sng" algn="ctr">
              <a:solidFill>
                <a:srgbClr val="A5A5A5"/>
              </a:solidFill>
              <a:prstDash val="solid"/>
              <a:miter lim="800000"/>
            </a:ln>
            <a:effectLst/>
          </p:spPr>
          <p:txBody>
            <a:bodyPr rtlCol="0" anchor="ctr"/>
            <a:lstStyle/>
            <a:p>
              <a:pPr algn="ctr" defTabSz="2031980" eaLnBrk="1" fontAlgn="auto" hangingPunct="1">
                <a:spcBef>
                  <a:spcPts val="0"/>
                </a:spcBef>
                <a:spcAft>
                  <a:spcPts val="0"/>
                </a:spcAft>
                <a:defRPr/>
              </a:pPr>
              <a:endParaRPr lang="en-US" sz="3000">
                <a:solidFill>
                  <a:prstClr val="black"/>
                </a:solidFill>
                <a:latin typeface="Calibri" panose="020F0502020204030204"/>
              </a:endParaRPr>
            </a:p>
          </p:txBody>
        </p:sp>
        <p:sp>
          <p:nvSpPr>
            <p:cNvPr id="34" name="Right Brace 33">
              <a:extLst>
                <a:ext uri="{FF2B5EF4-FFF2-40B4-BE49-F238E27FC236}">
                  <a16:creationId xmlns:a16="http://schemas.microsoft.com/office/drawing/2014/main" id="{AF7AB772-714D-547F-4E3E-143275DF6B8E}"/>
                </a:ext>
              </a:extLst>
            </p:cNvPr>
            <p:cNvSpPr/>
            <p:nvPr/>
          </p:nvSpPr>
          <p:spPr>
            <a:xfrm rot="5400000">
              <a:off x="5121091" y="2631810"/>
              <a:ext cx="354382" cy="1807721"/>
            </a:xfrm>
            <a:prstGeom prst="rightBrace">
              <a:avLst>
                <a:gd name="adj1" fmla="val 8333"/>
                <a:gd name="adj2" fmla="val 48064"/>
              </a:avLst>
            </a:prstGeom>
            <a:noFill/>
            <a:ln w="6350" cap="flat" cmpd="sng" algn="ctr">
              <a:solidFill>
                <a:srgbClr val="A5A5A5"/>
              </a:solidFill>
              <a:prstDash val="solid"/>
              <a:miter lim="800000"/>
            </a:ln>
            <a:effectLst/>
          </p:spPr>
          <p:txBody>
            <a:bodyPr rtlCol="0" anchor="ctr"/>
            <a:lstStyle/>
            <a:p>
              <a:pPr algn="ctr" defTabSz="2031980" eaLnBrk="1" fontAlgn="auto" hangingPunct="1">
                <a:spcBef>
                  <a:spcPts val="0"/>
                </a:spcBef>
                <a:spcAft>
                  <a:spcPts val="0"/>
                </a:spcAft>
                <a:defRPr/>
              </a:pPr>
              <a:endParaRPr lang="en-US" sz="3000">
                <a:solidFill>
                  <a:prstClr val="black"/>
                </a:solidFill>
                <a:latin typeface="Calibri" panose="020F0502020204030204"/>
              </a:endParaRPr>
            </a:p>
          </p:txBody>
        </p:sp>
        <p:sp>
          <p:nvSpPr>
            <p:cNvPr id="35" name="Right Brace 34">
              <a:extLst>
                <a:ext uri="{FF2B5EF4-FFF2-40B4-BE49-F238E27FC236}">
                  <a16:creationId xmlns:a16="http://schemas.microsoft.com/office/drawing/2014/main" id="{43641BD9-63CC-A525-7EA3-B1217F1EBE88}"/>
                </a:ext>
              </a:extLst>
            </p:cNvPr>
            <p:cNvSpPr/>
            <p:nvPr/>
          </p:nvSpPr>
          <p:spPr>
            <a:xfrm rot="5400000">
              <a:off x="6595443" y="2983103"/>
              <a:ext cx="354382" cy="1130639"/>
            </a:xfrm>
            <a:prstGeom prst="rightBrace">
              <a:avLst>
                <a:gd name="adj1" fmla="val 8333"/>
                <a:gd name="adj2" fmla="val 48064"/>
              </a:avLst>
            </a:prstGeom>
            <a:noFill/>
            <a:ln w="6350" cap="flat" cmpd="sng" algn="ctr">
              <a:solidFill>
                <a:srgbClr val="A5A5A5"/>
              </a:solidFill>
              <a:prstDash val="solid"/>
              <a:miter lim="800000"/>
            </a:ln>
            <a:effectLst/>
          </p:spPr>
          <p:txBody>
            <a:bodyPr rtlCol="0" anchor="ctr"/>
            <a:lstStyle/>
            <a:p>
              <a:pPr algn="ctr" defTabSz="2031980" eaLnBrk="1" fontAlgn="auto" hangingPunct="1">
                <a:spcBef>
                  <a:spcPts val="0"/>
                </a:spcBef>
                <a:spcAft>
                  <a:spcPts val="0"/>
                </a:spcAft>
                <a:defRPr/>
              </a:pPr>
              <a:endParaRPr lang="en-US" sz="3000">
                <a:solidFill>
                  <a:prstClr val="black"/>
                </a:solidFill>
                <a:latin typeface="Calibri" panose="020F0502020204030204"/>
              </a:endParaRPr>
            </a:p>
          </p:txBody>
        </p:sp>
        <p:sp>
          <p:nvSpPr>
            <p:cNvPr id="36" name="Freeform: Shape 1">
              <a:extLst>
                <a:ext uri="{FF2B5EF4-FFF2-40B4-BE49-F238E27FC236}">
                  <a16:creationId xmlns:a16="http://schemas.microsoft.com/office/drawing/2014/main" id="{C88240AD-9B40-F215-BF3F-064D1DB7E6AE}"/>
                </a:ext>
              </a:extLst>
            </p:cNvPr>
            <p:cNvSpPr/>
            <p:nvPr/>
          </p:nvSpPr>
          <p:spPr>
            <a:xfrm>
              <a:off x="1142573" y="2303140"/>
              <a:ext cx="6190084" cy="821630"/>
            </a:xfrm>
            <a:custGeom>
              <a:avLst/>
              <a:gdLst>
                <a:gd name="connsiteX0" fmla="*/ 0 w 8575830"/>
                <a:gd name="connsiteY0" fmla="*/ 893699 h 916778"/>
                <a:gd name="connsiteX1" fmla="*/ 443884 w 8575830"/>
                <a:gd name="connsiteY1" fmla="*/ 813800 h 916778"/>
                <a:gd name="connsiteX2" fmla="*/ 754602 w 8575830"/>
                <a:gd name="connsiteY2" fmla="*/ 911455 h 916778"/>
                <a:gd name="connsiteX3" fmla="*/ 1136342 w 8575830"/>
                <a:gd name="connsiteY3" fmla="*/ 618492 h 916778"/>
                <a:gd name="connsiteX4" fmla="*/ 1722268 w 8575830"/>
                <a:gd name="connsiteY4" fmla="*/ 636247 h 916778"/>
                <a:gd name="connsiteX5" fmla="*/ 2130641 w 8575830"/>
                <a:gd name="connsiteY5" fmla="*/ 716146 h 916778"/>
                <a:gd name="connsiteX6" fmla="*/ 2574525 w 8575830"/>
                <a:gd name="connsiteY6" fmla="*/ 645125 h 916778"/>
                <a:gd name="connsiteX7" fmla="*/ 2885243 w 8575830"/>
                <a:gd name="connsiteY7" fmla="*/ 662880 h 916778"/>
                <a:gd name="connsiteX8" fmla="*/ 2947387 w 8575830"/>
                <a:gd name="connsiteY8" fmla="*/ 5932 h 916778"/>
                <a:gd name="connsiteX9" fmla="*/ 3107185 w 8575830"/>
                <a:gd name="connsiteY9" fmla="*/ 343284 h 916778"/>
                <a:gd name="connsiteX10" fmla="*/ 3435659 w 8575830"/>
                <a:gd name="connsiteY10" fmla="*/ 423183 h 916778"/>
                <a:gd name="connsiteX11" fmla="*/ 4012707 w 8575830"/>
                <a:gd name="connsiteY11" fmla="*/ 494204 h 916778"/>
                <a:gd name="connsiteX12" fmla="*/ 4323426 w 8575830"/>
                <a:gd name="connsiteY12" fmla="*/ 378794 h 916778"/>
                <a:gd name="connsiteX13" fmla="*/ 4731799 w 8575830"/>
                <a:gd name="connsiteY13" fmla="*/ 316651 h 916778"/>
                <a:gd name="connsiteX14" fmla="*/ 5228948 w 8575830"/>
                <a:gd name="connsiteY14" fmla="*/ 352161 h 916778"/>
                <a:gd name="connsiteX15" fmla="*/ 6036816 w 8575830"/>
                <a:gd name="connsiteY15" fmla="*/ 574103 h 916778"/>
                <a:gd name="connsiteX16" fmla="*/ 6604987 w 8575830"/>
                <a:gd name="connsiteY16" fmla="*/ 485327 h 916778"/>
                <a:gd name="connsiteX17" fmla="*/ 7226424 w 8575830"/>
                <a:gd name="connsiteY17" fmla="*/ 369917 h 916778"/>
                <a:gd name="connsiteX18" fmla="*/ 7803472 w 8575830"/>
                <a:gd name="connsiteY18" fmla="*/ 520837 h 916778"/>
                <a:gd name="connsiteX19" fmla="*/ 8327255 w 8575830"/>
                <a:gd name="connsiteY19" fmla="*/ 485327 h 916778"/>
                <a:gd name="connsiteX20" fmla="*/ 8575830 w 8575830"/>
                <a:gd name="connsiteY20" fmla="*/ 476449 h 91677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Lst>
              <a:rect l="l" t="t" r="r" b="b"/>
              <a:pathLst>
                <a:path w="8575830" h="916778">
                  <a:moveTo>
                    <a:pt x="0" y="893699"/>
                  </a:moveTo>
                  <a:cubicBezTo>
                    <a:pt x="159058" y="852270"/>
                    <a:pt x="318117" y="810841"/>
                    <a:pt x="443884" y="813800"/>
                  </a:cubicBezTo>
                  <a:cubicBezTo>
                    <a:pt x="569651" y="816759"/>
                    <a:pt x="639192" y="944006"/>
                    <a:pt x="754602" y="911455"/>
                  </a:cubicBezTo>
                  <a:cubicBezTo>
                    <a:pt x="870012" y="878904"/>
                    <a:pt x="975064" y="664360"/>
                    <a:pt x="1136342" y="618492"/>
                  </a:cubicBezTo>
                  <a:cubicBezTo>
                    <a:pt x="1297620" y="572624"/>
                    <a:pt x="1556552" y="619971"/>
                    <a:pt x="1722268" y="636247"/>
                  </a:cubicBezTo>
                  <a:cubicBezTo>
                    <a:pt x="1887984" y="652523"/>
                    <a:pt x="1988598" y="714666"/>
                    <a:pt x="2130641" y="716146"/>
                  </a:cubicBezTo>
                  <a:cubicBezTo>
                    <a:pt x="2272684" y="717626"/>
                    <a:pt x="2448758" y="654003"/>
                    <a:pt x="2574525" y="645125"/>
                  </a:cubicBezTo>
                  <a:cubicBezTo>
                    <a:pt x="2700292" y="636247"/>
                    <a:pt x="2823099" y="769412"/>
                    <a:pt x="2885243" y="662880"/>
                  </a:cubicBezTo>
                  <a:cubicBezTo>
                    <a:pt x="2947387" y="556348"/>
                    <a:pt x="2910397" y="59198"/>
                    <a:pt x="2947387" y="5932"/>
                  </a:cubicBezTo>
                  <a:cubicBezTo>
                    <a:pt x="2984377" y="-47334"/>
                    <a:pt x="3025806" y="273742"/>
                    <a:pt x="3107185" y="343284"/>
                  </a:cubicBezTo>
                  <a:cubicBezTo>
                    <a:pt x="3188564" y="412826"/>
                    <a:pt x="3284739" y="398030"/>
                    <a:pt x="3435659" y="423183"/>
                  </a:cubicBezTo>
                  <a:cubicBezTo>
                    <a:pt x="3586579" y="448336"/>
                    <a:pt x="3864746" y="501602"/>
                    <a:pt x="4012707" y="494204"/>
                  </a:cubicBezTo>
                  <a:cubicBezTo>
                    <a:pt x="4160668" y="486806"/>
                    <a:pt x="4203577" y="408386"/>
                    <a:pt x="4323426" y="378794"/>
                  </a:cubicBezTo>
                  <a:cubicBezTo>
                    <a:pt x="4443275" y="349202"/>
                    <a:pt x="4580879" y="321090"/>
                    <a:pt x="4731799" y="316651"/>
                  </a:cubicBezTo>
                  <a:cubicBezTo>
                    <a:pt x="4882719" y="312212"/>
                    <a:pt x="5011445" y="309252"/>
                    <a:pt x="5228948" y="352161"/>
                  </a:cubicBezTo>
                  <a:cubicBezTo>
                    <a:pt x="5446451" y="395070"/>
                    <a:pt x="5807476" y="551909"/>
                    <a:pt x="6036816" y="574103"/>
                  </a:cubicBezTo>
                  <a:cubicBezTo>
                    <a:pt x="6266156" y="596297"/>
                    <a:pt x="6406719" y="519358"/>
                    <a:pt x="6604987" y="485327"/>
                  </a:cubicBezTo>
                  <a:cubicBezTo>
                    <a:pt x="6803255" y="451296"/>
                    <a:pt x="7026677" y="363999"/>
                    <a:pt x="7226424" y="369917"/>
                  </a:cubicBezTo>
                  <a:cubicBezTo>
                    <a:pt x="7426171" y="375835"/>
                    <a:pt x="7620000" y="501602"/>
                    <a:pt x="7803472" y="520837"/>
                  </a:cubicBezTo>
                  <a:cubicBezTo>
                    <a:pt x="7986944" y="540072"/>
                    <a:pt x="8198529" y="492725"/>
                    <a:pt x="8327255" y="485327"/>
                  </a:cubicBezTo>
                  <a:cubicBezTo>
                    <a:pt x="8455981" y="477929"/>
                    <a:pt x="8515905" y="477189"/>
                    <a:pt x="8575830" y="476449"/>
                  </a:cubicBezTo>
                </a:path>
              </a:pathLst>
            </a:custGeom>
            <a:noFill/>
            <a:ln w="25400" cap="flat" cmpd="sng" algn="ctr">
              <a:solidFill>
                <a:srgbClr val="424F83"/>
              </a:solidFill>
              <a:prstDash val="solid"/>
              <a:miter lim="800000"/>
            </a:ln>
            <a:effectLst/>
          </p:spPr>
          <p:txBody>
            <a:bodyPr rtlCol="0" anchor="ctr"/>
            <a:lstStyle/>
            <a:p>
              <a:pPr algn="ctr" defTabSz="2031980" eaLnBrk="1" fontAlgn="auto" hangingPunct="1">
                <a:spcBef>
                  <a:spcPts val="0"/>
                </a:spcBef>
                <a:spcAft>
                  <a:spcPts val="0"/>
                </a:spcAft>
                <a:defRPr/>
              </a:pPr>
              <a:endParaRPr lang="en-US" sz="3000">
                <a:solidFill>
                  <a:prstClr val="white"/>
                </a:solidFill>
                <a:latin typeface="Calibri" panose="020F0502020204030204"/>
              </a:endParaRPr>
            </a:p>
          </p:txBody>
        </p:sp>
        <p:sp>
          <p:nvSpPr>
            <p:cNvPr id="37" name="TextBox 36">
              <a:extLst>
                <a:ext uri="{FF2B5EF4-FFF2-40B4-BE49-F238E27FC236}">
                  <a16:creationId xmlns:a16="http://schemas.microsoft.com/office/drawing/2014/main" id="{6DCDC4ED-35B4-8674-3C09-9B80AEA09A4E}"/>
                </a:ext>
              </a:extLst>
            </p:cNvPr>
            <p:cNvSpPr txBox="1"/>
            <p:nvPr/>
          </p:nvSpPr>
          <p:spPr>
            <a:xfrm>
              <a:off x="518037" y="3224006"/>
              <a:ext cx="685999" cy="297249"/>
            </a:xfrm>
            <a:prstGeom prst="rect">
              <a:avLst/>
            </a:prstGeom>
            <a:noFill/>
          </p:spPr>
          <p:txBody>
            <a:bodyPr wrap="square" rtlCol="0">
              <a:spAutoFit/>
            </a:bodyPr>
            <a:lstStyle/>
            <a:p>
              <a:pPr algn="ctr" defTabSz="1523985" eaLnBrk="1" fontAlgn="auto" hangingPunct="1">
                <a:spcBef>
                  <a:spcPts val="0"/>
                </a:spcBef>
                <a:spcAft>
                  <a:spcPts val="0"/>
                </a:spcAft>
                <a:defRPr/>
              </a:pPr>
              <a:r>
                <a:rPr lang="en-US" sz="1751" kern="0">
                  <a:solidFill>
                    <a:srgbClr val="E7E6E6">
                      <a:lumMod val="50000"/>
                    </a:srgbClr>
                  </a:solidFill>
                  <a:cs typeface="Calibri" panose="020F0502020204030204" pitchFamily="34" charset="0"/>
                </a:rPr>
                <a:t>Referral Received</a:t>
              </a:r>
            </a:p>
          </p:txBody>
        </p:sp>
        <p:grpSp>
          <p:nvGrpSpPr>
            <p:cNvPr id="38" name="Group 37">
              <a:extLst>
                <a:ext uri="{FF2B5EF4-FFF2-40B4-BE49-F238E27FC236}">
                  <a16:creationId xmlns:a16="http://schemas.microsoft.com/office/drawing/2014/main" id="{91C705C6-1CCF-EDB0-8B80-58689C8F9022}"/>
                </a:ext>
              </a:extLst>
            </p:cNvPr>
            <p:cNvGrpSpPr/>
            <p:nvPr/>
          </p:nvGrpSpPr>
          <p:grpSpPr>
            <a:xfrm>
              <a:off x="1128083" y="3266442"/>
              <a:ext cx="6214420" cy="68580"/>
              <a:chOff x="1713660" y="2127251"/>
              <a:chExt cx="8285893" cy="91440"/>
            </a:xfrm>
          </p:grpSpPr>
          <p:sp>
            <p:nvSpPr>
              <p:cNvPr id="66" name="Flowchart: Connector 84">
                <a:extLst>
                  <a:ext uri="{FF2B5EF4-FFF2-40B4-BE49-F238E27FC236}">
                    <a16:creationId xmlns:a16="http://schemas.microsoft.com/office/drawing/2014/main" id="{D15150A7-6D73-3858-B564-1505A7F938C6}"/>
                  </a:ext>
                </a:extLst>
              </p:cNvPr>
              <p:cNvSpPr/>
              <p:nvPr/>
            </p:nvSpPr>
            <p:spPr>
              <a:xfrm>
                <a:off x="1713660"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cxnSp>
            <p:nvCxnSpPr>
              <p:cNvPr id="67" name="Straight Connector 66">
                <a:extLst>
                  <a:ext uri="{FF2B5EF4-FFF2-40B4-BE49-F238E27FC236}">
                    <a16:creationId xmlns:a16="http://schemas.microsoft.com/office/drawing/2014/main" id="{3B030471-0438-987E-41C4-BE829F676D65}"/>
                  </a:ext>
                </a:extLst>
              </p:cNvPr>
              <p:cNvCxnSpPr/>
              <p:nvPr/>
            </p:nvCxnSpPr>
            <p:spPr>
              <a:xfrm>
                <a:off x="1792943" y="2176158"/>
                <a:ext cx="8194729" cy="0"/>
              </a:xfrm>
              <a:prstGeom prst="line">
                <a:avLst/>
              </a:prstGeom>
              <a:noFill/>
              <a:ln w="19050" cap="flat" cmpd="sng" algn="ctr">
                <a:solidFill>
                  <a:srgbClr val="E7E6E6">
                    <a:lumMod val="50000"/>
                  </a:srgbClr>
                </a:solidFill>
                <a:prstDash val="solid"/>
                <a:miter lim="800000"/>
              </a:ln>
              <a:effectLst/>
            </p:spPr>
          </p:cxnSp>
          <p:sp>
            <p:nvSpPr>
              <p:cNvPr id="68" name="Flowchart: Connector 86">
                <a:extLst>
                  <a:ext uri="{FF2B5EF4-FFF2-40B4-BE49-F238E27FC236}">
                    <a16:creationId xmlns:a16="http://schemas.microsoft.com/office/drawing/2014/main" id="{10EFEF62-6768-EE86-9029-9F78EA3E64CE}"/>
                  </a:ext>
                </a:extLst>
              </p:cNvPr>
              <p:cNvSpPr/>
              <p:nvPr/>
            </p:nvSpPr>
            <p:spPr>
              <a:xfrm>
                <a:off x="1836612"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69" name="Flowchart: Connector 87">
                <a:extLst>
                  <a:ext uri="{FF2B5EF4-FFF2-40B4-BE49-F238E27FC236}">
                    <a16:creationId xmlns:a16="http://schemas.microsoft.com/office/drawing/2014/main" id="{B1FE6B61-5E8C-00E6-C581-1F6D188FF4A6}"/>
                  </a:ext>
                </a:extLst>
              </p:cNvPr>
              <p:cNvSpPr/>
              <p:nvPr/>
            </p:nvSpPr>
            <p:spPr>
              <a:xfrm>
                <a:off x="1959564"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70" name="Flowchart: Connector 88">
                <a:extLst>
                  <a:ext uri="{FF2B5EF4-FFF2-40B4-BE49-F238E27FC236}">
                    <a16:creationId xmlns:a16="http://schemas.microsoft.com/office/drawing/2014/main" id="{EF98BA55-7192-1024-E43D-7DE3EB26C4A0}"/>
                  </a:ext>
                </a:extLst>
              </p:cNvPr>
              <p:cNvSpPr/>
              <p:nvPr/>
            </p:nvSpPr>
            <p:spPr>
              <a:xfrm>
                <a:off x="2179197"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71" name="Flowchart: Connector 89">
                <a:extLst>
                  <a:ext uri="{FF2B5EF4-FFF2-40B4-BE49-F238E27FC236}">
                    <a16:creationId xmlns:a16="http://schemas.microsoft.com/office/drawing/2014/main" id="{C4CB62A0-81B2-4FEF-ED2B-63A7841E253F}"/>
                  </a:ext>
                </a:extLst>
              </p:cNvPr>
              <p:cNvSpPr/>
              <p:nvPr/>
            </p:nvSpPr>
            <p:spPr>
              <a:xfrm>
                <a:off x="2302149"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72" name="Flowchart: Connector 90">
                <a:extLst>
                  <a:ext uri="{FF2B5EF4-FFF2-40B4-BE49-F238E27FC236}">
                    <a16:creationId xmlns:a16="http://schemas.microsoft.com/office/drawing/2014/main" id="{B67142B5-C685-ECF4-936D-367B0BC68CE1}"/>
                  </a:ext>
                </a:extLst>
              </p:cNvPr>
              <p:cNvSpPr/>
              <p:nvPr/>
            </p:nvSpPr>
            <p:spPr>
              <a:xfrm>
                <a:off x="2425101"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73" name="Flowchart: Connector 91">
                <a:extLst>
                  <a:ext uri="{FF2B5EF4-FFF2-40B4-BE49-F238E27FC236}">
                    <a16:creationId xmlns:a16="http://schemas.microsoft.com/office/drawing/2014/main" id="{071D5B06-FDF4-7487-AD43-163ABF0EB877}"/>
                  </a:ext>
                </a:extLst>
              </p:cNvPr>
              <p:cNvSpPr/>
              <p:nvPr/>
            </p:nvSpPr>
            <p:spPr>
              <a:xfrm>
                <a:off x="2497495"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74" name="Flowchart: Connector 92">
                <a:extLst>
                  <a:ext uri="{FF2B5EF4-FFF2-40B4-BE49-F238E27FC236}">
                    <a16:creationId xmlns:a16="http://schemas.microsoft.com/office/drawing/2014/main" id="{F9297DAC-56E9-605C-C268-9C8C2BDAF852}"/>
                  </a:ext>
                </a:extLst>
              </p:cNvPr>
              <p:cNvSpPr/>
              <p:nvPr/>
            </p:nvSpPr>
            <p:spPr>
              <a:xfrm>
                <a:off x="2831743"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75" name="Flowchart: Connector 93">
                <a:extLst>
                  <a:ext uri="{FF2B5EF4-FFF2-40B4-BE49-F238E27FC236}">
                    <a16:creationId xmlns:a16="http://schemas.microsoft.com/office/drawing/2014/main" id="{E623BD4B-DB8E-EC84-6E99-FFFF902BC496}"/>
                  </a:ext>
                </a:extLst>
              </p:cNvPr>
              <p:cNvSpPr/>
              <p:nvPr/>
            </p:nvSpPr>
            <p:spPr>
              <a:xfrm>
                <a:off x="2951886"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76" name="Flowchart: Connector 94">
                <a:extLst>
                  <a:ext uri="{FF2B5EF4-FFF2-40B4-BE49-F238E27FC236}">
                    <a16:creationId xmlns:a16="http://schemas.microsoft.com/office/drawing/2014/main" id="{97764D80-C5D5-BB72-00D0-0BB667548E88}"/>
                  </a:ext>
                </a:extLst>
              </p:cNvPr>
              <p:cNvSpPr/>
              <p:nvPr/>
            </p:nvSpPr>
            <p:spPr>
              <a:xfrm>
                <a:off x="3238385"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77" name="Flowchart: Connector 95">
                <a:extLst>
                  <a:ext uri="{FF2B5EF4-FFF2-40B4-BE49-F238E27FC236}">
                    <a16:creationId xmlns:a16="http://schemas.microsoft.com/office/drawing/2014/main" id="{7D086091-79AB-DC0F-710C-369F8D696059}"/>
                  </a:ext>
                </a:extLst>
              </p:cNvPr>
              <p:cNvSpPr/>
              <p:nvPr/>
            </p:nvSpPr>
            <p:spPr>
              <a:xfrm>
                <a:off x="3471516"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78" name="Flowchart: Connector 96">
                <a:extLst>
                  <a:ext uri="{FF2B5EF4-FFF2-40B4-BE49-F238E27FC236}">
                    <a16:creationId xmlns:a16="http://schemas.microsoft.com/office/drawing/2014/main" id="{42CAA500-53E9-2FBE-9630-B2F4DC893FC8}"/>
                  </a:ext>
                </a:extLst>
              </p:cNvPr>
              <p:cNvSpPr/>
              <p:nvPr/>
            </p:nvSpPr>
            <p:spPr>
              <a:xfrm>
                <a:off x="3745418"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79" name="Flowchart: Connector 97">
                <a:extLst>
                  <a:ext uri="{FF2B5EF4-FFF2-40B4-BE49-F238E27FC236}">
                    <a16:creationId xmlns:a16="http://schemas.microsoft.com/office/drawing/2014/main" id="{E69A000A-65C4-466B-BEDF-D2D4A4F902B4}"/>
                  </a:ext>
                </a:extLst>
              </p:cNvPr>
              <p:cNvSpPr/>
              <p:nvPr/>
            </p:nvSpPr>
            <p:spPr>
              <a:xfrm>
                <a:off x="3892698"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80" name="Flowchart: Connector 98">
                <a:extLst>
                  <a:ext uri="{FF2B5EF4-FFF2-40B4-BE49-F238E27FC236}">
                    <a16:creationId xmlns:a16="http://schemas.microsoft.com/office/drawing/2014/main" id="{29840B9B-B329-AA1A-850A-135E37442DDD}"/>
                  </a:ext>
                </a:extLst>
              </p:cNvPr>
              <p:cNvSpPr/>
              <p:nvPr/>
            </p:nvSpPr>
            <p:spPr>
              <a:xfrm>
                <a:off x="4056293"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81" name="Flowchart: Connector 99">
                <a:extLst>
                  <a:ext uri="{FF2B5EF4-FFF2-40B4-BE49-F238E27FC236}">
                    <a16:creationId xmlns:a16="http://schemas.microsoft.com/office/drawing/2014/main" id="{19741773-EBBF-512D-8656-834CBBB87805}"/>
                  </a:ext>
                </a:extLst>
              </p:cNvPr>
              <p:cNvSpPr/>
              <p:nvPr/>
            </p:nvSpPr>
            <p:spPr>
              <a:xfrm>
                <a:off x="4178832"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82" name="Flowchart: Connector 100">
                <a:extLst>
                  <a:ext uri="{FF2B5EF4-FFF2-40B4-BE49-F238E27FC236}">
                    <a16:creationId xmlns:a16="http://schemas.microsoft.com/office/drawing/2014/main" id="{882ECB77-3911-5C3B-F3A7-664B9DFEE1A4}"/>
                  </a:ext>
                </a:extLst>
              </p:cNvPr>
              <p:cNvSpPr/>
              <p:nvPr/>
            </p:nvSpPr>
            <p:spPr>
              <a:xfrm>
                <a:off x="4304460"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83" name="Flowchart: Connector 101">
                <a:extLst>
                  <a:ext uri="{FF2B5EF4-FFF2-40B4-BE49-F238E27FC236}">
                    <a16:creationId xmlns:a16="http://schemas.microsoft.com/office/drawing/2014/main" id="{DCA4B54C-33A2-512A-C40C-E2D1ED60ACDD}"/>
                  </a:ext>
                </a:extLst>
              </p:cNvPr>
              <p:cNvSpPr/>
              <p:nvPr/>
            </p:nvSpPr>
            <p:spPr>
              <a:xfrm>
                <a:off x="4464966"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84" name="Flowchart: Connector 102">
                <a:extLst>
                  <a:ext uri="{FF2B5EF4-FFF2-40B4-BE49-F238E27FC236}">
                    <a16:creationId xmlns:a16="http://schemas.microsoft.com/office/drawing/2014/main" id="{1DF9E182-5B3E-F459-3439-FEC478F90EE2}"/>
                  </a:ext>
                </a:extLst>
              </p:cNvPr>
              <p:cNvSpPr/>
              <p:nvPr/>
            </p:nvSpPr>
            <p:spPr>
              <a:xfrm>
                <a:off x="4596486"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85" name="Flowchart: Connector 103">
                <a:extLst>
                  <a:ext uri="{FF2B5EF4-FFF2-40B4-BE49-F238E27FC236}">
                    <a16:creationId xmlns:a16="http://schemas.microsoft.com/office/drawing/2014/main" id="{5C19038C-82A9-ED30-77B4-DFB1BC4FD77D}"/>
                  </a:ext>
                </a:extLst>
              </p:cNvPr>
              <p:cNvSpPr/>
              <p:nvPr/>
            </p:nvSpPr>
            <p:spPr>
              <a:xfrm>
                <a:off x="4768187"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86" name="Flowchart: Connector 104">
                <a:extLst>
                  <a:ext uri="{FF2B5EF4-FFF2-40B4-BE49-F238E27FC236}">
                    <a16:creationId xmlns:a16="http://schemas.microsoft.com/office/drawing/2014/main" id="{365B7985-BF69-BB96-D3D6-59EB35154672}"/>
                  </a:ext>
                </a:extLst>
              </p:cNvPr>
              <p:cNvSpPr/>
              <p:nvPr/>
            </p:nvSpPr>
            <p:spPr>
              <a:xfrm>
                <a:off x="5015177"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87" name="Flowchart: Connector 105">
                <a:extLst>
                  <a:ext uri="{FF2B5EF4-FFF2-40B4-BE49-F238E27FC236}">
                    <a16:creationId xmlns:a16="http://schemas.microsoft.com/office/drawing/2014/main" id="{564EEC23-72B8-43EB-CA89-54B5367BB29B}"/>
                  </a:ext>
                </a:extLst>
              </p:cNvPr>
              <p:cNvSpPr/>
              <p:nvPr/>
            </p:nvSpPr>
            <p:spPr>
              <a:xfrm>
                <a:off x="5139579"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88" name="Flowchart: Connector 106">
                <a:extLst>
                  <a:ext uri="{FF2B5EF4-FFF2-40B4-BE49-F238E27FC236}">
                    <a16:creationId xmlns:a16="http://schemas.microsoft.com/office/drawing/2014/main" id="{425BA6E0-737F-57AC-B166-7B018BB62B9F}"/>
                  </a:ext>
                </a:extLst>
              </p:cNvPr>
              <p:cNvSpPr/>
              <p:nvPr/>
            </p:nvSpPr>
            <p:spPr>
              <a:xfrm>
                <a:off x="5313089"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89" name="Flowchart: Connector 107">
                <a:extLst>
                  <a:ext uri="{FF2B5EF4-FFF2-40B4-BE49-F238E27FC236}">
                    <a16:creationId xmlns:a16="http://schemas.microsoft.com/office/drawing/2014/main" id="{81476AA7-124A-EE48-FA41-B9056A2F2487}"/>
                  </a:ext>
                </a:extLst>
              </p:cNvPr>
              <p:cNvSpPr/>
              <p:nvPr/>
            </p:nvSpPr>
            <p:spPr>
              <a:xfrm>
                <a:off x="5473812"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90" name="Flowchart: Connector 108">
                <a:extLst>
                  <a:ext uri="{FF2B5EF4-FFF2-40B4-BE49-F238E27FC236}">
                    <a16:creationId xmlns:a16="http://schemas.microsoft.com/office/drawing/2014/main" id="{7B239C7B-EAB4-38F0-A3E4-EF9850FB86D5}"/>
                  </a:ext>
                </a:extLst>
              </p:cNvPr>
              <p:cNvSpPr/>
              <p:nvPr/>
            </p:nvSpPr>
            <p:spPr>
              <a:xfrm>
                <a:off x="5589014"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91" name="Flowchart: Connector 109">
                <a:extLst>
                  <a:ext uri="{FF2B5EF4-FFF2-40B4-BE49-F238E27FC236}">
                    <a16:creationId xmlns:a16="http://schemas.microsoft.com/office/drawing/2014/main" id="{18A32980-6AAB-356A-B50B-591751A45B4D}"/>
                  </a:ext>
                </a:extLst>
              </p:cNvPr>
              <p:cNvSpPr/>
              <p:nvPr/>
            </p:nvSpPr>
            <p:spPr>
              <a:xfrm>
                <a:off x="5712335"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92" name="Flowchart: Connector 110">
                <a:extLst>
                  <a:ext uri="{FF2B5EF4-FFF2-40B4-BE49-F238E27FC236}">
                    <a16:creationId xmlns:a16="http://schemas.microsoft.com/office/drawing/2014/main" id="{37F0FE5C-B0A6-C17A-5BB0-8D9683B2DEFB}"/>
                  </a:ext>
                </a:extLst>
              </p:cNvPr>
              <p:cNvSpPr/>
              <p:nvPr/>
            </p:nvSpPr>
            <p:spPr>
              <a:xfrm>
                <a:off x="5863827"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93" name="Flowchart: Connector 111">
                <a:extLst>
                  <a:ext uri="{FF2B5EF4-FFF2-40B4-BE49-F238E27FC236}">
                    <a16:creationId xmlns:a16="http://schemas.microsoft.com/office/drawing/2014/main" id="{90E286E5-80F0-7780-CC35-7CDEAD129B36}"/>
                  </a:ext>
                </a:extLst>
              </p:cNvPr>
              <p:cNvSpPr/>
              <p:nvPr/>
            </p:nvSpPr>
            <p:spPr>
              <a:xfrm>
                <a:off x="6065013"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94" name="Flowchart: Connector 112">
                <a:extLst>
                  <a:ext uri="{FF2B5EF4-FFF2-40B4-BE49-F238E27FC236}">
                    <a16:creationId xmlns:a16="http://schemas.microsoft.com/office/drawing/2014/main" id="{2381EDFE-24D6-06AB-9A2D-E5501DFF2B05}"/>
                  </a:ext>
                </a:extLst>
              </p:cNvPr>
              <p:cNvSpPr/>
              <p:nvPr/>
            </p:nvSpPr>
            <p:spPr>
              <a:xfrm>
                <a:off x="6399261"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95" name="Flowchart: Connector 113">
                <a:extLst>
                  <a:ext uri="{FF2B5EF4-FFF2-40B4-BE49-F238E27FC236}">
                    <a16:creationId xmlns:a16="http://schemas.microsoft.com/office/drawing/2014/main" id="{D51882A9-3F37-5031-7522-1CE92230C885}"/>
                  </a:ext>
                </a:extLst>
              </p:cNvPr>
              <p:cNvSpPr/>
              <p:nvPr/>
            </p:nvSpPr>
            <p:spPr>
              <a:xfrm>
                <a:off x="6519404"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96" name="Flowchart: Connector 114">
                <a:extLst>
                  <a:ext uri="{FF2B5EF4-FFF2-40B4-BE49-F238E27FC236}">
                    <a16:creationId xmlns:a16="http://schemas.microsoft.com/office/drawing/2014/main" id="{EA2B3B8F-1F07-27B6-97D3-DC01E3D17508}"/>
                  </a:ext>
                </a:extLst>
              </p:cNvPr>
              <p:cNvSpPr/>
              <p:nvPr/>
            </p:nvSpPr>
            <p:spPr>
              <a:xfrm>
                <a:off x="6805903"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97" name="Flowchart: Connector 115">
                <a:extLst>
                  <a:ext uri="{FF2B5EF4-FFF2-40B4-BE49-F238E27FC236}">
                    <a16:creationId xmlns:a16="http://schemas.microsoft.com/office/drawing/2014/main" id="{01F57313-2B52-C569-DB94-9928246E86D8}"/>
                  </a:ext>
                </a:extLst>
              </p:cNvPr>
              <p:cNvSpPr/>
              <p:nvPr/>
            </p:nvSpPr>
            <p:spPr>
              <a:xfrm>
                <a:off x="7039034"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98" name="Flowchart: Connector 116">
                <a:extLst>
                  <a:ext uri="{FF2B5EF4-FFF2-40B4-BE49-F238E27FC236}">
                    <a16:creationId xmlns:a16="http://schemas.microsoft.com/office/drawing/2014/main" id="{E4DE768E-F0EE-4504-0A7E-039F5B7CB5C9}"/>
                  </a:ext>
                </a:extLst>
              </p:cNvPr>
              <p:cNvSpPr/>
              <p:nvPr/>
            </p:nvSpPr>
            <p:spPr>
              <a:xfrm>
                <a:off x="7312936"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99" name="Flowchart: Connector 117">
                <a:extLst>
                  <a:ext uri="{FF2B5EF4-FFF2-40B4-BE49-F238E27FC236}">
                    <a16:creationId xmlns:a16="http://schemas.microsoft.com/office/drawing/2014/main" id="{6B21C3FF-4A51-B679-EFC1-3086A3C47634}"/>
                  </a:ext>
                </a:extLst>
              </p:cNvPr>
              <p:cNvSpPr/>
              <p:nvPr/>
            </p:nvSpPr>
            <p:spPr>
              <a:xfrm>
                <a:off x="7460216"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100" name="Flowchart: Connector 118">
                <a:extLst>
                  <a:ext uri="{FF2B5EF4-FFF2-40B4-BE49-F238E27FC236}">
                    <a16:creationId xmlns:a16="http://schemas.microsoft.com/office/drawing/2014/main" id="{4A208660-F6B5-8D4A-7012-7D377A6EC2DC}"/>
                  </a:ext>
                </a:extLst>
              </p:cNvPr>
              <p:cNvSpPr/>
              <p:nvPr/>
            </p:nvSpPr>
            <p:spPr>
              <a:xfrm>
                <a:off x="7623811"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101" name="Flowchart: Connector 119">
                <a:extLst>
                  <a:ext uri="{FF2B5EF4-FFF2-40B4-BE49-F238E27FC236}">
                    <a16:creationId xmlns:a16="http://schemas.microsoft.com/office/drawing/2014/main" id="{87A14CEF-E1F6-BB5F-4514-869AE53F1DD0}"/>
                  </a:ext>
                </a:extLst>
              </p:cNvPr>
              <p:cNvSpPr/>
              <p:nvPr/>
            </p:nvSpPr>
            <p:spPr>
              <a:xfrm>
                <a:off x="7746350"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102" name="Flowchart: Connector 120">
                <a:extLst>
                  <a:ext uri="{FF2B5EF4-FFF2-40B4-BE49-F238E27FC236}">
                    <a16:creationId xmlns:a16="http://schemas.microsoft.com/office/drawing/2014/main" id="{5F4131C4-1B6C-322C-D98B-58B7B5C71985}"/>
                  </a:ext>
                </a:extLst>
              </p:cNvPr>
              <p:cNvSpPr/>
              <p:nvPr/>
            </p:nvSpPr>
            <p:spPr>
              <a:xfrm>
                <a:off x="7871978"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103" name="Flowchart: Connector 121">
                <a:extLst>
                  <a:ext uri="{FF2B5EF4-FFF2-40B4-BE49-F238E27FC236}">
                    <a16:creationId xmlns:a16="http://schemas.microsoft.com/office/drawing/2014/main" id="{C1BDAC48-960A-8933-4C85-78AD40281C14}"/>
                  </a:ext>
                </a:extLst>
              </p:cNvPr>
              <p:cNvSpPr/>
              <p:nvPr/>
            </p:nvSpPr>
            <p:spPr>
              <a:xfrm>
                <a:off x="8083888"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104" name="Flowchart: Connector 122">
                <a:extLst>
                  <a:ext uri="{FF2B5EF4-FFF2-40B4-BE49-F238E27FC236}">
                    <a16:creationId xmlns:a16="http://schemas.microsoft.com/office/drawing/2014/main" id="{DB1E78AE-15E4-45FB-73AC-2434A4E09C2F}"/>
                  </a:ext>
                </a:extLst>
              </p:cNvPr>
              <p:cNvSpPr/>
              <p:nvPr/>
            </p:nvSpPr>
            <p:spPr>
              <a:xfrm>
                <a:off x="8208290"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105" name="Flowchart: Connector 123">
                <a:extLst>
                  <a:ext uri="{FF2B5EF4-FFF2-40B4-BE49-F238E27FC236}">
                    <a16:creationId xmlns:a16="http://schemas.microsoft.com/office/drawing/2014/main" id="{C2D1A886-066D-7132-C4C5-549976085CDA}"/>
                  </a:ext>
                </a:extLst>
              </p:cNvPr>
              <p:cNvSpPr/>
              <p:nvPr/>
            </p:nvSpPr>
            <p:spPr>
              <a:xfrm>
                <a:off x="8381800"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106" name="Flowchart: Connector 124">
                <a:extLst>
                  <a:ext uri="{FF2B5EF4-FFF2-40B4-BE49-F238E27FC236}">
                    <a16:creationId xmlns:a16="http://schemas.microsoft.com/office/drawing/2014/main" id="{FBFEEA54-1D04-AB99-9BF1-7971DE4F1AB2}"/>
                  </a:ext>
                </a:extLst>
              </p:cNvPr>
              <p:cNvSpPr/>
              <p:nvPr/>
            </p:nvSpPr>
            <p:spPr>
              <a:xfrm>
                <a:off x="8542523"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107" name="Flowchart: Connector 125">
                <a:extLst>
                  <a:ext uri="{FF2B5EF4-FFF2-40B4-BE49-F238E27FC236}">
                    <a16:creationId xmlns:a16="http://schemas.microsoft.com/office/drawing/2014/main" id="{9A369B88-2C1F-5C8A-60BF-E43E9070F3E1}"/>
                  </a:ext>
                </a:extLst>
              </p:cNvPr>
              <p:cNvSpPr/>
              <p:nvPr/>
            </p:nvSpPr>
            <p:spPr>
              <a:xfrm>
                <a:off x="8657725"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108" name="Flowchart: Connector 126">
                <a:extLst>
                  <a:ext uri="{FF2B5EF4-FFF2-40B4-BE49-F238E27FC236}">
                    <a16:creationId xmlns:a16="http://schemas.microsoft.com/office/drawing/2014/main" id="{10B7D18D-12E8-0F0B-D690-0808D0E041C9}"/>
                  </a:ext>
                </a:extLst>
              </p:cNvPr>
              <p:cNvSpPr/>
              <p:nvPr/>
            </p:nvSpPr>
            <p:spPr>
              <a:xfrm>
                <a:off x="8781046"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109" name="Flowchart: Connector 127">
                <a:extLst>
                  <a:ext uri="{FF2B5EF4-FFF2-40B4-BE49-F238E27FC236}">
                    <a16:creationId xmlns:a16="http://schemas.microsoft.com/office/drawing/2014/main" id="{750D240E-CCA2-6FEA-BF73-FE14DDF321B9}"/>
                  </a:ext>
                </a:extLst>
              </p:cNvPr>
              <p:cNvSpPr/>
              <p:nvPr/>
            </p:nvSpPr>
            <p:spPr>
              <a:xfrm>
                <a:off x="8932538"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110" name="Flowchart: Connector 128">
                <a:extLst>
                  <a:ext uri="{FF2B5EF4-FFF2-40B4-BE49-F238E27FC236}">
                    <a16:creationId xmlns:a16="http://schemas.microsoft.com/office/drawing/2014/main" id="{81A165FF-36D2-04C0-2453-B9F0D9E0B66F}"/>
                  </a:ext>
                </a:extLst>
              </p:cNvPr>
              <p:cNvSpPr/>
              <p:nvPr/>
            </p:nvSpPr>
            <p:spPr>
              <a:xfrm>
                <a:off x="9133724"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111" name="Flowchart: Connector 129">
                <a:extLst>
                  <a:ext uri="{FF2B5EF4-FFF2-40B4-BE49-F238E27FC236}">
                    <a16:creationId xmlns:a16="http://schemas.microsoft.com/office/drawing/2014/main" id="{D481B23B-CDAB-D17A-6973-633FD1799BEE}"/>
                  </a:ext>
                </a:extLst>
              </p:cNvPr>
              <p:cNvSpPr/>
              <p:nvPr/>
            </p:nvSpPr>
            <p:spPr>
              <a:xfrm>
                <a:off x="9331645"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112" name="Flowchart: Connector 130">
                <a:extLst>
                  <a:ext uri="{FF2B5EF4-FFF2-40B4-BE49-F238E27FC236}">
                    <a16:creationId xmlns:a16="http://schemas.microsoft.com/office/drawing/2014/main" id="{E08DF120-A893-5079-E7EB-198646D65E6D}"/>
                  </a:ext>
                </a:extLst>
              </p:cNvPr>
              <p:cNvSpPr/>
              <p:nvPr/>
            </p:nvSpPr>
            <p:spPr>
              <a:xfrm>
                <a:off x="9451788"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sp>
            <p:nvSpPr>
              <p:cNvPr id="113" name="Flowchart: Connector 131">
                <a:extLst>
                  <a:ext uri="{FF2B5EF4-FFF2-40B4-BE49-F238E27FC236}">
                    <a16:creationId xmlns:a16="http://schemas.microsoft.com/office/drawing/2014/main" id="{23B4A810-1339-CC1B-7441-98C9E5F41ED3}"/>
                  </a:ext>
                </a:extLst>
              </p:cNvPr>
              <p:cNvSpPr/>
              <p:nvPr/>
            </p:nvSpPr>
            <p:spPr>
              <a:xfrm>
                <a:off x="9908113" y="2127251"/>
                <a:ext cx="91440" cy="91440"/>
              </a:xfrm>
              <a:prstGeom prst="flowChartConnector">
                <a:avLst/>
              </a:prstGeom>
              <a:solidFill>
                <a:srgbClr val="313B6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1751" kern="0">
                  <a:solidFill>
                    <a:prstClr val="white"/>
                  </a:solidFill>
                  <a:latin typeface="Arial" panose="020B0604020202020204" pitchFamily="34" charset="0"/>
                  <a:cs typeface="Arial" panose="020B0604020202020204" pitchFamily="34" charset="0"/>
                </a:endParaRPr>
              </a:p>
            </p:txBody>
          </p:sp>
        </p:grpSp>
        <p:sp>
          <p:nvSpPr>
            <p:cNvPr id="39" name="TextBox 38">
              <a:extLst>
                <a:ext uri="{FF2B5EF4-FFF2-40B4-BE49-F238E27FC236}">
                  <a16:creationId xmlns:a16="http://schemas.microsoft.com/office/drawing/2014/main" id="{261865A6-709C-B316-6E30-7B705E048B25}"/>
                </a:ext>
              </a:extLst>
            </p:cNvPr>
            <p:cNvSpPr txBox="1"/>
            <p:nvPr/>
          </p:nvSpPr>
          <p:spPr>
            <a:xfrm>
              <a:off x="7337953" y="3290370"/>
              <a:ext cx="801736" cy="170366"/>
            </a:xfrm>
            <a:prstGeom prst="rect">
              <a:avLst/>
            </a:prstGeom>
            <a:noFill/>
          </p:spPr>
          <p:txBody>
            <a:bodyPr wrap="square" rtlCol="0">
              <a:spAutoFit/>
            </a:bodyPr>
            <a:lstStyle/>
            <a:p>
              <a:pPr algn="ctr" defTabSz="1523985" eaLnBrk="1" fontAlgn="auto" hangingPunct="1">
                <a:spcBef>
                  <a:spcPts val="0"/>
                </a:spcBef>
                <a:spcAft>
                  <a:spcPts val="0"/>
                </a:spcAft>
                <a:defRPr/>
              </a:pPr>
              <a:r>
                <a:rPr lang="en-US" sz="1751" kern="0">
                  <a:solidFill>
                    <a:srgbClr val="E7E6E6">
                      <a:lumMod val="50000"/>
                    </a:srgbClr>
                  </a:solidFill>
                  <a:cs typeface="Calibri" panose="020F0502020204030204" pitchFamily="34" charset="0"/>
                </a:rPr>
                <a:t>Discharged</a:t>
              </a:r>
            </a:p>
          </p:txBody>
        </p:sp>
        <p:grpSp>
          <p:nvGrpSpPr>
            <p:cNvPr id="49" name="Group 48">
              <a:extLst>
                <a:ext uri="{FF2B5EF4-FFF2-40B4-BE49-F238E27FC236}">
                  <a16:creationId xmlns:a16="http://schemas.microsoft.com/office/drawing/2014/main" id="{66220A13-352D-B07C-4DBF-F42ABC6A9017}"/>
                </a:ext>
              </a:extLst>
            </p:cNvPr>
            <p:cNvGrpSpPr/>
            <p:nvPr/>
          </p:nvGrpSpPr>
          <p:grpSpPr>
            <a:xfrm>
              <a:off x="838207" y="2206713"/>
              <a:ext cx="126882" cy="968710"/>
              <a:chOff x="209724" y="511729"/>
              <a:chExt cx="402671" cy="5476293"/>
            </a:xfrm>
          </p:grpSpPr>
          <p:sp>
            <p:nvSpPr>
              <p:cNvPr id="62" name="Rectangle 61">
                <a:extLst>
                  <a:ext uri="{FF2B5EF4-FFF2-40B4-BE49-F238E27FC236}">
                    <a16:creationId xmlns:a16="http://schemas.microsoft.com/office/drawing/2014/main" id="{79B15DCF-4BF9-2E0C-FC1B-33D6E2095A97}"/>
                  </a:ext>
                </a:extLst>
              </p:cNvPr>
              <p:cNvSpPr/>
              <p:nvPr/>
            </p:nvSpPr>
            <p:spPr>
              <a:xfrm>
                <a:off x="209724" y="511729"/>
                <a:ext cx="402671" cy="1368460"/>
              </a:xfrm>
              <a:prstGeom prst="rect">
                <a:avLst/>
              </a:prstGeom>
              <a:solidFill>
                <a:srgbClr val="EE273A"/>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3000" kern="0">
                  <a:solidFill>
                    <a:prstClr val="white"/>
                  </a:solidFill>
                  <a:latin typeface="Calibri" panose="020F0502020204030204"/>
                </a:endParaRPr>
              </a:p>
            </p:txBody>
          </p:sp>
          <p:sp>
            <p:nvSpPr>
              <p:cNvPr id="63" name="Rectangle 62">
                <a:extLst>
                  <a:ext uri="{FF2B5EF4-FFF2-40B4-BE49-F238E27FC236}">
                    <a16:creationId xmlns:a16="http://schemas.microsoft.com/office/drawing/2014/main" id="{08A0A47F-6C1D-40B4-6576-4C7136B6142F}"/>
                  </a:ext>
                </a:extLst>
              </p:cNvPr>
              <p:cNvSpPr/>
              <p:nvPr/>
            </p:nvSpPr>
            <p:spPr>
              <a:xfrm>
                <a:off x="209724" y="1882642"/>
                <a:ext cx="402671" cy="1368460"/>
              </a:xfrm>
              <a:prstGeom prst="rect">
                <a:avLst/>
              </a:prstGeom>
              <a:solidFill>
                <a:srgbClr val="F6871E"/>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3000" kern="0">
                  <a:solidFill>
                    <a:prstClr val="white"/>
                  </a:solidFill>
                  <a:latin typeface="Calibri" panose="020F0502020204030204"/>
                </a:endParaRPr>
              </a:p>
            </p:txBody>
          </p:sp>
          <p:sp>
            <p:nvSpPr>
              <p:cNvPr id="64" name="Rectangle 63">
                <a:extLst>
                  <a:ext uri="{FF2B5EF4-FFF2-40B4-BE49-F238E27FC236}">
                    <a16:creationId xmlns:a16="http://schemas.microsoft.com/office/drawing/2014/main" id="{81D4BD49-4258-07FD-BD80-A79EE30D69C9}"/>
                  </a:ext>
                </a:extLst>
              </p:cNvPr>
              <p:cNvSpPr/>
              <p:nvPr/>
            </p:nvSpPr>
            <p:spPr>
              <a:xfrm>
                <a:off x="209724" y="3251102"/>
                <a:ext cx="402671" cy="1368460"/>
              </a:xfrm>
              <a:prstGeom prst="rect">
                <a:avLst/>
              </a:prstGeom>
              <a:solidFill>
                <a:srgbClr val="FFC000"/>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3000" kern="0">
                  <a:solidFill>
                    <a:prstClr val="white"/>
                  </a:solidFill>
                  <a:latin typeface="Calibri" panose="020F0502020204030204"/>
                </a:endParaRPr>
              </a:p>
            </p:txBody>
          </p:sp>
          <p:sp>
            <p:nvSpPr>
              <p:cNvPr id="65" name="Rectangle 64">
                <a:extLst>
                  <a:ext uri="{FF2B5EF4-FFF2-40B4-BE49-F238E27FC236}">
                    <a16:creationId xmlns:a16="http://schemas.microsoft.com/office/drawing/2014/main" id="{3D0B2AE9-F3B9-927E-30A8-F0CA12094E08}"/>
                  </a:ext>
                </a:extLst>
              </p:cNvPr>
              <p:cNvSpPr/>
              <p:nvPr/>
            </p:nvSpPr>
            <p:spPr>
              <a:xfrm>
                <a:off x="209724" y="4619562"/>
                <a:ext cx="402671" cy="1368460"/>
              </a:xfrm>
              <a:prstGeom prst="rect">
                <a:avLst/>
              </a:prstGeom>
              <a:solidFill>
                <a:srgbClr val="3EB86F"/>
              </a:solidFill>
              <a:ln w="12700" cap="flat" cmpd="sng" algn="ctr">
                <a:solidFill>
                  <a:sysClr val="window" lastClr="FFFFFF"/>
                </a:solidFill>
                <a:prstDash val="solid"/>
                <a:miter lim="800000"/>
              </a:ln>
              <a:effectLst/>
            </p:spPr>
            <p:txBody>
              <a:bodyPr rtlCol="0" anchor="ctr"/>
              <a:lstStyle/>
              <a:p>
                <a:pPr algn="ctr" defTabSz="1523985" eaLnBrk="1" fontAlgn="auto" hangingPunct="1">
                  <a:spcBef>
                    <a:spcPts val="0"/>
                  </a:spcBef>
                  <a:spcAft>
                    <a:spcPts val="0"/>
                  </a:spcAft>
                  <a:defRPr/>
                </a:pPr>
                <a:endParaRPr lang="en-US" sz="3000" kern="0">
                  <a:solidFill>
                    <a:prstClr val="white"/>
                  </a:solidFill>
                  <a:latin typeface="Calibri" panose="020F0502020204030204"/>
                </a:endParaRPr>
              </a:p>
            </p:txBody>
          </p:sp>
        </p:grpSp>
        <p:sp>
          <p:nvSpPr>
            <p:cNvPr id="56" name="TextBox 55">
              <a:extLst>
                <a:ext uri="{FF2B5EF4-FFF2-40B4-BE49-F238E27FC236}">
                  <a16:creationId xmlns:a16="http://schemas.microsoft.com/office/drawing/2014/main" id="{09360F84-4A1F-71C0-728C-AEE395459CCE}"/>
                </a:ext>
              </a:extLst>
            </p:cNvPr>
            <p:cNvSpPr txBox="1"/>
            <p:nvPr/>
          </p:nvSpPr>
          <p:spPr>
            <a:xfrm rot="19593306">
              <a:off x="458096" y="3019653"/>
              <a:ext cx="474636" cy="164296"/>
            </a:xfrm>
            <a:prstGeom prst="rect">
              <a:avLst/>
            </a:prstGeom>
            <a:noFill/>
          </p:spPr>
          <p:txBody>
            <a:bodyPr wrap="square" rtlCol="0">
              <a:spAutoFit/>
            </a:bodyPr>
            <a:lstStyle/>
            <a:p>
              <a:pPr algn="ctr" defTabSz="1523985" eaLnBrk="1" fontAlgn="auto" hangingPunct="1">
                <a:spcBef>
                  <a:spcPts val="0"/>
                </a:spcBef>
                <a:spcAft>
                  <a:spcPts val="0"/>
                </a:spcAft>
                <a:defRPr/>
              </a:pPr>
              <a:r>
                <a:rPr lang="en-US" sz="1667" b="1" kern="0">
                  <a:solidFill>
                    <a:srgbClr val="017757"/>
                  </a:solidFill>
                  <a:cs typeface="Calibri" panose="020F0502020204030204" pitchFamily="34" charset="0"/>
                </a:rPr>
                <a:t>LOW</a:t>
              </a:r>
            </a:p>
          </p:txBody>
        </p:sp>
        <p:sp>
          <p:nvSpPr>
            <p:cNvPr id="58" name="TextBox 57">
              <a:extLst>
                <a:ext uri="{FF2B5EF4-FFF2-40B4-BE49-F238E27FC236}">
                  <a16:creationId xmlns:a16="http://schemas.microsoft.com/office/drawing/2014/main" id="{F4A0B6FB-5A2A-85D8-4CFB-B2BED89EC3B7}"/>
                </a:ext>
              </a:extLst>
            </p:cNvPr>
            <p:cNvSpPr txBox="1"/>
            <p:nvPr/>
          </p:nvSpPr>
          <p:spPr>
            <a:xfrm rot="19543099">
              <a:off x="324273" y="2816280"/>
              <a:ext cx="606024" cy="164296"/>
            </a:xfrm>
            <a:prstGeom prst="rect">
              <a:avLst/>
            </a:prstGeom>
            <a:noFill/>
          </p:spPr>
          <p:txBody>
            <a:bodyPr wrap="square" rtlCol="0">
              <a:spAutoFit/>
            </a:bodyPr>
            <a:lstStyle/>
            <a:p>
              <a:pPr algn="ctr" defTabSz="1523985" eaLnBrk="1" fontAlgn="auto" hangingPunct="1">
                <a:spcBef>
                  <a:spcPts val="0"/>
                </a:spcBef>
                <a:spcAft>
                  <a:spcPts val="0"/>
                </a:spcAft>
                <a:defRPr/>
              </a:pPr>
              <a:r>
                <a:rPr lang="en-US" sz="1667" b="1" kern="0">
                  <a:solidFill>
                    <a:srgbClr val="FFC000"/>
                  </a:solidFill>
                  <a:cs typeface="Calibri" panose="020F0502020204030204" pitchFamily="34" charset="0"/>
                </a:rPr>
                <a:t>MEDIUM</a:t>
              </a:r>
            </a:p>
          </p:txBody>
        </p:sp>
        <p:sp>
          <p:nvSpPr>
            <p:cNvPr id="59" name="TextBox 58">
              <a:extLst>
                <a:ext uri="{FF2B5EF4-FFF2-40B4-BE49-F238E27FC236}">
                  <a16:creationId xmlns:a16="http://schemas.microsoft.com/office/drawing/2014/main" id="{A83D8ED2-D799-E4A0-04CA-473ED8FA8D22}"/>
                </a:ext>
              </a:extLst>
            </p:cNvPr>
            <p:cNvSpPr txBox="1"/>
            <p:nvPr/>
          </p:nvSpPr>
          <p:spPr>
            <a:xfrm rot="19227613">
              <a:off x="434613" y="2532594"/>
              <a:ext cx="474636" cy="164296"/>
            </a:xfrm>
            <a:prstGeom prst="rect">
              <a:avLst/>
            </a:prstGeom>
            <a:noFill/>
          </p:spPr>
          <p:txBody>
            <a:bodyPr wrap="square" rtlCol="0">
              <a:spAutoFit/>
            </a:bodyPr>
            <a:lstStyle/>
            <a:p>
              <a:pPr algn="ctr" defTabSz="1523985" eaLnBrk="1" fontAlgn="auto" hangingPunct="1">
                <a:spcBef>
                  <a:spcPts val="0"/>
                </a:spcBef>
                <a:spcAft>
                  <a:spcPts val="0"/>
                </a:spcAft>
                <a:defRPr/>
              </a:pPr>
              <a:r>
                <a:rPr lang="en-US" sz="1667" b="1" kern="0">
                  <a:solidFill>
                    <a:srgbClr val="F6871E"/>
                  </a:solidFill>
                  <a:cs typeface="Calibri" panose="020F0502020204030204" pitchFamily="34" charset="0"/>
                </a:rPr>
                <a:t>HIGH</a:t>
              </a:r>
            </a:p>
          </p:txBody>
        </p:sp>
        <p:sp>
          <p:nvSpPr>
            <p:cNvPr id="60" name="TextBox 59">
              <a:extLst>
                <a:ext uri="{FF2B5EF4-FFF2-40B4-BE49-F238E27FC236}">
                  <a16:creationId xmlns:a16="http://schemas.microsoft.com/office/drawing/2014/main" id="{4A45F339-3E1D-FD2C-4ED2-589DB2DDAA98}"/>
                </a:ext>
              </a:extLst>
            </p:cNvPr>
            <p:cNvSpPr txBox="1"/>
            <p:nvPr/>
          </p:nvSpPr>
          <p:spPr>
            <a:xfrm rot="19429049">
              <a:off x="298488" y="2341215"/>
              <a:ext cx="612997" cy="164296"/>
            </a:xfrm>
            <a:prstGeom prst="rect">
              <a:avLst/>
            </a:prstGeom>
            <a:noFill/>
          </p:spPr>
          <p:txBody>
            <a:bodyPr wrap="square" rtlCol="0">
              <a:spAutoFit/>
            </a:bodyPr>
            <a:lstStyle/>
            <a:p>
              <a:pPr algn="ctr" defTabSz="1523985" eaLnBrk="1" fontAlgn="auto" hangingPunct="1">
                <a:spcBef>
                  <a:spcPts val="0"/>
                </a:spcBef>
                <a:spcAft>
                  <a:spcPts val="0"/>
                </a:spcAft>
                <a:defRPr/>
              </a:pPr>
              <a:r>
                <a:rPr lang="en-US" sz="1667" b="1" kern="0">
                  <a:solidFill>
                    <a:srgbClr val="AE2A41"/>
                  </a:solidFill>
                  <a:cs typeface="Calibri" panose="020F0502020204030204" pitchFamily="34" charset="0"/>
                </a:rPr>
                <a:t>CRITICAL</a:t>
              </a:r>
            </a:p>
          </p:txBody>
        </p:sp>
        <p:sp>
          <p:nvSpPr>
            <p:cNvPr id="61" name="TextBox 60">
              <a:extLst>
                <a:ext uri="{FF2B5EF4-FFF2-40B4-BE49-F238E27FC236}">
                  <a16:creationId xmlns:a16="http://schemas.microsoft.com/office/drawing/2014/main" id="{D9698579-4942-D1E2-E1EB-22DECF9948AA}"/>
                </a:ext>
              </a:extLst>
            </p:cNvPr>
            <p:cNvSpPr txBox="1"/>
            <p:nvPr/>
          </p:nvSpPr>
          <p:spPr>
            <a:xfrm>
              <a:off x="456810" y="1946584"/>
              <a:ext cx="671272" cy="188423"/>
            </a:xfrm>
            <a:prstGeom prst="rect">
              <a:avLst/>
            </a:prstGeom>
            <a:noFill/>
          </p:spPr>
          <p:txBody>
            <a:bodyPr wrap="square" rtlCol="0">
              <a:spAutoFit/>
            </a:bodyPr>
            <a:lstStyle/>
            <a:p>
              <a:pPr algn="ctr" defTabSz="2031980" eaLnBrk="1" fontAlgn="auto" hangingPunct="1">
                <a:spcBef>
                  <a:spcPts val="0"/>
                </a:spcBef>
                <a:spcAft>
                  <a:spcPts val="0"/>
                </a:spcAft>
                <a:defRPr/>
              </a:pPr>
              <a:r>
                <a:rPr lang="en-US" sz="2000">
                  <a:solidFill>
                    <a:prstClr val="black">
                      <a:lumMod val="75000"/>
                      <a:lumOff val="25000"/>
                    </a:prstClr>
                  </a:solidFill>
                  <a:cs typeface="Calibri" panose="020F0502020204030204" pitchFamily="34" charset="0"/>
                </a:rPr>
                <a:t>Risk</a:t>
              </a:r>
            </a:p>
          </p:txBody>
        </p:sp>
      </p:grpSp>
      <p:grpSp>
        <p:nvGrpSpPr>
          <p:cNvPr id="114" name="Group 113">
            <a:extLst>
              <a:ext uri="{FF2B5EF4-FFF2-40B4-BE49-F238E27FC236}">
                <a16:creationId xmlns:a16="http://schemas.microsoft.com/office/drawing/2014/main" id="{2A672657-69B1-206B-E556-B06EC43EB09C}"/>
              </a:ext>
            </a:extLst>
          </p:cNvPr>
          <p:cNvGrpSpPr/>
          <p:nvPr/>
        </p:nvGrpSpPr>
        <p:grpSpPr>
          <a:xfrm>
            <a:off x="1749168" y="6040277"/>
            <a:ext cx="16867269" cy="5221622"/>
            <a:chOff x="729990" y="4063297"/>
            <a:chExt cx="7590271" cy="2648292"/>
          </a:xfrm>
        </p:grpSpPr>
        <p:sp>
          <p:nvSpPr>
            <p:cNvPr id="115" name="TextBox 114">
              <a:extLst>
                <a:ext uri="{FF2B5EF4-FFF2-40B4-BE49-F238E27FC236}">
                  <a16:creationId xmlns:a16="http://schemas.microsoft.com/office/drawing/2014/main" id="{7192C9F3-2899-0CC8-4B93-D660C028D183}"/>
                </a:ext>
              </a:extLst>
            </p:cNvPr>
            <p:cNvSpPr txBox="1"/>
            <p:nvPr/>
          </p:nvSpPr>
          <p:spPr>
            <a:xfrm>
              <a:off x="729990" y="4063297"/>
              <a:ext cx="1750741" cy="1781138"/>
            </a:xfrm>
            <a:prstGeom prst="rect">
              <a:avLst/>
            </a:prstGeom>
            <a:noFill/>
          </p:spPr>
          <p:txBody>
            <a:bodyPr wrap="square" rtlCol="0">
              <a:spAutoFit/>
            </a:bodyPr>
            <a:lstStyle/>
            <a:p>
              <a:pPr marL="761992" indent="-761992">
                <a:buFont typeface="+mj-lt"/>
                <a:buAutoNum type="arabicPeriod"/>
              </a:pPr>
              <a:r>
                <a:rPr lang="en-US" sz="2222" dirty="0">
                  <a:cs typeface="Calibri" panose="020F0502020204030204" pitchFamily="34" charset="0"/>
                </a:rPr>
                <a:t>Referral Information</a:t>
              </a:r>
            </a:p>
            <a:p>
              <a:pPr marL="761992" indent="-761992">
                <a:buFont typeface="+mj-lt"/>
                <a:buAutoNum type="arabicPeriod"/>
              </a:pPr>
              <a:r>
                <a:rPr lang="en-US" sz="2222" dirty="0">
                  <a:cs typeface="Calibri" panose="020F0502020204030204" pitchFamily="34" charset="0"/>
                </a:rPr>
                <a:t>Prescription</a:t>
              </a:r>
            </a:p>
            <a:p>
              <a:pPr marL="761992" indent="-761992">
                <a:buFont typeface="+mj-lt"/>
                <a:buAutoNum type="arabicPeriod"/>
              </a:pPr>
              <a:r>
                <a:rPr lang="en-US" sz="2222" dirty="0">
                  <a:cs typeface="Calibri" panose="020F0502020204030204" pitchFamily="34" charset="0"/>
                </a:rPr>
                <a:t>Claim feed Details</a:t>
              </a:r>
            </a:p>
            <a:p>
              <a:pPr marL="761992" indent="-761992">
                <a:buFont typeface="+mj-lt"/>
                <a:buAutoNum type="arabicPeriod"/>
              </a:pPr>
              <a:r>
                <a:rPr lang="en-US" sz="2222" i="1" dirty="0">
                  <a:cs typeface="Calibri" panose="020F0502020204030204" pitchFamily="34" charset="0"/>
                </a:rPr>
                <a:t>Scheduling Call</a:t>
              </a:r>
            </a:p>
            <a:p>
              <a:pPr marL="761992" indent="-761992">
                <a:buFont typeface="+mj-lt"/>
                <a:buAutoNum type="arabicPeriod"/>
              </a:pPr>
              <a:r>
                <a:rPr lang="en-US" sz="2222" dirty="0">
                  <a:cs typeface="Calibri" panose="020F0502020204030204" pitchFamily="34" charset="0"/>
                </a:rPr>
                <a:t>PT Consult</a:t>
              </a:r>
            </a:p>
            <a:p>
              <a:pPr marL="761992" indent="-761992">
                <a:buFont typeface="+mj-lt"/>
                <a:buAutoNum type="arabicPeriod"/>
              </a:pPr>
              <a:r>
                <a:rPr lang="en-US" sz="2222" dirty="0">
                  <a:cs typeface="Calibri" panose="020F0502020204030204" pitchFamily="34" charset="0"/>
                </a:rPr>
                <a:t>Initial Eval Report</a:t>
              </a:r>
            </a:p>
            <a:p>
              <a:pPr marL="761992" indent="-761992">
                <a:buFont typeface="+mj-lt"/>
                <a:buAutoNum type="arabicPeriod"/>
              </a:pPr>
              <a:r>
                <a:rPr lang="en-US" sz="2222" dirty="0">
                  <a:cs typeface="Calibri" panose="020F0502020204030204" pitchFamily="34" charset="0"/>
                </a:rPr>
                <a:t>Bill</a:t>
              </a:r>
            </a:p>
            <a:p>
              <a:pPr marL="761992" indent="-761992">
                <a:buFont typeface="+mj-lt"/>
                <a:buAutoNum type="arabicPeriod"/>
              </a:pPr>
              <a:r>
                <a:rPr lang="en-US" sz="2222" dirty="0">
                  <a:cs typeface="Calibri" panose="020F0502020204030204" pitchFamily="34" charset="0"/>
                </a:rPr>
                <a:t>Note</a:t>
              </a:r>
            </a:p>
            <a:p>
              <a:pPr marL="761992" indent="-761992">
                <a:buFont typeface="+mj-lt"/>
                <a:buAutoNum type="arabicPeriod"/>
              </a:pPr>
              <a:r>
                <a:rPr lang="en-US" sz="2222" dirty="0">
                  <a:cs typeface="Calibri" panose="020F0502020204030204" pitchFamily="34" charset="0"/>
                </a:rPr>
                <a:t>Bill</a:t>
              </a:r>
            </a:p>
            <a:p>
              <a:pPr marL="761992" indent="-761992">
                <a:buFont typeface="+mj-lt"/>
                <a:buAutoNum type="arabicPeriod"/>
              </a:pPr>
              <a:r>
                <a:rPr lang="en-US" sz="2222" dirty="0">
                  <a:cs typeface="Calibri" panose="020F0502020204030204" pitchFamily="34" charset="0"/>
                </a:rPr>
                <a:t>Note</a:t>
              </a:r>
            </a:p>
          </p:txBody>
        </p:sp>
        <p:sp>
          <p:nvSpPr>
            <p:cNvPr id="116" name="TextBox 115">
              <a:extLst>
                <a:ext uri="{FF2B5EF4-FFF2-40B4-BE49-F238E27FC236}">
                  <a16:creationId xmlns:a16="http://schemas.microsoft.com/office/drawing/2014/main" id="{E9B5F3EC-F0FD-DCAA-51F5-8EEDF658C45E}"/>
                </a:ext>
              </a:extLst>
            </p:cNvPr>
            <p:cNvSpPr txBox="1"/>
            <p:nvPr/>
          </p:nvSpPr>
          <p:spPr>
            <a:xfrm>
              <a:off x="2555028" y="4063297"/>
              <a:ext cx="1934113" cy="2648292"/>
            </a:xfrm>
            <a:prstGeom prst="rect">
              <a:avLst/>
            </a:prstGeom>
            <a:noFill/>
          </p:spPr>
          <p:txBody>
            <a:bodyPr wrap="square" rtlCol="0">
              <a:spAutoFit/>
            </a:bodyPr>
            <a:lstStyle/>
            <a:p>
              <a:pPr marL="761992" indent="-761992">
                <a:buFont typeface="+mj-lt"/>
                <a:buAutoNum type="arabicPeriod" startAt="11"/>
              </a:pPr>
              <a:r>
                <a:rPr lang="en-US" sz="2222" dirty="0">
                  <a:cs typeface="Calibri" panose="020F0502020204030204" pitchFamily="34" charset="0"/>
                </a:rPr>
                <a:t>Bill</a:t>
              </a:r>
            </a:p>
            <a:p>
              <a:pPr marL="761992" indent="-761992">
                <a:buFont typeface="+mj-lt"/>
                <a:buAutoNum type="arabicPeriod" startAt="11"/>
              </a:pPr>
              <a:r>
                <a:rPr lang="en-US" sz="2222" dirty="0">
                  <a:cs typeface="Calibri" panose="020F0502020204030204" pitchFamily="34" charset="0"/>
                </a:rPr>
                <a:t>Note</a:t>
              </a:r>
            </a:p>
            <a:p>
              <a:pPr marL="761992" indent="-761992">
                <a:buFont typeface="+mj-lt"/>
                <a:buAutoNum type="arabicPeriod" startAt="11"/>
              </a:pPr>
              <a:r>
                <a:rPr lang="en-US" sz="2222" dirty="0">
                  <a:cs typeface="Calibri" panose="020F0502020204030204" pitchFamily="34" charset="0"/>
                </a:rPr>
                <a:t>Bill</a:t>
              </a:r>
            </a:p>
            <a:p>
              <a:pPr marL="761992" indent="-761992">
                <a:buFont typeface="+mj-lt"/>
                <a:buAutoNum type="arabicPeriod" startAt="11"/>
              </a:pPr>
              <a:r>
                <a:rPr lang="en-US" sz="2222" dirty="0">
                  <a:cs typeface="Calibri" panose="020F0502020204030204" pitchFamily="34" charset="0"/>
                </a:rPr>
                <a:t>Note</a:t>
              </a:r>
            </a:p>
            <a:p>
              <a:pPr marL="761992" indent="-761992">
                <a:buFont typeface="+mj-lt"/>
                <a:buAutoNum type="arabicPeriod" startAt="11"/>
              </a:pPr>
              <a:r>
                <a:rPr lang="en-US" sz="2222" dirty="0">
                  <a:cs typeface="Calibri" panose="020F0502020204030204" pitchFamily="34" charset="0"/>
                </a:rPr>
                <a:t>Continued Authorization</a:t>
              </a:r>
            </a:p>
            <a:p>
              <a:pPr marL="761992" indent="-761992">
                <a:buFont typeface="+mj-lt"/>
                <a:buAutoNum type="arabicPeriod" startAt="11"/>
              </a:pPr>
              <a:r>
                <a:rPr lang="en-US" sz="2222" dirty="0">
                  <a:cs typeface="Calibri" panose="020F0502020204030204" pitchFamily="34" charset="0"/>
                </a:rPr>
                <a:t>Peer to Peer</a:t>
              </a:r>
            </a:p>
            <a:p>
              <a:pPr marL="761992" indent="-761992">
                <a:buFont typeface="+mj-lt"/>
                <a:buAutoNum type="arabicPeriod" startAt="11"/>
              </a:pPr>
              <a:r>
                <a:rPr lang="en-US" sz="2222" dirty="0">
                  <a:cs typeface="Calibri" panose="020F0502020204030204" pitchFamily="34" charset="0"/>
                </a:rPr>
                <a:t>Bill</a:t>
              </a:r>
            </a:p>
            <a:p>
              <a:pPr marL="761992" indent="-761992">
                <a:buFont typeface="+mj-lt"/>
                <a:buAutoNum type="arabicPeriod" startAt="11"/>
              </a:pPr>
              <a:r>
                <a:rPr lang="en-US" sz="2222" dirty="0">
                  <a:cs typeface="Calibri" panose="020F0502020204030204" pitchFamily="34" charset="0"/>
                </a:rPr>
                <a:t>Note</a:t>
              </a:r>
            </a:p>
            <a:p>
              <a:pPr marL="761992" indent="-761992">
                <a:buFont typeface="+mj-lt"/>
                <a:buAutoNum type="arabicPeriod" startAt="11"/>
              </a:pPr>
              <a:r>
                <a:rPr lang="en-US" sz="2222" dirty="0">
                  <a:cs typeface="Calibri" panose="020F0502020204030204" pitchFamily="34" charset="0"/>
                </a:rPr>
                <a:t>Bill</a:t>
              </a:r>
            </a:p>
            <a:p>
              <a:pPr marL="761992" indent="-761992">
                <a:buFont typeface="+mj-lt"/>
                <a:buAutoNum type="arabicPeriod" startAt="11"/>
              </a:pPr>
              <a:r>
                <a:rPr lang="en-US" sz="2222" dirty="0">
                  <a:cs typeface="Calibri" panose="020F0502020204030204" pitchFamily="34" charset="0"/>
                </a:rPr>
                <a:t>Note</a:t>
              </a:r>
            </a:p>
            <a:p>
              <a:pPr marL="761992" indent="-761992">
                <a:buFont typeface="+mj-lt"/>
                <a:buAutoNum type="arabicPeriod" startAt="11"/>
              </a:pPr>
              <a:r>
                <a:rPr lang="en-US" sz="2222" dirty="0">
                  <a:cs typeface="Calibri" panose="020F0502020204030204" pitchFamily="34" charset="0"/>
                </a:rPr>
                <a:t>PT Consult</a:t>
              </a:r>
            </a:p>
            <a:p>
              <a:pPr marL="761992" indent="-761992">
                <a:buFont typeface="+mj-lt"/>
                <a:buAutoNum type="arabicPeriod" startAt="11"/>
              </a:pPr>
              <a:r>
                <a:rPr lang="en-US" sz="2222" dirty="0">
                  <a:cs typeface="Calibri" panose="020F0502020204030204" pitchFamily="34" charset="0"/>
                </a:rPr>
                <a:t>Provider Outreach</a:t>
              </a:r>
            </a:p>
            <a:p>
              <a:pPr marL="761992" indent="-761992">
                <a:buFont typeface="+mj-lt"/>
                <a:buAutoNum type="arabicPeriod" startAt="11"/>
              </a:pPr>
              <a:r>
                <a:rPr lang="en-US" sz="2222" dirty="0">
                  <a:cs typeface="Calibri" panose="020F0502020204030204" pitchFamily="34" charset="0"/>
                </a:rPr>
                <a:t>Bill</a:t>
              </a:r>
            </a:p>
            <a:p>
              <a:pPr marL="761992" indent="-761992">
                <a:buFont typeface="+mj-lt"/>
                <a:buAutoNum type="arabicPeriod" startAt="11"/>
              </a:pPr>
              <a:r>
                <a:rPr lang="en-US" sz="2222" dirty="0">
                  <a:cs typeface="Calibri" panose="020F0502020204030204" pitchFamily="34" charset="0"/>
                </a:rPr>
                <a:t>Note</a:t>
              </a:r>
            </a:p>
            <a:p>
              <a:pPr marL="761992" indent="-761992">
                <a:buFont typeface="+mj-lt"/>
                <a:buAutoNum type="arabicPeriod" startAt="11"/>
              </a:pPr>
              <a:r>
                <a:rPr lang="en-US" sz="2222" dirty="0">
                  <a:cs typeface="Calibri" panose="020F0502020204030204" pitchFamily="34" charset="0"/>
                </a:rPr>
                <a:t>Bill</a:t>
              </a:r>
            </a:p>
          </p:txBody>
        </p:sp>
        <p:sp>
          <p:nvSpPr>
            <p:cNvPr id="117" name="TextBox 116">
              <a:extLst>
                <a:ext uri="{FF2B5EF4-FFF2-40B4-BE49-F238E27FC236}">
                  <a16:creationId xmlns:a16="http://schemas.microsoft.com/office/drawing/2014/main" id="{852AAC7F-4E4F-0F88-C403-085B8A1A0054}"/>
                </a:ext>
              </a:extLst>
            </p:cNvPr>
            <p:cNvSpPr txBox="1"/>
            <p:nvPr/>
          </p:nvSpPr>
          <p:spPr>
            <a:xfrm>
              <a:off x="4500489" y="4063297"/>
              <a:ext cx="2050847" cy="2301430"/>
            </a:xfrm>
            <a:prstGeom prst="rect">
              <a:avLst/>
            </a:prstGeom>
            <a:noFill/>
          </p:spPr>
          <p:txBody>
            <a:bodyPr wrap="square" rtlCol="0">
              <a:spAutoFit/>
            </a:bodyPr>
            <a:lstStyle/>
            <a:p>
              <a:pPr marL="761992" indent="-761992">
                <a:buFont typeface="+mj-lt"/>
                <a:buAutoNum type="arabicPeriod" startAt="26"/>
              </a:pPr>
              <a:r>
                <a:rPr lang="en-US" sz="2222" dirty="0">
                  <a:cs typeface="Calibri" panose="020F0502020204030204" pitchFamily="34" charset="0"/>
                </a:rPr>
                <a:t>Note</a:t>
              </a:r>
            </a:p>
            <a:p>
              <a:pPr marL="761992" indent="-761992">
                <a:buFont typeface="+mj-lt"/>
                <a:buAutoNum type="arabicPeriod" startAt="26"/>
              </a:pPr>
              <a:r>
                <a:rPr lang="en-US" sz="2222" dirty="0">
                  <a:cs typeface="Calibri" panose="020F0502020204030204" pitchFamily="34" charset="0"/>
                </a:rPr>
                <a:t>Bill</a:t>
              </a:r>
            </a:p>
            <a:p>
              <a:pPr marL="761992" indent="-761992">
                <a:buFont typeface="+mj-lt"/>
                <a:buAutoNum type="arabicPeriod" startAt="26"/>
              </a:pPr>
              <a:r>
                <a:rPr lang="en-US" sz="2222" dirty="0">
                  <a:cs typeface="Calibri" panose="020F0502020204030204" pitchFamily="34" charset="0"/>
                </a:rPr>
                <a:t>Note</a:t>
              </a:r>
            </a:p>
            <a:p>
              <a:pPr marL="761992" indent="-761992">
                <a:buFont typeface="+mj-lt"/>
                <a:buAutoNum type="arabicPeriod" startAt="26"/>
              </a:pPr>
              <a:r>
                <a:rPr lang="en-US" sz="2222" dirty="0">
                  <a:cs typeface="Calibri" panose="020F0502020204030204" pitchFamily="34" charset="0"/>
                </a:rPr>
                <a:t>Continued Authorization</a:t>
              </a:r>
            </a:p>
            <a:p>
              <a:pPr marL="761992" indent="-761992">
                <a:buFont typeface="+mj-lt"/>
                <a:buAutoNum type="arabicPeriod" startAt="26"/>
              </a:pPr>
              <a:r>
                <a:rPr lang="en-US" sz="2222" dirty="0">
                  <a:cs typeface="Calibri" panose="020F0502020204030204" pitchFamily="34" charset="0"/>
                </a:rPr>
                <a:t>Peer to Peer</a:t>
              </a:r>
            </a:p>
            <a:p>
              <a:pPr marL="761992" indent="-761992">
                <a:buFont typeface="+mj-lt"/>
                <a:buAutoNum type="arabicPeriod" startAt="26"/>
              </a:pPr>
              <a:r>
                <a:rPr lang="en-US" sz="2222" dirty="0">
                  <a:cs typeface="Calibri" panose="020F0502020204030204" pitchFamily="34" charset="0"/>
                </a:rPr>
                <a:t>Bill</a:t>
              </a:r>
            </a:p>
            <a:p>
              <a:pPr marL="761992" indent="-761992">
                <a:buFont typeface="+mj-lt"/>
                <a:buAutoNum type="arabicPeriod" startAt="26"/>
              </a:pPr>
              <a:r>
                <a:rPr lang="en-US" sz="2222" dirty="0">
                  <a:cs typeface="Calibri" panose="020F0502020204030204" pitchFamily="34" charset="0"/>
                </a:rPr>
                <a:t>Note</a:t>
              </a:r>
            </a:p>
            <a:p>
              <a:pPr marL="761992" indent="-761992">
                <a:buFont typeface="+mj-lt"/>
                <a:buAutoNum type="arabicPeriod" startAt="26"/>
              </a:pPr>
              <a:r>
                <a:rPr lang="en-US" sz="2222" dirty="0">
                  <a:cs typeface="Calibri" panose="020F0502020204030204" pitchFamily="34" charset="0"/>
                </a:rPr>
                <a:t>Bill</a:t>
              </a:r>
            </a:p>
            <a:p>
              <a:pPr marL="761992" indent="-761992">
                <a:buFont typeface="+mj-lt"/>
                <a:buAutoNum type="arabicPeriod" startAt="26"/>
              </a:pPr>
              <a:r>
                <a:rPr lang="en-US" sz="2222" dirty="0">
                  <a:cs typeface="Calibri" panose="020F0502020204030204" pitchFamily="34" charset="0"/>
                </a:rPr>
                <a:t>Note</a:t>
              </a:r>
            </a:p>
            <a:p>
              <a:pPr marL="761992" indent="-761992">
                <a:buFont typeface="+mj-lt"/>
                <a:buAutoNum type="arabicPeriod" startAt="26"/>
              </a:pPr>
              <a:r>
                <a:rPr lang="en-US" sz="2222" dirty="0">
                  <a:cs typeface="Calibri" panose="020F0502020204030204" pitchFamily="34" charset="0"/>
                </a:rPr>
                <a:t>Bill</a:t>
              </a:r>
            </a:p>
            <a:p>
              <a:pPr marL="761992" indent="-761992">
                <a:buFont typeface="+mj-lt"/>
                <a:buAutoNum type="arabicPeriod" startAt="26"/>
              </a:pPr>
              <a:r>
                <a:rPr lang="en-US" sz="2222" dirty="0">
                  <a:cs typeface="Calibri" panose="020F0502020204030204" pitchFamily="34" charset="0"/>
                </a:rPr>
                <a:t>Note</a:t>
              </a:r>
            </a:p>
            <a:p>
              <a:pPr marL="761992" indent="-761992">
                <a:buFont typeface="+mj-lt"/>
                <a:buAutoNum type="arabicPeriod" startAt="26"/>
              </a:pPr>
              <a:r>
                <a:rPr lang="en-US" sz="2222" dirty="0">
                  <a:cs typeface="Calibri" panose="020F0502020204030204" pitchFamily="34" charset="0"/>
                </a:rPr>
                <a:t>Bill</a:t>
              </a:r>
            </a:p>
            <a:p>
              <a:pPr marL="761992" indent="-761992">
                <a:buFont typeface="+mj-lt"/>
                <a:buAutoNum type="arabicPeriod" startAt="26"/>
              </a:pPr>
              <a:r>
                <a:rPr lang="en-US" sz="2222" dirty="0">
                  <a:cs typeface="Calibri" panose="020F0502020204030204" pitchFamily="34" charset="0"/>
                </a:rPr>
                <a:t>Note</a:t>
              </a:r>
            </a:p>
          </p:txBody>
        </p:sp>
        <p:sp>
          <p:nvSpPr>
            <p:cNvPr id="118" name="TextBox 117">
              <a:extLst>
                <a:ext uri="{FF2B5EF4-FFF2-40B4-BE49-F238E27FC236}">
                  <a16:creationId xmlns:a16="http://schemas.microsoft.com/office/drawing/2014/main" id="{3307ED45-4AE7-45B7-139C-56CEEE356FCF}"/>
                </a:ext>
              </a:extLst>
            </p:cNvPr>
            <p:cNvSpPr txBox="1"/>
            <p:nvPr/>
          </p:nvSpPr>
          <p:spPr>
            <a:xfrm>
              <a:off x="6382654" y="4063297"/>
              <a:ext cx="1937607" cy="1607707"/>
            </a:xfrm>
            <a:prstGeom prst="rect">
              <a:avLst/>
            </a:prstGeom>
            <a:noFill/>
          </p:spPr>
          <p:txBody>
            <a:bodyPr wrap="square" rtlCol="0">
              <a:spAutoFit/>
            </a:bodyPr>
            <a:lstStyle/>
            <a:p>
              <a:pPr marL="761992" indent="-761992">
                <a:buFont typeface="+mj-lt"/>
                <a:buAutoNum type="arabicPeriod" startAt="39"/>
              </a:pPr>
              <a:r>
                <a:rPr lang="en-US" sz="2222" dirty="0">
                  <a:cs typeface="Calibri" panose="020F0502020204030204" pitchFamily="34" charset="0"/>
                </a:rPr>
                <a:t>Continued Authorization</a:t>
              </a:r>
            </a:p>
            <a:p>
              <a:pPr marL="761992" indent="-761992">
                <a:buFont typeface="+mj-lt"/>
                <a:buAutoNum type="arabicPeriod" startAt="39"/>
              </a:pPr>
              <a:r>
                <a:rPr lang="en-US" sz="2222" dirty="0">
                  <a:cs typeface="Calibri" panose="020F0502020204030204" pitchFamily="34" charset="0"/>
                </a:rPr>
                <a:t>Peer to Peer</a:t>
              </a:r>
            </a:p>
            <a:p>
              <a:pPr marL="761992" indent="-761992">
                <a:buFont typeface="+mj-lt"/>
                <a:buAutoNum type="arabicPeriod" startAt="39"/>
              </a:pPr>
              <a:r>
                <a:rPr lang="en-US" sz="2222" dirty="0">
                  <a:cs typeface="Calibri" panose="020F0502020204030204" pitchFamily="34" charset="0"/>
                </a:rPr>
                <a:t>Bill</a:t>
              </a:r>
            </a:p>
            <a:p>
              <a:pPr marL="761992" indent="-761992">
                <a:buFont typeface="+mj-lt"/>
                <a:buAutoNum type="arabicPeriod" startAt="39"/>
              </a:pPr>
              <a:r>
                <a:rPr lang="en-US" sz="2222" dirty="0">
                  <a:cs typeface="Calibri" panose="020F0502020204030204" pitchFamily="34" charset="0"/>
                </a:rPr>
                <a:t>Note</a:t>
              </a:r>
            </a:p>
            <a:p>
              <a:pPr marL="761992" indent="-761992">
                <a:buFont typeface="+mj-lt"/>
                <a:buAutoNum type="arabicPeriod" startAt="39"/>
              </a:pPr>
              <a:r>
                <a:rPr lang="en-US" sz="2222" dirty="0">
                  <a:cs typeface="Calibri" panose="020F0502020204030204" pitchFamily="34" charset="0"/>
                </a:rPr>
                <a:t>Bill</a:t>
              </a:r>
            </a:p>
            <a:p>
              <a:pPr marL="761992" indent="-761992">
                <a:buFont typeface="+mj-lt"/>
                <a:buAutoNum type="arabicPeriod" startAt="39"/>
              </a:pPr>
              <a:r>
                <a:rPr lang="en-US" sz="2222" dirty="0">
                  <a:cs typeface="Calibri" panose="020F0502020204030204" pitchFamily="34" charset="0"/>
                </a:rPr>
                <a:t>Note</a:t>
              </a:r>
            </a:p>
            <a:p>
              <a:pPr marL="761992" indent="-761992">
                <a:buFont typeface="+mj-lt"/>
                <a:buAutoNum type="arabicPeriod" startAt="39"/>
              </a:pPr>
              <a:r>
                <a:rPr lang="en-US" sz="2222" dirty="0">
                  <a:cs typeface="Calibri" panose="020F0502020204030204" pitchFamily="34" charset="0"/>
                </a:rPr>
                <a:t>Bill</a:t>
              </a:r>
            </a:p>
            <a:p>
              <a:pPr marL="761992" indent="-761992">
                <a:buFont typeface="+mj-lt"/>
                <a:buAutoNum type="arabicPeriod" startAt="39"/>
              </a:pPr>
              <a:r>
                <a:rPr lang="en-US" sz="2222" dirty="0">
                  <a:cs typeface="Calibri" panose="020F0502020204030204" pitchFamily="34" charset="0"/>
                </a:rPr>
                <a:t>Note</a:t>
              </a:r>
            </a:p>
            <a:p>
              <a:pPr marL="761992" indent="-761992">
                <a:buFont typeface="+mj-lt"/>
                <a:buAutoNum type="arabicPeriod" startAt="39"/>
              </a:pPr>
              <a:r>
                <a:rPr lang="en-US" sz="2222" dirty="0">
                  <a:cs typeface="Calibri" panose="020F0502020204030204" pitchFamily="34" charset="0"/>
                </a:rPr>
                <a:t>Discharge Summary</a:t>
              </a:r>
            </a:p>
          </p:txBody>
        </p:sp>
      </p:grpSp>
    </p:spTree>
    <p:extLst>
      <p:ext uri="{BB962C8B-B14F-4D97-AF65-F5344CB8AC3E}">
        <p14:creationId xmlns:p14="http://schemas.microsoft.com/office/powerpoint/2010/main" val="3596293180"/>
      </p:ext>
    </p:extLst>
  </p:cSld>
  <p:clrMapOvr>
    <a:masterClrMapping/>
  </p:clrMapOvr>
  <p:transition spd="slow">
    <p:push dir="u"/>
  </p:transition>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p:cNvSpPr/>
          <p:nvPr/>
        </p:nvSpPr>
        <p:spPr>
          <a:xfrm>
            <a:off x="1" y="10765044"/>
            <a:ext cx="19096074" cy="6649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Rectangle 1">
            <a:extLst>
              <a:ext uri="{FF2B5EF4-FFF2-40B4-BE49-F238E27FC236}">
                <a16:creationId xmlns:a16="http://schemas.microsoft.com/office/drawing/2014/main" id="{C6506D95-8C30-D7A2-A39E-D42A0261817A}"/>
              </a:ext>
            </a:extLst>
          </p:cNvPr>
          <p:cNvSpPr/>
          <p:nvPr/>
        </p:nvSpPr>
        <p:spPr>
          <a:xfrm>
            <a:off x="0" y="10765044"/>
            <a:ext cx="18523617" cy="6649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 name="Rectangle 4">
            <a:extLst>
              <a:ext uri="{FF2B5EF4-FFF2-40B4-BE49-F238E27FC236}">
                <a16:creationId xmlns:a16="http://schemas.microsoft.com/office/drawing/2014/main" id="{92C5C3F1-63C1-16B5-BCD5-052EEA625BE0}"/>
              </a:ext>
            </a:extLst>
          </p:cNvPr>
          <p:cNvSpPr/>
          <p:nvPr/>
        </p:nvSpPr>
        <p:spPr>
          <a:xfrm>
            <a:off x="-1" y="8725"/>
            <a:ext cx="19000381" cy="6649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 name="Rectangle 5">
            <a:extLst>
              <a:ext uri="{FF2B5EF4-FFF2-40B4-BE49-F238E27FC236}">
                <a16:creationId xmlns:a16="http://schemas.microsoft.com/office/drawing/2014/main" id="{50F40E48-282F-0F92-E28A-F897B473675E}"/>
              </a:ext>
            </a:extLst>
          </p:cNvPr>
          <p:cNvSpPr/>
          <p:nvPr/>
        </p:nvSpPr>
        <p:spPr>
          <a:xfrm rot="16200000">
            <a:off x="13149820" y="5382522"/>
            <a:ext cx="11412550" cy="6649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 name="Title 6">
            <a:extLst>
              <a:ext uri="{FF2B5EF4-FFF2-40B4-BE49-F238E27FC236}">
                <a16:creationId xmlns:a16="http://schemas.microsoft.com/office/drawing/2014/main" id="{B3DEC9B6-6FC3-59F0-EFC0-A1CAB484F406}"/>
              </a:ext>
            </a:extLst>
          </p:cNvPr>
          <p:cNvSpPr txBox="1">
            <a:spLocks/>
          </p:cNvSpPr>
          <p:nvPr/>
        </p:nvSpPr>
        <p:spPr>
          <a:xfrm>
            <a:off x="1131427" y="840259"/>
            <a:ext cx="12292017" cy="383060"/>
          </a:xfrm>
          <a:prstGeom prst="rect">
            <a:avLst/>
          </a:prstGeom>
        </p:spPr>
        <p:txBody>
          <a:bodyPr anchor="ctr" anchorCtr="0"/>
          <a:lstStyle>
            <a:lvl1pPr algn="ctr" defTabSz="914400" rtl="0" eaLnBrk="1" latinLnBrk="0" hangingPunct="1">
              <a:lnSpc>
                <a:spcPct val="90000"/>
              </a:lnSpc>
              <a:spcBef>
                <a:spcPct val="0"/>
              </a:spcBef>
              <a:buNone/>
              <a:defRPr sz="7200" b="1" kern="1200">
                <a:solidFill>
                  <a:schemeClr val="tx1"/>
                </a:solidFill>
                <a:latin typeface="+mn-lt"/>
                <a:ea typeface="+mj-ea"/>
                <a:cs typeface="+mj-cs"/>
              </a:defRPr>
            </a:lvl1pPr>
          </a:lstStyle>
          <a:p>
            <a:pPr algn="l" fontAlgn="auto">
              <a:spcAft>
                <a:spcPts val="0"/>
              </a:spcAft>
            </a:pPr>
            <a:r>
              <a:rPr lang="en-GB" sz="4400" b="0" dirty="0">
                <a:solidFill>
                  <a:schemeClr val="accent5"/>
                </a:solidFill>
                <a:latin typeface="Arial" panose="020B0604020202020204" pitchFamily="34" charset="0"/>
                <a:cs typeface="Arial" panose="020B0604020202020204" pitchFamily="34" charset="0"/>
              </a:rPr>
              <a:t>An Improved Experience</a:t>
            </a:r>
          </a:p>
        </p:txBody>
      </p:sp>
      <p:sp>
        <p:nvSpPr>
          <p:cNvPr id="15" name="Oval 14">
            <a:extLst>
              <a:ext uri="{FF2B5EF4-FFF2-40B4-BE49-F238E27FC236}">
                <a16:creationId xmlns:a16="http://schemas.microsoft.com/office/drawing/2014/main" id="{2C374A97-4FDD-4DA8-3F5D-ED135C7A141D}"/>
              </a:ext>
            </a:extLst>
          </p:cNvPr>
          <p:cNvSpPr/>
          <p:nvPr/>
        </p:nvSpPr>
        <p:spPr>
          <a:xfrm>
            <a:off x="674121" y="840259"/>
            <a:ext cx="383060" cy="38306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9" name="Google Shape;2800;p50">
            <a:extLst>
              <a:ext uri="{FF2B5EF4-FFF2-40B4-BE49-F238E27FC236}">
                <a16:creationId xmlns:a16="http://schemas.microsoft.com/office/drawing/2014/main" id="{B6DFFA2D-AA93-7A2A-C733-5F1F58AABEB5}"/>
              </a:ext>
            </a:extLst>
          </p:cNvPr>
          <p:cNvSpPr/>
          <p:nvPr/>
        </p:nvSpPr>
        <p:spPr>
          <a:xfrm>
            <a:off x="16356642" y="6965381"/>
            <a:ext cx="35982" cy="54820"/>
          </a:xfrm>
          <a:custGeom>
            <a:avLst/>
            <a:gdLst/>
            <a:ahLst/>
            <a:cxnLst/>
            <a:rect l="l" t="t" r="r" b="b"/>
            <a:pathLst>
              <a:path w="1125" h="1714" extrusionOk="0">
                <a:moveTo>
                  <a:pt x="581" y="1"/>
                </a:moveTo>
                <a:cubicBezTo>
                  <a:pt x="501" y="1"/>
                  <a:pt x="421" y="46"/>
                  <a:pt x="394" y="140"/>
                </a:cubicBezTo>
                <a:lnTo>
                  <a:pt x="79" y="1253"/>
                </a:lnTo>
                <a:lnTo>
                  <a:pt x="0" y="1714"/>
                </a:lnTo>
                <a:lnTo>
                  <a:pt x="1124" y="1714"/>
                </a:lnTo>
                <a:lnTo>
                  <a:pt x="1057" y="1253"/>
                </a:lnTo>
                <a:lnTo>
                  <a:pt x="776" y="140"/>
                </a:lnTo>
                <a:cubicBezTo>
                  <a:pt x="747" y="49"/>
                  <a:pt x="664" y="1"/>
                  <a:pt x="581" y="1"/>
                </a:cubicBezTo>
                <a:close/>
              </a:path>
            </a:pathLst>
          </a:custGeom>
          <a:solidFill>
            <a:srgbClr val="F3E0DA"/>
          </a:solidFill>
          <a:ln>
            <a:noFill/>
          </a:ln>
        </p:spPr>
        <p:txBody>
          <a:bodyPr spcFirstLastPara="1" wrap="square" lIns="203167" tIns="203167" rIns="203167" bIns="203167" anchor="ctr" anchorCtr="0">
            <a:noAutofit/>
          </a:bodyPr>
          <a:lstStyle/>
          <a:p>
            <a:pPr>
              <a:spcBef>
                <a:spcPts val="0"/>
              </a:spcBef>
              <a:spcAft>
                <a:spcPts val="0"/>
              </a:spcAft>
            </a:pPr>
            <a:endParaRPr sz="6000"/>
          </a:p>
        </p:txBody>
      </p:sp>
      <p:grpSp>
        <p:nvGrpSpPr>
          <p:cNvPr id="22" name="Group 21">
            <a:extLst>
              <a:ext uri="{FF2B5EF4-FFF2-40B4-BE49-F238E27FC236}">
                <a16:creationId xmlns:a16="http://schemas.microsoft.com/office/drawing/2014/main" id="{90807E55-0228-2C39-EDE1-61A4A35725DD}"/>
              </a:ext>
            </a:extLst>
          </p:cNvPr>
          <p:cNvGrpSpPr/>
          <p:nvPr/>
        </p:nvGrpSpPr>
        <p:grpSpPr>
          <a:xfrm>
            <a:off x="10450053" y="6176108"/>
            <a:ext cx="1668027" cy="1854078"/>
            <a:chOff x="474056" y="2661389"/>
            <a:chExt cx="750612" cy="834335"/>
          </a:xfrm>
        </p:grpSpPr>
        <p:sp>
          <p:nvSpPr>
            <p:cNvPr id="23" name="Graphic 167">
              <a:extLst>
                <a:ext uri="{FF2B5EF4-FFF2-40B4-BE49-F238E27FC236}">
                  <a16:creationId xmlns:a16="http://schemas.microsoft.com/office/drawing/2014/main" id="{5BB97C81-581F-EC5E-B19E-949C02288A3B}"/>
                </a:ext>
              </a:extLst>
            </p:cNvPr>
            <p:cNvSpPr/>
            <p:nvPr/>
          </p:nvSpPr>
          <p:spPr>
            <a:xfrm>
              <a:off x="474056" y="2661389"/>
              <a:ext cx="750612" cy="834335"/>
            </a:xfrm>
            <a:custGeom>
              <a:avLst/>
              <a:gdLst>
                <a:gd name="connsiteX0" fmla="*/ 2135496 w 2135495"/>
                <a:gd name="connsiteY0" fmla="*/ 1641949 h 2373688"/>
                <a:gd name="connsiteX1" fmla="*/ 2135496 w 2135495"/>
                <a:gd name="connsiteY1" fmla="*/ 731745 h 2373688"/>
                <a:gd name="connsiteX2" fmla="*/ 1996802 w 2135495"/>
                <a:gd name="connsiteY2" fmla="*/ 492164 h 2373688"/>
                <a:gd name="connsiteX3" fmla="*/ 1206437 w 2135495"/>
                <a:gd name="connsiteY3" fmla="*/ 37063 h 2373688"/>
                <a:gd name="connsiteX4" fmla="*/ 929057 w 2135495"/>
                <a:gd name="connsiteY4" fmla="*/ 37063 h 2373688"/>
                <a:gd name="connsiteX5" fmla="*/ 138692 w 2135495"/>
                <a:gd name="connsiteY5" fmla="*/ 492164 h 2373688"/>
                <a:gd name="connsiteX6" fmla="*/ 0 w 2135495"/>
                <a:gd name="connsiteY6" fmla="*/ 731745 h 2373688"/>
                <a:gd name="connsiteX7" fmla="*/ 0 w 2135495"/>
                <a:gd name="connsiteY7" fmla="*/ 1641949 h 2373688"/>
                <a:gd name="connsiteX8" fmla="*/ 138692 w 2135495"/>
                <a:gd name="connsiteY8" fmla="*/ 1881529 h 2373688"/>
                <a:gd name="connsiteX9" fmla="*/ 929057 w 2135495"/>
                <a:gd name="connsiteY9" fmla="*/ 2336626 h 2373688"/>
                <a:gd name="connsiteX10" fmla="*/ 1206437 w 2135495"/>
                <a:gd name="connsiteY10" fmla="*/ 2336626 h 2373688"/>
                <a:gd name="connsiteX11" fmla="*/ 1996802 w 2135495"/>
                <a:gd name="connsiteY11" fmla="*/ 1881529 h 2373688"/>
                <a:gd name="connsiteX12" fmla="*/ 2135496 w 2135495"/>
                <a:gd name="connsiteY12" fmla="*/ 1641949 h 2373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135495" h="2373688">
                  <a:moveTo>
                    <a:pt x="2135496" y="1641949"/>
                  </a:moveTo>
                  <a:lnTo>
                    <a:pt x="2135496" y="731745"/>
                  </a:lnTo>
                  <a:cubicBezTo>
                    <a:pt x="2135496" y="632909"/>
                    <a:pt x="2082632" y="541582"/>
                    <a:pt x="1996802" y="492164"/>
                  </a:cubicBezTo>
                  <a:lnTo>
                    <a:pt x="1206437" y="37063"/>
                  </a:lnTo>
                  <a:cubicBezTo>
                    <a:pt x="1120616" y="-12354"/>
                    <a:pt x="1014879" y="-12354"/>
                    <a:pt x="929057" y="37063"/>
                  </a:cubicBezTo>
                  <a:lnTo>
                    <a:pt x="138692" y="492164"/>
                  </a:lnTo>
                  <a:cubicBezTo>
                    <a:pt x="52869" y="541582"/>
                    <a:pt x="0" y="632909"/>
                    <a:pt x="0" y="731745"/>
                  </a:cubicBezTo>
                  <a:lnTo>
                    <a:pt x="0" y="1641949"/>
                  </a:lnTo>
                  <a:cubicBezTo>
                    <a:pt x="0" y="1740783"/>
                    <a:pt x="52869" y="1832112"/>
                    <a:pt x="138692" y="1881529"/>
                  </a:cubicBezTo>
                  <a:lnTo>
                    <a:pt x="929057" y="2336626"/>
                  </a:lnTo>
                  <a:cubicBezTo>
                    <a:pt x="1014879" y="2386043"/>
                    <a:pt x="1120616" y="2386043"/>
                    <a:pt x="1206437" y="2336626"/>
                  </a:cubicBezTo>
                  <a:lnTo>
                    <a:pt x="1996802" y="1881529"/>
                  </a:lnTo>
                  <a:cubicBezTo>
                    <a:pt x="2082632" y="1832112"/>
                    <a:pt x="2135496" y="1740783"/>
                    <a:pt x="2135496" y="1641949"/>
                  </a:cubicBezTo>
                  <a:close/>
                </a:path>
              </a:pathLst>
            </a:custGeom>
            <a:noFill/>
            <a:ln w="31750" cap="flat">
              <a:solidFill>
                <a:srgbClr val="E7E6E6"/>
              </a:solid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sp>
          <p:nvSpPr>
            <p:cNvPr id="24" name="Graphic 167">
              <a:extLst>
                <a:ext uri="{FF2B5EF4-FFF2-40B4-BE49-F238E27FC236}">
                  <a16:creationId xmlns:a16="http://schemas.microsoft.com/office/drawing/2014/main" id="{C3F31513-9750-5840-2908-9302992EB5D1}"/>
                </a:ext>
              </a:extLst>
            </p:cNvPr>
            <p:cNvSpPr/>
            <p:nvPr/>
          </p:nvSpPr>
          <p:spPr>
            <a:xfrm>
              <a:off x="519094" y="2711451"/>
              <a:ext cx="660536" cy="734212"/>
            </a:xfrm>
            <a:custGeom>
              <a:avLst/>
              <a:gdLst>
                <a:gd name="connsiteX0" fmla="*/ 2135496 w 2135495"/>
                <a:gd name="connsiteY0" fmla="*/ 1641949 h 2373688"/>
                <a:gd name="connsiteX1" fmla="*/ 2135496 w 2135495"/>
                <a:gd name="connsiteY1" fmla="*/ 731745 h 2373688"/>
                <a:gd name="connsiteX2" fmla="*/ 1996802 w 2135495"/>
                <a:gd name="connsiteY2" fmla="*/ 492164 h 2373688"/>
                <a:gd name="connsiteX3" fmla="*/ 1206437 w 2135495"/>
                <a:gd name="connsiteY3" fmla="*/ 37063 h 2373688"/>
                <a:gd name="connsiteX4" fmla="*/ 929057 w 2135495"/>
                <a:gd name="connsiteY4" fmla="*/ 37063 h 2373688"/>
                <a:gd name="connsiteX5" fmla="*/ 138692 w 2135495"/>
                <a:gd name="connsiteY5" fmla="*/ 492164 h 2373688"/>
                <a:gd name="connsiteX6" fmla="*/ 0 w 2135495"/>
                <a:gd name="connsiteY6" fmla="*/ 731745 h 2373688"/>
                <a:gd name="connsiteX7" fmla="*/ 0 w 2135495"/>
                <a:gd name="connsiteY7" fmla="*/ 1641949 h 2373688"/>
                <a:gd name="connsiteX8" fmla="*/ 138692 w 2135495"/>
                <a:gd name="connsiteY8" fmla="*/ 1881529 h 2373688"/>
                <a:gd name="connsiteX9" fmla="*/ 929057 w 2135495"/>
                <a:gd name="connsiteY9" fmla="*/ 2336626 h 2373688"/>
                <a:gd name="connsiteX10" fmla="*/ 1206437 w 2135495"/>
                <a:gd name="connsiteY10" fmla="*/ 2336626 h 2373688"/>
                <a:gd name="connsiteX11" fmla="*/ 1996802 w 2135495"/>
                <a:gd name="connsiteY11" fmla="*/ 1881529 h 2373688"/>
                <a:gd name="connsiteX12" fmla="*/ 2135496 w 2135495"/>
                <a:gd name="connsiteY12" fmla="*/ 1641949 h 2373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135495" h="2373688">
                  <a:moveTo>
                    <a:pt x="2135496" y="1641949"/>
                  </a:moveTo>
                  <a:lnTo>
                    <a:pt x="2135496" y="731745"/>
                  </a:lnTo>
                  <a:cubicBezTo>
                    <a:pt x="2135496" y="632909"/>
                    <a:pt x="2082632" y="541582"/>
                    <a:pt x="1996802" y="492164"/>
                  </a:cubicBezTo>
                  <a:lnTo>
                    <a:pt x="1206437" y="37063"/>
                  </a:lnTo>
                  <a:cubicBezTo>
                    <a:pt x="1120616" y="-12354"/>
                    <a:pt x="1014879" y="-12354"/>
                    <a:pt x="929057" y="37063"/>
                  </a:cubicBezTo>
                  <a:lnTo>
                    <a:pt x="138692" y="492164"/>
                  </a:lnTo>
                  <a:cubicBezTo>
                    <a:pt x="52869" y="541582"/>
                    <a:pt x="0" y="632909"/>
                    <a:pt x="0" y="731745"/>
                  </a:cubicBezTo>
                  <a:lnTo>
                    <a:pt x="0" y="1641949"/>
                  </a:lnTo>
                  <a:cubicBezTo>
                    <a:pt x="0" y="1740783"/>
                    <a:pt x="52869" y="1832112"/>
                    <a:pt x="138692" y="1881529"/>
                  </a:cubicBezTo>
                  <a:lnTo>
                    <a:pt x="929057" y="2336626"/>
                  </a:lnTo>
                  <a:cubicBezTo>
                    <a:pt x="1014879" y="2386043"/>
                    <a:pt x="1120616" y="2386043"/>
                    <a:pt x="1206437" y="2336626"/>
                  </a:cubicBezTo>
                  <a:lnTo>
                    <a:pt x="1996802" y="1881529"/>
                  </a:lnTo>
                  <a:cubicBezTo>
                    <a:pt x="2082632" y="1832112"/>
                    <a:pt x="2135496" y="1740783"/>
                    <a:pt x="2135496" y="1641949"/>
                  </a:cubicBezTo>
                  <a:close/>
                </a:path>
              </a:pathLst>
            </a:custGeom>
            <a:solidFill>
              <a:srgbClr val="74B9B9"/>
            </a:solidFill>
            <a:ln w="31750" cap="flat">
              <a:noFill/>
              <a:prstDash val="solid"/>
              <a:miter/>
            </a:ln>
          </p:spPr>
          <p:txBody>
            <a:bodyPr rtlCol="0" anchor="ctr"/>
            <a:lstStyle/>
            <a:p>
              <a:pPr defTabSz="2031980" eaLnBrk="1" fontAlgn="auto" hangingPunct="1">
                <a:spcBef>
                  <a:spcPts val="0"/>
                </a:spcBef>
                <a:spcAft>
                  <a:spcPts val="0"/>
                </a:spcAft>
                <a:defRPr/>
              </a:pPr>
              <a:endParaRPr lang="en-US" sz="4000" dirty="0">
                <a:solidFill>
                  <a:prstClr val="black"/>
                </a:solidFill>
                <a:latin typeface="Calibri" panose="020F0502020204030204"/>
              </a:endParaRPr>
            </a:p>
          </p:txBody>
        </p:sp>
      </p:grpSp>
      <p:grpSp>
        <p:nvGrpSpPr>
          <p:cNvPr id="25" name="Group 24">
            <a:extLst>
              <a:ext uri="{FF2B5EF4-FFF2-40B4-BE49-F238E27FC236}">
                <a16:creationId xmlns:a16="http://schemas.microsoft.com/office/drawing/2014/main" id="{F366D09A-7113-9A13-D983-531E816D5A49}"/>
              </a:ext>
            </a:extLst>
          </p:cNvPr>
          <p:cNvGrpSpPr/>
          <p:nvPr/>
        </p:nvGrpSpPr>
        <p:grpSpPr>
          <a:xfrm>
            <a:off x="10450053" y="2634219"/>
            <a:ext cx="1668027" cy="1854078"/>
            <a:chOff x="474056" y="2661389"/>
            <a:chExt cx="750612" cy="834335"/>
          </a:xfrm>
        </p:grpSpPr>
        <p:sp>
          <p:nvSpPr>
            <p:cNvPr id="26" name="Graphic 167">
              <a:extLst>
                <a:ext uri="{FF2B5EF4-FFF2-40B4-BE49-F238E27FC236}">
                  <a16:creationId xmlns:a16="http://schemas.microsoft.com/office/drawing/2014/main" id="{51005245-6E6A-D35E-8B5B-BF6650A2EB9E}"/>
                </a:ext>
              </a:extLst>
            </p:cNvPr>
            <p:cNvSpPr/>
            <p:nvPr/>
          </p:nvSpPr>
          <p:spPr>
            <a:xfrm>
              <a:off x="474056" y="2661389"/>
              <a:ext cx="750612" cy="834335"/>
            </a:xfrm>
            <a:custGeom>
              <a:avLst/>
              <a:gdLst>
                <a:gd name="connsiteX0" fmla="*/ 2135496 w 2135495"/>
                <a:gd name="connsiteY0" fmla="*/ 1641949 h 2373688"/>
                <a:gd name="connsiteX1" fmla="*/ 2135496 w 2135495"/>
                <a:gd name="connsiteY1" fmla="*/ 731745 h 2373688"/>
                <a:gd name="connsiteX2" fmla="*/ 1996802 w 2135495"/>
                <a:gd name="connsiteY2" fmla="*/ 492164 h 2373688"/>
                <a:gd name="connsiteX3" fmla="*/ 1206437 w 2135495"/>
                <a:gd name="connsiteY3" fmla="*/ 37063 h 2373688"/>
                <a:gd name="connsiteX4" fmla="*/ 929057 w 2135495"/>
                <a:gd name="connsiteY4" fmla="*/ 37063 h 2373688"/>
                <a:gd name="connsiteX5" fmla="*/ 138692 w 2135495"/>
                <a:gd name="connsiteY5" fmla="*/ 492164 h 2373688"/>
                <a:gd name="connsiteX6" fmla="*/ 0 w 2135495"/>
                <a:gd name="connsiteY6" fmla="*/ 731745 h 2373688"/>
                <a:gd name="connsiteX7" fmla="*/ 0 w 2135495"/>
                <a:gd name="connsiteY7" fmla="*/ 1641949 h 2373688"/>
                <a:gd name="connsiteX8" fmla="*/ 138692 w 2135495"/>
                <a:gd name="connsiteY8" fmla="*/ 1881529 h 2373688"/>
                <a:gd name="connsiteX9" fmla="*/ 929057 w 2135495"/>
                <a:gd name="connsiteY9" fmla="*/ 2336626 h 2373688"/>
                <a:gd name="connsiteX10" fmla="*/ 1206437 w 2135495"/>
                <a:gd name="connsiteY10" fmla="*/ 2336626 h 2373688"/>
                <a:gd name="connsiteX11" fmla="*/ 1996802 w 2135495"/>
                <a:gd name="connsiteY11" fmla="*/ 1881529 h 2373688"/>
                <a:gd name="connsiteX12" fmla="*/ 2135496 w 2135495"/>
                <a:gd name="connsiteY12" fmla="*/ 1641949 h 2373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135495" h="2373688">
                  <a:moveTo>
                    <a:pt x="2135496" y="1641949"/>
                  </a:moveTo>
                  <a:lnTo>
                    <a:pt x="2135496" y="731745"/>
                  </a:lnTo>
                  <a:cubicBezTo>
                    <a:pt x="2135496" y="632909"/>
                    <a:pt x="2082632" y="541582"/>
                    <a:pt x="1996802" y="492164"/>
                  </a:cubicBezTo>
                  <a:lnTo>
                    <a:pt x="1206437" y="37063"/>
                  </a:lnTo>
                  <a:cubicBezTo>
                    <a:pt x="1120616" y="-12354"/>
                    <a:pt x="1014879" y="-12354"/>
                    <a:pt x="929057" y="37063"/>
                  </a:cubicBezTo>
                  <a:lnTo>
                    <a:pt x="138692" y="492164"/>
                  </a:lnTo>
                  <a:cubicBezTo>
                    <a:pt x="52869" y="541582"/>
                    <a:pt x="0" y="632909"/>
                    <a:pt x="0" y="731745"/>
                  </a:cubicBezTo>
                  <a:lnTo>
                    <a:pt x="0" y="1641949"/>
                  </a:lnTo>
                  <a:cubicBezTo>
                    <a:pt x="0" y="1740783"/>
                    <a:pt x="52869" y="1832112"/>
                    <a:pt x="138692" y="1881529"/>
                  </a:cubicBezTo>
                  <a:lnTo>
                    <a:pt x="929057" y="2336626"/>
                  </a:lnTo>
                  <a:cubicBezTo>
                    <a:pt x="1014879" y="2386043"/>
                    <a:pt x="1120616" y="2386043"/>
                    <a:pt x="1206437" y="2336626"/>
                  </a:cubicBezTo>
                  <a:lnTo>
                    <a:pt x="1996802" y="1881529"/>
                  </a:lnTo>
                  <a:cubicBezTo>
                    <a:pt x="2082632" y="1832112"/>
                    <a:pt x="2135496" y="1740783"/>
                    <a:pt x="2135496" y="1641949"/>
                  </a:cubicBezTo>
                  <a:close/>
                </a:path>
              </a:pathLst>
            </a:custGeom>
            <a:noFill/>
            <a:ln w="31750" cap="flat">
              <a:solidFill>
                <a:srgbClr val="E7E6E6"/>
              </a:solid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sp>
          <p:nvSpPr>
            <p:cNvPr id="27" name="Graphic 167">
              <a:extLst>
                <a:ext uri="{FF2B5EF4-FFF2-40B4-BE49-F238E27FC236}">
                  <a16:creationId xmlns:a16="http://schemas.microsoft.com/office/drawing/2014/main" id="{A62BCC29-4FD1-9266-76E5-863B4648C125}"/>
                </a:ext>
              </a:extLst>
            </p:cNvPr>
            <p:cNvSpPr/>
            <p:nvPr/>
          </p:nvSpPr>
          <p:spPr>
            <a:xfrm>
              <a:off x="519094" y="2711451"/>
              <a:ext cx="660536" cy="734212"/>
            </a:xfrm>
            <a:custGeom>
              <a:avLst/>
              <a:gdLst>
                <a:gd name="connsiteX0" fmla="*/ 2135496 w 2135495"/>
                <a:gd name="connsiteY0" fmla="*/ 1641949 h 2373688"/>
                <a:gd name="connsiteX1" fmla="*/ 2135496 w 2135495"/>
                <a:gd name="connsiteY1" fmla="*/ 731745 h 2373688"/>
                <a:gd name="connsiteX2" fmla="*/ 1996802 w 2135495"/>
                <a:gd name="connsiteY2" fmla="*/ 492164 h 2373688"/>
                <a:gd name="connsiteX3" fmla="*/ 1206437 w 2135495"/>
                <a:gd name="connsiteY3" fmla="*/ 37063 h 2373688"/>
                <a:gd name="connsiteX4" fmla="*/ 929057 w 2135495"/>
                <a:gd name="connsiteY4" fmla="*/ 37063 h 2373688"/>
                <a:gd name="connsiteX5" fmla="*/ 138692 w 2135495"/>
                <a:gd name="connsiteY5" fmla="*/ 492164 h 2373688"/>
                <a:gd name="connsiteX6" fmla="*/ 0 w 2135495"/>
                <a:gd name="connsiteY6" fmla="*/ 731745 h 2373688"/>
                <a:gd name="connsiteX7" fmla="*/ 0 w 2135495"/>
                <a:gd name="connsiteY7" fmla="*/ 1641949 h 2373688"/>
                <a:gd name="connsiteX8" fmla="*/ 138692 w 2135495"/>
                <a:gd name="connsiteY8" fmla="*/ 1881529 h 2373688"/>
                <a:gd name="connsiteX9" fmla="*/ 929057 w 2135495"/>
                <a:gd name="connsiteY9" fmla="*/ 2336626 h 2373688"/>
                <a:gd name="connsiteX10" fmla="*/ 1206437 w 2135495"/>
                <a:gd name="connsiteY10" fmla="*/ 2336626 h 2373688"/>
                <a:gd name="connsiteX11" fmla="*/ 1996802 w 2135495"/>
                <a:gd name="connsiteY11" fmla="*/ 1881529 h 2373688"/>
                <a:gd name="connsiteX12" fmla="*/ 2135496 w 2135495"/>
                <a:gd name="connsiteY12" fmla="*/ 1641949 h 2373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135495" h="2373688">
                  <a:moveTo>
                    <a:pt x="2135496" y="1641949"/>
                  </a:moveTo>
                  <a:lnTo>
                    <a:pt x="2135496" y="731745"/>
                  </a:lnTo>
                  <a:cubicBezTo>
                    <a:pt x="2135496" y="632909"/>
                    <a:pt x="2082632" y="541582"/>
                    <a:pt x="1996802" y="492164"/>
                  </a:cubicBezTo>
                  <a:lnTo>
                    <a:pt x="1206437" y="37063"/>
                  </a:lnTo>
                  <a:cubicBezTo>
                    <a:pt x="1120616" y="-12354"/>
                    <a:pt x="1014879" y="-12354"/>
                    <a:pt x="929057" y="37063"/>
                  </a:cubicBezTo>
                  <a:lnTo>
                    <a:pt x="138692" y="492164"/>
                  </a:lnTo>
                  <a:cubicBezTo>
                    <a:pt x="52869" y="541582"/>
                    <a:pt x="0" y="632909"/>
                    <a:pt x="0" y="731745"/>
                  </a:cubicBezTo>
                  <a:lnTo>
                    <a:pt x="0" y="1641949"/>
                  </a:lnTo>
                  <a:cubicBezTo>
                    <a:pt x="0" y="1740783"/>
                    <a:pt x="52869" y="1832112"/>
                    <a:pt x="138692" y="1881529"/>
                  </a:cubicBezTo>
                  <a:lnTo>
                    <a:pt x="929057" y="2336626"/>
                  </a:lnTo>
                  <a:cubicBezTo>
                    <a:pt x="1014879" y="2386043"/>
                    <a:pt x="1120616" y="2386043"/>
                    <a:pt x="1206437" y="2336626"/>
                  </a:cubicBezTo>
                  <a:lnTo>
                    <a:pt x="1996802" y="1881529"/>
                  </a:lnTo>
                  <a:cubicBezTo>
                    <a:pt x="2082632" y="1832112"/>
                    <a:pt x="2135496" y="1740783"/>
                    <a:pt x="2135496" y="1641949"/>
                  </a:cubicBezTo>
                  <a:close/>
                </a:path>
              </a:pathLst>
            </a:custGeom>
            <a:solidFill>
              <a:srgbClr val="114B5F"/>
            </a:solidFill>
            <a:ln w="31750" cap="flat">
              <a:no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grpSp>
      <p:grpSp>
        <p:nvGrpSpPr>
          <p:cNvPr id="28" name="Group 27">
            <a:extLst>
              <a:ext uri="{FF2B5EF4-FFF2-40B4-BE49-F238E27FC236}">
                <a16:creationId xmlns:a16="http://schemas.microsoft.com/office/drawing/2014/main" id="{C9C2555B-8C8F-A264-44C2-1A6BE593AFDF}"/>
              </a:ext>
            </a:extLst>
          </p:cNvPr>
          <p:cNvGrpSpPr/>
          <p:nvPr/>
        </p:nvGrpSpPr>
        <p:grpSpPr>
          <a:xfrm>
            <a:off x="441698" y="6176108"/>
            <a:ext cx="1668027" cy="1854078"/>
            <a:chOff x="474056" y="2661389"/>
            <a:chExt cx="750612" cy="834335"/>
          </a:xfrm>
        </p:grpSpPr>
        <p:sp>
          <p:nvSpPr>
            <p:cNvPr id="29" name="Graphic 167">
              <a:extLst>
                <a:ext uri="{FF2B5EF4-FFF2-40B4-BE49-F238E27FC236}">
                  <a16:creationId xmlns:a16="http://schemas.microsoft.com/office/drawing/2014/main" id="{ADCBE213-106D-44D1-1CFD-97D1CA4D1676}"/>
                </a:ext>
              </a:extLst>
            </p:cNvPr>
            <p:cNvSpPr/>
            <p:nvPr/>
          </p:nvSpPr>
          <p:spPr>
            <a:xfrm>
              <a:off x="474056" y="2661389"/>
              <a:ext cx="750612" cy="834335"/>
            </a:xfrm>
            <a:custGeom>
              <a:avLst/>
              <a:gdLst>
                <a:gd name="connsiteX0" fmla="*/ 2135496 w 2135495"/>
                <a:gd name="connsiteY0" fmla="*/ 1641949 h 2373688"/>
                <a:gd name="connsiteX1" fmla="*/ 2135496 w 2135495"/>
                <a:gd name="connsiteY1" fmla="*/ 731745 h 2373688"/>
                <a:gd name="connsiteX2" fmla="*/ 1996802 w 2135495"/>
                <a:gd name="connsiteY2" fmla="*/ 492164 h 2373688"/>
                <a:gd name="connsiteX3" fmla="*/ 1206437 w 2135495"/>
                <a:gd name="connsiteY3" fmla="*/ 37063 h 2373688"/>
                <a:gd name="connsiteX4" fmla="*/ 929057 w 2135495"/>
                <a:gd name="connsiteY4" fmla="*/ 37063 h 2373688"/>
                <a:gd name="connsiteX5" fmla="*/ 138692 w 2135495"/>
                <a:gd name="connsiteY5" fmla="*/ 492164 h 2373688"/>
                <a:gd name="connsiteX6" fmla="*/ 0 w 2135495"/>
                <a:gd name="connsiteY6" fmla="*/ 731745 h 2373688"/>
                <a:gd name="connsiteX7" fmla="*/ 0 w 2135495"/>
                <a:gd name="connsiteY7" fmla="*/ 1641949 h 2373688"/>
                <a:gd name="connsiteX8" fmla="*/ 138692 w 2135495"/>
                <a:gd name="connsiteY8" fmla="*/ 1881529 h 2373688"/>
                <a:gd name="connsiteX9" fmla="*/ 929057 w 2135495"/>
                <a:gd name="connsiteY9" fmla="*/ 2336626 h 2373688"/>
                <a:gd name="connsiteX10" fmla="*/ 1206437 w 2135495"/>
                <a:gd name="connsiteY10" fmla="*/ 2336626 h 2373688"/>
                <a:gd name="connsiteX11" fmla="*/ 1996802 w 2135495"/>
                <a:gd name="connsiteY11" fmla="*/ 1881529 h 2373688"/>
                <a:gd name="connsiteX12" fmla="*/ 2135496 w 2135495"/>
                <a:gd name="connsiteY12" fmla="*/ 1641949 h 2373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135495" h="2373688">
                  <a:moveTo>
                    <a:pt x="2135496" y="1641949"/>
                  </a:moveTo>
                  <a:lnTo>
                    <a:pt x="2135496" y="731745"/>
                  </a:lnTo>
                  <a:cubicBezTo>
                    <a:pt x="2135496" y="632909"/>
                    <a:pt x="2082632" y="541582"/>
                    <a:pt x="1996802" y="492164"/>
                  </a:cubicBezTo>
                  <a:lnTo>
                    <a:pt x="1206437" y="37063"/>
                  </a:lnTo>
                  <a:cubicBezTo>
                    <a:pt x="1120616" y="-12354"/>
                    <a:pt x="1014879" y="-12354"/>
                    <a:pt x="929057" y="37063"/>
                  </a:cubicBezTo>
                  <a:lnTo>
                    <a:pt x="138692" y="492164"/>
                  </a:lnTo>
                  <a:cubicBezTo>
                    <a:pt x="52869" y="541582"/>
                    <a:pt x="0" y="632909"/>
                    <a:pt x="0" y="731745"/>
                  </a:cubicBezTo>
                  <a:lnTo>
                    <a:pt x="0" y="1641949"/>
                  </a:lnTo>
                  <a:cubicBezTo>
                    <a:pt x="0" y="1740783"/>
                    <a:pt x="52869" y="1832112"/>
                    <a:pt x="138692" y="1881529"/>
                  </a:cubicBezTo>
                  <a:lnTo>
                    <a:pt x="929057" y="2336626"/>
                  </a:lnTo>
                  <a:cubicBezTo>
                    <a:pt x="1014879" y="2386043"/>
                    <a:pt x="1120616" y="2386043"/>
                    <a:pt x="1206437" y="2336626"/>
                  </a:cubicBezTo>
                  <a:lnTo>
                    <a:pt x="1996802" y="1881529"/>
                  </a:lnTo>
                  <a:cubicBezTo>
                    <a:pt x="2082632" y="1832112"/>
                    <a:pt x="2135496" y="1740783"/>
                    <a:pt x="2135496" y="1641949"/>
                  </a:cubicBezTo>
                  <a:close/>
                </a:path>
              </a:pathLst>
            </a:custGeom>
            <a:noFill/>
            <a:ln w="31750" cap="flat">
              <a:solidFill>
                <a:srgbClr val="E7E6E6"/>
              </a:solid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sp>
          <p:nvSpPr>
            <p:cNvPr id="30" name="Graphic 167">
              <a:extLst>
                <a:ext uri="{FF2B5EF4-FFF2-40B4-BE49-F238E27FC236}">
                  <a16:creationId xmlns:a16="http://schemas.microsoft.com/office/drawing/2014/main" id="{8B18BAA4-00E9-4F4A-59E4-7ADE7FCACC14}"/>
                </a:ext>
              </a:extLst>
            </p:cNvPr>
            <p:cNvSpPr/>
            <p:nvPr/>
          </p:nvSpPr>
          <p:spPr>
            <a:xfrm>
              <a:off x="519094" y="2711451"/>
              <a:ext cx="660536" cy="734212"/>
            </a:xfrm>
            <a:custGeom>
              <a:avLst/>
              <a:gdLst>
                <a:gd name="connsiteX0" fmla="*/ 2135496 w 2135495"/>
                <a:gd name="connsiteY0" fmla="*/ 1641949 h 2373688"/>
                <a:gd name="connsiteX1" fmla="*/ 2135496 w 2135495"/>
                <a:gd name="connsiteY1" fmla="*/ 731745 h 2373688"/>
                <a:gd name="connsiteX2" fmla="*/ 1996802 w 2135495"/>
                <a:gd name="connsiteY2" fmla="*/ 492164 h 2373688"/>
                <a:gd name="connsiteX3" fmla="*/ 1206437 w 2135495"/>
                <a:gd name="connsiteY3" fmla="*/ 37063 h 2373688"/>
                <a:gd name="connsiteX4" fmla="*/ 929057 w 2135495"/>
                <a:gd name="connsiteY4" fmla="*/ 37063 h 2373688"/>
                <a:gd name="connsiteX5" fmla="*/ 138692 w 2135495"/>
                <a:gd name="connsiteY5" fmla="*/ 492164 h 2373688"/>
                <a:gd name="connsiteX6" fmla="*/ 0 w 2135495"/>
                <a:gd name="connsiteY6" fmla="*/ 731745 h 2373688"/>
                <a:gd name="connsiteX7" fmla="*/ 0 w 2135495"/>
                <a:gd name="connsiteY7" fmla="*/ 1641949 h 2373688"/>
                <a:gd name="connsiteX8" fmla="*/ 138692 w 2135495"/>
                <a:gd name="connsiteY8" fmla="*/ 1881529 h 2373688"/>
                <a:gd name="connsiteX9" fmla="*/ 929057 w 2135495"/>
                <a:gd name="connsiteY9" fmla="*/ 2336626 h 2373688"/>
                <a:gd name="connsiteX10" fmla="*/ 1206437 w 2135495"/>
                <a:gd name="connsiteY10" fmla="*/ 2336626 h 2373688"/>
                <a:gd name="connsiteX11" fmla="*/ 1996802 w 2135495"/>
                <a:gd name="connsiteY11" fmla="*/ 1881529 h 2373688"/>
                <a:gd name="connsiteX12" fmla="*/ 2135496 w 2135495"/>
                <a:gd name="connsiteY12" fmla="*/ 1641949 h 2373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135495" h="2373688">
                  <a:moveTo>
                    <a:pt x="2135496" y="1641949"/>
                  </a:moveTo>
                  <a:lnTo>
                    <a:pt x="2135496" y="731745"/>
                  </a:lnTo>
                  <a:cubicBezTo>
                    <a:pt x="2135496" y="632909"/>
                    <a:pt x="2082632" y="541582"/>
                    <a:pt x="1996802" y="492164"/>
                  </a:cubicBezTo>
                  <a:lnTo>
                    <a:pt x="1206437" y="37063"/>
                  </a:lnTo>
                  <a:cubicBezTo>
                    <a:pt x="1120616" y="-12354"/>
                    <a:pt x="1014879" y="-12354"/>
                    <a:pt x="929057" y="37063"/>
                  </a:cubicBezTo>
                  <a:lnTo>
                    <a:pt x="138692" y="492164"/>
                  </a:lnTo>
                  <a:cubicBezTo>
                    <a:pt x="52869" y="541582"/>
                    <a:pt x="0" y="632909"/>
                    <a:pt x="0" y="731745"/>
                  </a:cubicBezTo>
                  <a:lnTo>
                    <a:pt x="0" y="1641949"/>
                  </a:lnTo>
                  <a:cubicBezTo>
                    <a:pt x="0" y="1740783"/>
                    <a:pt x="52869" y="1832112"/>
                    <a:pt x="138692" y="1881529"/>
                  </a:cubicBezTo>
                  <a:lnTo>
                    <a:pt x="929057" y="2336626"/>
                  </a:lnTo>
                  <a:cubicBezTo>
                    <a:pt x="1014879" y="2386043"/>
                    <a:pt x="1120616" y="2386043"/>
                    <a:pt x="1206437" y="2336626"/>
                  </a:cubicBezTo>
                  <a:lnTo>
                    <a:pt x="1996802" y="1881529"/>
                  </a:lnTo>
                  <a:cubicBezTo>
                    <a:pt x="2082632" y="1832112"/>
                    <a:pt x="2135496" y="1740783"/>
                    <a:pt x="2135496" y="1641949"/>
                  </a:cubicBezTo>
                  <a:close/>
                </a:path>
              </a:pathLst>
            </a:custGeom>
            <a:solidFill>
              <a:srgbClr val="5FC7C7"/>
            </a:solidFill>
            <a:ln w="31750" cap="flat">
              <a:no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grpSp>
      <p:grpSp>
        <p:nvGrpSpPr>
          <p:cNvPr id="31" name="Group 30">
            <a:extLst>
              <a:ext uri="{FF2B5EF4-FFF2-40B4-BE49-F238E27FC236}">
                <a16:creationId xmlns:a16="http://schemas.microsoft.com/office/drawing/2014/main" id="{4B63987C-6127-A21C-D1BD-1D7217F3E3F5}"/>
              </a:ext>
            </a:extLst>
          </p:cNvPr>
          <p:cNvGrpSpPr/>
          <p:nvPr/>
        </p:nvGrpSpPr>
        <p:grpSpPr>
          <a:xfrm>
            <a:off x="441698" y="2634219"/>
            <a:ext cx="1668027" cy="1854078"/>
            <a:chOff x="474056" y="2661389"/>
            <a:chExt cx="750612" cy="834335"/>
          </a:xfrm>
        </p:grpSpPr>
        <p:sp>
          <p:nvSpPr>
            <p:cNvPr id="64" name="Graphic 167">
              <a:extLst>
                <a:ext uri="{FF2B5EF4-FFF2-40B4-BE49-F238E27FC236}">
                  <a16:creationId xmlns:a16="http://schemas.microsoft.com/office/drawing/2014/main" id="{E1A68E43-22ED-4269-5FB2-E6A3EF89F6E0}"/>
                </a:ext>
              </a:extLst>
            </p:cNvPr>
            <p:cNvSpPr/>
            <p:nvPr/>
          </p:nvSpPr>
          <p:spPr>
            <a:xfrm>
              <a:off x="474056" y="2661389"/>
              <a:ext cx="750612" cy="834335"/>
            </a:xfrm>
            <a:custGeom>
              <a:avLst/>
              <a:gdLst>
                <a:gd name="connsiteX0" fmla="*/ 2135496 w 2135495"/>
                <a:gd name="connsiteY0" fmla="*/ 1641949 h 2373688"/>
                <a:gd name="connsiteX1" fmla="*/ 2135496 w 2135495"/>
                <a:gd name="connsiteY1" fmla="*/ 731745 h 2373688"/>
                <a:gd name="connsiteX2" fmla="*/ 1996802 w 2135495"/>
                <a:gd name="connsiteY2" fmla="*/ 492164 h 2373688"/>
                <a:gd name="connsiteX3" fmla="*/ 1206437 w 2135495"/>
                <a:gd name="connsiteY3" fmla="*/ 37063 h 2373688"/>
                <a:gd name="connsiteX4" fmla="*/ 929057 w 2135495"/>
                <a:gd name="connsiteY4" fmla="*/ 37063 h 2373688"/>
                <a:gd name="connsiteX5" fmla="*/ 138692 w 2135495"/>
                <a:gd name="connsiteY5" fmla="*/ 492164 h 2373688"/>
                <a:gd name="connsiteX6" fmla="*/ 0 w 2135495"/>
                <a:gd name="connsiteY6" fmla="*/ 731745 h 2373688"/>
                <a:gd name="connsiteX7" fmla="*/ 0 w 2135495"/>
                <a:gd name="connsiteY7" fmla="*/ 1641949 h 2373688"/>
                <a:gd name="connsiteX8" fmla="*/ 138692 w 2135495"/>
                <a:gd name="connsiteY8" fmla="*/ 1881529 h 2373688"/>
                <a:gd name="connsiteX9" fmla="*/ 929057 w 2135495"/>
                <a:gd name="connsiteY9" fmla="*/ 2336626 h 2373688"/>
                <a:gd name="connsiteX10" fmla="*/ 1206437 w 2135495"/>
                <a:gd name="connsiteY10" fmla="*/ 2336626 h 2373688"/>
                <a:gd name="connsiteX11" fmla="*/ 1996802 w 2135495"/>
                <a:gd name="connsiteY11" fmla="*/ 1881529 h 2373688"/>
                <a:gd name="connsiteX12" fmla="*/ 2135496 w 2135495"/>
                <a:gd name="connsiteY12" fmla="*/ 1641949 h 2373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135495" h="2373688">
                  <a:moveTo>
                    <a:pt x="2135496" y="1641949"/>
                  </a:moveTo>
                  <a:lnTo>
                    <a:pt x="2135496" y="731745"/>
                  </a:lnTo>
                  <a:cubicBezTo>
                    <a:pt x="2135496" y="632909"/>
                    <a:pt x="2082632" y="541582"/>
                    <a:pt x="1996802" y="492164"/>
                  </a:cubicBezTo>
                  <a:lnTo>
                    <a:pt x="1206437" y="37063"/>
                  </a:lnTo>
                  <a:cubicBezTo>
                    <a:pt x="1120616" y="-12354"/>
                    <a:pt x="1014879" y="-12354"/>
                    <a:pt x="929057" y="37063"/>
                  </a:cubicBezTo>
                  <a:lnTo>
                    <a:pt x="138692" y="492164"/>
                  </a:lnTo>
                  <a:cubicBezTo>
                    <a:pt x="52869" y="541582"/>
                    <a:pt x="0" y="632909"/>
                    <a:pt x="0" y="731745"/>
                  </a:cubicBezTo>
                  <a:lnTo>
                    <a:pt x="0" y="1641949"/>
                  </a:lnTo>
                  <a:cubicBezTo>
                    <a:pt x="0" y="1740783"/>
                    <a:pt x="52869" y="1832112"/>
                    <a:pt x="138692" y="1881529"/>
                  </a:cubicBezTo>
                  <a:lnTo>
                    <a:pt x="929057" y="2336626"/>
                  </a:lnTo>
                  <a:cubicBezTo>
                    <a:pt x="1014879" y="2386043"/>
                    <a:pt x="1120616" y="2386043"/>
                    <a:pt x="1206437" y="2336626"/>
                  </a:cubicBezTo>
                  <a:lnTo>
                    <a:pt x="1996802" y="1881529"/>
                  </a:lnTo>
                  <a:cubicBezTo>
                    <a:pt x="2082632" y="1832112"/>
                    <a:pt x="2135496" y="1740783"/>
                    <a:pt x="2135496" y="1641949"/>
                  </a:cubicBezTo>
                  <a:close/>
                </a:path>
              </a:pathLst>
            </a:custGeom>
            <a:noFill/>
            <a:ln w="31750" cap="flat">
              <a:solidFill>
                <a:srgbClr val="E7E6E6"/>
              </a:solid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sp>
          <p:nvSpPr>
            <p:cNvPr id="65" name="Graphic 167">
              <a:extLst>
                <a:ext uri="{FF2B5EF4-FFF2-40B4-BE49-F238E27FC236}">
                  <a16:creationId xmlns:a16="http://schemas.microsoft.com/office/drawing/2014/main" id="{AFE9A800-5284-7867-C5CB-C268F002E191}"/>
                </a:ext>
              </a:extLst>
            </p:cNvPr>
            <p:cNvSpPr/>
            <p:nvPr/>
          </p:nvSpPr>
          <p:spPr>
            <a:xfrm>
              <a:off x="519094" y="2711451"/>
              <a:ext cx="660536" cy="734212"/>
            </a:xfrm>
            <a:custGeom>
              <a:avLst/>
              <a:gdLst>
                <a:gd name="connsiteX0" fmla="*/ 2135496 w 2135495"/>
                <a:gd name="connsiteY0" fmla="*/ 1641949 h 2373688"/>
                <a:gd name="connsiteX1" fmla="*/ 2135496 w 2135495"/>
                <a:gd name="connsiteY1" fmla="*/ 731745 h 2373688"/>
                <a:gd name="connsiteX2" fmla="*/ 1996802 w 2135495"/>
                <a:gd name="connsiteY2" fmla="*/ 492164 h 2373688"/>
                <a:gd name="connsiteX3" fmla="*/ 1206437 w 2135495"/>
                <a:gd name="connsiteY3" fmla="*/ 37063 h 2373688"/>
                <a:gd name="connsiteX4" fmla="*/ 929057 w 2135495"/>
                <a:gd name="connsiteY4" fmla="*/ 37063 h 2373688"/>
                <a:gd name="connsiteX5" fmla="*/ 138692 w 2135495"/>
                <a:gd name="connsiteY5" fmla="*/ 492164 h 2373688"/>
                <a:gd name="connsiteX6" fmla="*/ 0 w 2135495"/>
                <a:gd name="connsiteY6" fmla="*/ 731745 h 2373688"/>
                <a:gd name="connsiteX7" fmla="*/ 0 w 2135495"/>
                <a:gd name="connsiteY7" fmla="*/ 1641949 h 2373688"/>
                <a:gd name="connsiteX8" fmla="*/ 138692 w 2135495"/>
                <a:gd name="connsiteY8" fmla="*/ 1881529 h 2373688"/>
                <a:gd name="connsiteX9" fmla="*/ 929057 w 2135495"/>
                <a:gd name="connsiteY9" fmla="*/ 2336626 h 2373688"/>
                <a:gd name="connsiteX10" fmla="*/ 1206437 w 2135495"/>
                <a:gd name="connsiteY10" fmla="*/ 2336626 h 2373688"/>
                <a:gd name="connsiteX11" fmla="*/ 1996802 w 2135495"/>
                <a:gd name="connsiteY11" fmla="*/ 1881529 h 2373688"/>
                <a:gd name="connsiteX12" fmla="*/ 2135496 w 2135495"/>
                <a:gd name="connsiteY12" fmla="*/ 1641949 h 2373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135495" h="2373688">
                  <a:moveTo>
                    <a:pt x="2135496" y="1641949"/>
                  </a:moveTo>
                  <a:lnTo>
                    <a:pt x="2135496" y="731745"/>
                  </a:lnTo>
                  <a:cubicBezTo>
                    <a:pt x="2135496" y="632909"/>
                    <a:pt x="2082632" y="541582"/>
                    <a:pt x="1996802" y="492164"/>
                  </a:cubicBezTo>
                  <a:lnTo>
                    <a:pt x="1206437" y="37063"/>
                  </a:lnTo>
                  <a:cubicBezTo>
                    <a:pt x="1120616" y="-12354"/>
                    <a:pt x="1014879" y="-12354"/>
                    <a:pt x="929057" y="37063"/>
                  </a:cubicBezTo>
                  <a:lnTo>
                    <a:pt x="138692" y="492164"/>
                  </a:lnTo>
                  <a:cubicBezTo>
                    <a:pt x="52869" y="541582"/>
                    <a:pt x="0" y="632909"/>
                    <a:pt x="0" y="731745"/>
                  </a:cubicBezTo>
                  <a:lnTo>
                    <a:pt x="0" y="1641949"/>
                  </a:lnTo>
                  <a:cubicBezTo>
                    <a:pt x="0" y="1740783"/>
                    <a:pt x="52869" y="1832112"/>
                    <a:pt x="138692" y="1881529"/>
                  </a:cubicBezTo>
                  <a:lnTo>
                    <a:pt x="929057" y="2336626"/>
                  </a:lnTo>
                  <a:cubicBezTo>
                    <a:pt x="1014879" y="2386043"/>
                    <a:pt x="1120616" y="2386043"/>
                    <a:pt x="1206437" y="2336626"/>
                  </a:cubicBezTo>
                  <a:lnTo>
                    <a:pt x="1996802" y="1881529"/>
                  </a:lnTo>
                  <a:cubicBezTo>
                    <a:pt x="2082632" y="1832112"/>
                    <a:pt x="2135496" y="1740783"/>
                    <a:pt x="2135496" y="1641949"/>
                  </a:cubicBezTo>
                  <a:close/>
                </a:path>
              </a:pathLst>
            </a:custGeom>
            <a:solidFill>
              <a:srgbClr val="F76C6C">
                <a:alpha val="99000"/>
              </a:srgbClr>
            </a:solidFill>
            <a:ln w="31750" cap="flat">
              <a:no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grpSp>
      <p:sp>
        <p:nvSpPr>
          <p:cNvPr id="66" name="Text Placeholder 2">
            <a:extLst>
              <a:ext uri="{FF2B5EF4-FFF2-40B4-BE49-F238E27FC236}">
                <a16:creationId xmlns:a16="http://schemas.microsoft.com/office/drawing/2014/main" id="{AB0EB5DA-003F-9BFE-9C92-782C3ECD5B07}"/>
              </a:ext>
            </a:extLst>
          </p:cNvPr>
          <p:cNvSpPr txBox="1">
            <a:spLocks/>
          </p:cNvSpPr>
          <p:nvPr/>
        </p:nvSpPr>
        <p:spPr>
          <a:xfrm>
            <a:off x="3017424" y="2651389"/>
            <a:ext cx="2344802" cy="703719"/>
          </a:xfrm>
          <a:prstGeom prst="rect">
            <a:avLst/>
          </a:prstGeom>
        </p:spPr>
        <p:txBody>
          <a:bodyPr wrap="square">
            <a:sp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marL="0" indent="0">
              <a:lnSpc>
                <a:spcPct val="70000"/>
              </a:lnSpc>
              <a:buNone/>
            </a:pPr>
            <a:r>
              <a:rPr lang="en-US" sz="5333" dirty="0">
                <a:solidFill>
                  <a:srgbClr val="F76E6E"/>
                </a:solidFill>
                <a:latin typeface="Calibri Light" panose="020F0302020204030204"/>
                <a:cs typeface="Calibri" panose="020F0502020204030204" pitchFamily="34" charset="0"/>
              </a:rPr>
              <a:t>Patient</a:t>
            </a:r>
          </a:p>
        </p:txBody>
      </p:sp>
      <p:sp>
        <p:nvSpPr>
          <p:cNvPr id="67" name="Text Placeholder 2">
            <a:extLst>
              <a:ext uri="{FF2B5EF4-FFF2-40B4-BE49-F238E27FC236}">
                <a16:creationId xmlns:a16="http://schemas.microsoft.com/office/drawing/2014/main" id="{8F2F815B-0A83-BC54-0713-3808E75C1AFC}"/>
              </a:ext>
            </a:extLst>
          </p:cNvPr>
          <p:cNvSpPr txBox="1">
            <a:spLocks/>
          </p:cNvSpPr>
          <p:nvPr/>
        </p:nvSpPr>
        <p:spPr>
          <a:xfrm>
            <a:off x="3020584" y="6287357"/>
            <a:ext cx="6698624" cy="1604002"/>
          </a:xfrm>
          <a:prstGeom prst="rect">
            <a:avLst/>
          </a:prstGeom>
        </p:spPr>
        <p:txBody>
          <a:bodyPr vert="horz" lIns="152400" tIns="76200" rIns="152400" bIns="76200" rtlCol="0">
            <a:noAutofit/>
          </a:bodyPr>
          <a:lstStyle>
            <a:lvl1pPr marL="0" marR="0" indent="0" algn="l" defTabSz="914400" rtl="0" eaLnBrk="1" fontAlgn="auto" latinLnBrk="0" hangingPunct="1">
              <a:lnSpc>
                <a:spcPct val="90000"/>
              </a:lnSpc>
              <a:spcBef>
                <a:spcPts val="1000"/>
              </a:spcBef>
              <a:spcAft>
                <a:spcPts val="0"/>
              </a:spcAft>
              <a:buClrTx/>
              <a:buSzTx/>
              <a:buFont typeface="Arial" panose="020B0604020202090204" pitchFamily="34" charset="0"/>
              <a:buNone/>
              <a:defRPr sz="1600" b="0" kern="1200">
                <a:solidFill>
                  <a:schemeClr val="tx1">
                    <a:lumMod val="65000"/>
                    <a:lumOff val="35000"/>
                  </a:schemeClr>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70000"/>
              </a:lnSpc>
            </a:pPr>
            <a:r>
              <a:rPr lang="en-US" sz="5333" dirty="0">
                <a:solidFill>
                  <a:srgbClr val="5FC7C7"/>
                </a:solidFill>
                <a:latin typeface="Calibri Light" panose="020F0302020204030204"/>
                <a:cs typeface="Calibri" panose="020F0502020204030204" pitchFamily="34" charset="0"/>
              </a:rPr>
              <a:t>Adjuster &amp; </a:t>
            </a:r>
          </a:p>
          <a:p>
            <a:pPr>
              <a:lnSpc>
                <a:spcPct val="70000"/>
              </a:lnSpc>
            </a:pPr>
            <a:r>
              <a:rPr lang="en-US" sz="5333" dirty="0">
                <a:solidFill>
                  <a:srgbClr val="5FC7C7"/>
                </a:solidFill>
                <a:latin typeface="Calibri Light" panose="020F0302020204030204"/>
                <a:cs typeface="Calibri" panose="020F0502020204030204" pitchFamily="34" charset="0"/>
              </a:rPr>
              <a:t>Case Manager</a:t>
            </a:r>
            <a:endParaRPr lang="en-US" sz="3333" dirty="0">
              <a:solidFill>
                <a:srgbClr val="5FC7C7"/>
              </a:solidFill>
              <a:latin typeface="Calibri" panose="020F0502020204030204" pitchFamily="34" charset="0"/>
              <a:cs typeface="Calibri" panose="020F0502020204030204" pitchFamily="34" charset="0"/>
            </a:endParaRPr>
          </a:p>
          <a:p>
            <a:pPr marL="476246" indent="-476246">
              <a:buFont typeface="Arial" panose="020B0604020202020204" pitchFamily="34" charset="0"/>
              <a:buChar char="•"/>
            </a:pPr>
            <a:endParaRPr lang="en-US" sz="3333" dirty="0">
              <a:solidFill>
                <a:srgbClr val="017757"/>
              </a:solidFill>
              <a:latin typeface="Calibri" panose="020F0502020204030204" pitchFamily="34" charset="0"/>
              <a:cs typeface="Calibri" panose="020F0502020204030204" pitchFamily="34" charset="0"/>
            </a:endParaRPr>
          </a:p>
        </p:txBody>
      </p:sp>
      <p:sp>
        <p:nvSpPr>
          <p:cNvPr id="68" name="Text Placeholder 2">
            <a:extLst>
              <a:ext uri="{FF2B5EF4-FFF2-40B4-BE49-F238E27FC236}">
                <a16:creationId xmlns:a16="http://schemas.microsoft.com/office/drawing/2014/main" id="{56FD3AF4-0843-616D-E001-C8B3D107085F}"/>
              </a:ext>
            </a:extLst>
          </p:cNvPr>
          <p:cNvSpPr txBox="1">
            <a:spLocks/>
          </p:cNvSpPr>
          <p:nvPr/>
        </p:nvSpPr>
        <p:spPr>
          <a:xfrm>
            <a:off x="13051439" y="6048916"/>
            <a:ext cx="2603420" cy="765274"/>
          </a:xfrm>
          <a:prstGeom prst="rect">
            <a:avLst/>
          </a:prstGeom>
        </p:spPr>
        <p:txBody>
          <a:bodyPr vert="horz" wrap="square" lIns="152400" tIns="76200" rIns="152400" bIns="76200" rtlCol="0">
            <a:spAutoFit/>
          </a:bodyPr>
          <a:lstStyle>
            <a:lvl1pPr marL="0" marR="0" indent="0" algn="l" defTabSz="914400" rtl="0" eaLnBrk="1" fontAlgn="auto" latinLnBrk="0" hangingPunct="1">
              <a:lnSpc>
                <a:spcPct val="90000"/>
              </a:lnSpc>
              <a:spcBef>
                <a:spcPts val="1000"/>
              </a:spcBef>
              <a:spcAft>
                <a:spcPts val="0"/>
              </a:spcAft>
              <a:buClrTx/>
              <a:buSzTx/>
              <a:buFont typeface="Arial" panose="020B0604020202090204" pitchFamily="34" charset="0"/>
              <a:buNone/>
              <a:defRPr sz="1600" b="0" kern="1200">
                <a:solidFill>
                  <a:schemeClr val="tx1">
                    <a:lumMod val="65000"/>
                    <a:lumOff val="35000"/>
                  </a:schemeClr>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70000"/>
              </a:lnSpc>
            </a:pPr>
            <a:r>
              <a:rPr lang="en-US" sz="5333" dirty="0">
                <a:solidFill>
                  <a:srgbClr val="74B9B9"/>
                </a:solidFill>
                <a:latin typeface="Calibri Light" panose="020F0302020204030204"/>
                <a:cs typeface="Calibri" panose="020F0502020204030204" pitchFamily="34" charset="0"/>
              </a:rPr>
              <a:t>Provider</a:t>
            </a:r>
          </a:p>
        </p:txBody>
      </p:sp>
      <p:sp>
        <p:nvSpPr>
          <p:cNvPr id="69" name="Text Placeholder 2">
            <a:extLst>
              <a:ext uri="{FF2B5EF4-FFF2-40B4-BE49-F238E27FC236}">
                <a16:creationId xmlns:a16="http://schemas.microsoft.com/office/drawing/2014/main" id="{6F5F3BEB-2CF8-05ED-73AF-CA99436C77EF}"/>
              </a:ext>
            </a:extLst>
          </p:cNvPr>
          <p:cNvSpPr txBox="1">
            <a:spLocks/>
          </p:cNvSpPr>
          <p:nvPr/>
        </p:nvSpPr>
        <p:spPr>
          <a:xfrm>
            <a:off x="13051440" y="2589834"/>
            <a:ext cx="1886271" cy="765274"/>
          </a:xfrm>
          <a:prstGeom prst="rect">
            <a:avLst/>
          </a:prstGeom>
        </p:spPr>
        <p:txBody>
          <a:bodyPr vert="horz" wrap="square" lIns="152400" tIns="76200" rIns="152400" bIns="76200" rtlCol="0">
            <a:spAutoFit/>
          </a:bodyPr>
          <a:lstStyle>
            <a:lvl1pPr marL="0" marR="0" indent="0" algn="l" defTabSz="914400" rtl="0" eaLnBrk="1" fontAlgn="auto" latinLnBrk="0" hangingPunct="1">
              <a:lnSpc>
                <a:spcPct val="90000"/>
              </a:lnSpc>
              <a:spcBef>
                <a:spcPts val="1000"/>
              </a:spcBef>
              <a:spcAft>
                <a:spcPts val="0"/>
              </a:spcAft>
              <a:buClrTx/>
              <a:buSzTx/>
              <a:buFont typeface="Arial" panose="020B0604020202090204" pitchFamily="34" charset="0"/>
              <a:buNone/>
              <a:defRPr sz="1600" b="0" kern="1200">
                <a:solidFill>
                  <a:schemeClr val="tx1">
                    <a:lumMod val="65000"/>
                    <a:lumOff val="35000"/>
                  </a:schemeClr>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pPr>
              <a:lnSpc>
                <a:spcPct val="70000"/>
              </a:lnSpc>
            </a:pPr>
            <a:r>
              <a:rPr lang="en-US" sz="5333" dirty="0">
                <a:solidFill>
                  <a:srgbClr val="114B5F"/>
                </a:solidFill>
                <a:latin typeface="Calibri Light" panose="020F0302020204030204"/>
                <a:cs typeface="Calibri" panose="020F0502020204030204" pitchFamily="34" charset="0"/>
              </a:rPr>
              <a:t>Client</a:t>
            </a:r>
          </a:p>
        </p:txBody>
      </p:sp>
      <p:cxnSp>
        <p:nvCxnSpPr>
          <p:cNvPr id="70" name="Google Shape;5195;p79">
            <a:extLst>
              <a:ext uri="{FF2B5EF4-FFF2-40B4-BE49-F238E27FC236}">
                <a16:creationId xmlns:a16="http://schemas.microsoft.com/office/drawing/2014/main" id="{72600237-5576-B8B7-47B0-7EDDDC65BECD}"/>
              </a:ext>
            </a:extLst>
          </p:cNvPr>
          <p:cNvCxnSpPr>
            <a:cxnSpLocks/>
          </p:cNvCxnSpPr>
          <p:nvPr/>
        </p:nvCxnSpPr>
        <p:spPr>
          <a:xfrm flipV="1">
            <a:off x="2838759" y="2634219"/>
            <a:ext cx="2" cy="1604016"/>
          </a:xfrm>
          <a:prstGeom prst="straightConnector1">
            <a:avLst/>
          </a:prstGeom>
          <a:noFill/>
          <a:ln w="28575" cap="flat" cmpd="sng">
            <a:solidFill>
              <a:srgbClr val="E7E6E6"/>
            </a:solidFill>
            <a:prstDash val="solid"/>
            <a:round/>
            <a:headEnd type="none" w="med" len="med"/>
            <a:tailEnd type="none" w="med" len="med"/>
          </a:ln>
        </p:spPr>
      </p:cxnSp>
      <p:cxnSp>
        <p:nvCxnSpPr>
          <p:cNvPr id="71" name="Google Shape;5195;p79">
            <a:extLst>
              <a:ext uri="{FF2B5EF4-FFF2-40B4-BE49-F238E27FC236}">
                <a16:creationId xmlns:a16="http://schemas.microsoft.com/office/drawing/2014/main" id="{763D6391-92AF-CB2C-AE69-7BF05C710E65}"/>
              </a:ext>
            </a:extLst>
          </p:cNvPr>
          <p:cNvCxnSpPr>
            <a:cxnSpLocks/>
          </p:cNvCxnSpPr>
          <p:nvPr/>
        </p:nvCxnSpPr>
        <p:spPr>
          <a:xfrm rot="5400000">
            <a:off x="2483718" y="3117399"/>
            <a:ext cx="0" cy="731362"/>
          </a:xfrm>
          <a:prstGeom prst="straightConnector1">
            <a:avLst/>
          </a:prstGeom>
          <a:noFill/>
          <a:ln w="28575" cap="flat" cmpd="sng">
            <a:solidFill>
              <a:srgbClr val="E7E6E6"/>
            </a:solidFill>
            <a:prstDash val="solid"/>
            <a:round/>
            <a:headEnd type="none" w="med" len="med"/>
            <a:tailEnd type="none" w="med" len="med"/>
          </a:ln>
        </p:spPr>
      </p:cxnSp>
      <p:grpSp>
        <p:nvGrpSpPr>
          <p:cNvPr id="72" name="Google Shape;7118;p84">
            <a:extLst>
              <a:ext uri="{FF2B5EF4-FFF2-40B4-BE49-F238E27FC236}">
                <a16:creationId xmlns:a16="http://schemas.microsoft.com/office/drawing/2014/main" id="{0DA0333C-A9E6-239E-C63D-66059BB93C7E}"/>
              </a:ext>
            </a:extLst>
          </p:cNvPr>
          <p:cNvGrpSpPr/>
          <p:nvPr/>
        </p:nvGrpSpPr>
        <p:grpSpPr>
          <a:xfrm>
            <a:off x="952467" y="3152763"/>
            <a:ext cx="660667" cy="717042"/>
            <a:chOff x="-28069875" y="3175300"/>
            <a:chExt cx="260725" cy="296150"/>
          </a:xfrm>
          <a:solidFill>
            <a:sysClr val="window" lastClr="FFFFFF"/>
          </a:solidFill>
        </p:grpSpPr>
        <p:sp>
          <p:nvSpPr>
            <p:cNvPr id="73" name="Google Shape;7119;p84">
              <a:extLst>
                <a:ext uri="{FF2B5EF4-FFF2-40B4-BE49-F238E27FC236}">
                  <a16:creationId xmlns:a16="http://schemas.microsoft.com/office/drawing/2014/main" id="{9DE22BD4-1B94-FC09-0C20-AA19F430BBF5}"/>
                </a:ext>
              </a:extLst>
            </p:cNvPr>
            <p:cNvSpPr/>
            <p:nvPr/>
          </p:nvSpPr>
          <p:spPr>
            <a:xfrm>
              <a:off x="-28059650" y="3192625"/>
              <a:ext cx="26025" cy="70125"/>
            </a:xfrm>
            <a:custGeom>
              <a:avLst/>
              <a:gdLst/>
              <a:ahLst/>
              <a:cxnLst/>
              <a:rect l="l" t="t" r="r" b="b"/>
              <a:pathLst>
                <a:path w="1041" h="2805" extrusionOk="0">
                  <a:moveTo>
                    <a:pt x="536" y="0"/>
                  </a:moveTo>
                  <a:cubicBezTo>
                    <a:pt x="253" y="0"/>
                    <a:pt x="1" y="252"/>
                    <a:pt x="1" y="536"/>
                  </a:cubicBezTo>
                  <a:lnTo>
                    <a:pt x="1" y="2458"/>
                  </a:lnTo>
                  <a:cubicBezTo>
                    <a:pt x="410" y="2458"/>
                    <a:pt x="757" y="2584"/>
                    <a:pt x="1040" y="2804"/>
                  </a:cubicBezTo>
                  <a:lnTo>
                    <a:pt x="1040" y="536"/>
                  </a:lnTo>
                  <a:cubicBezTo>
                    <a:pt x="1040" y="252"/>
                    <a:pt x="788" y="0"/>
                    <a:pt x="536" y="0"/>
                  </a:cubicBezTo>
                  <a:close/>
                </a:path>
              </a:pathLst>
            </a:custGeom>
            <a:grpFill/>
            <a:ln>
              <a:noFill/>
            </a:ln>
          </p:spPr>
          <p:txBody>
            <a:bodyPr spcFirstLastPara="1" wrap="square" lIns="152376" tIns="152376" rIns="152376" bIns="152376"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2031980" fontAlgn="auto">
                <a:spcBef>
                  <a:spcPts val="0"/>
                </a:spcBef>
                <a:spcAft>
                  <a:spcPts val="0"/>
                </a:spcAft>
                <a:defRPr/>
              </a:pPr>
              <a:endParaRPr sz="3000">
                <a:solidFill>
                  <a:prstClr val="black"/>
                </a:solidFill>
                <a:latin typeface="Calibri" panose="020F0502020204030204"/>
              </a:endParaRPr>
            </a:p>
          </p:txBody>
        </p:sp>
        <p:sp>
          <p:nvSpPr>
            <p:cNvPr id="74" name="Google Shape;7120;p84">
              <a:extLst>
                <a:ext uri="{FF2B5EF4-FFF2-40B4-BE49-F238E27FC236}">
                  <a16:creationId xmlns:a16="http://schemas.microsoft.com/office/drawing/2014/main" id="{2C954D49-D63F-A943-0E6E-60F8201B2EE9}"/>
                </a:ext>
              </a:extLst>
            </p:cNvPr>
            <p:cNvSpPr/>
            <p:nvPr/>
          </p:nvSpPr>
          <p:spPr>
            <a:xfrm>
              <a:off x="-27843050" y="3192625"/>
              <a:ext cx="26025" cy="69325"/>
            </a:xfrm>
            <a:custGeom>
              <a:avLst/>
              <a:gdLst/>
              <a:ahLst/>
              <a:cxnLst/>
              <a:rect l="l" t="t" r="r" b="b"/>
              <a:pathLst>
                <a:path w="1041" h="2773" extrusionOk="0">
                  <a:moveTo>
                    <a:pt x="536" y="0"/>
                  </a:moveTo>
                  <a:cubicBezTo>
                    <a:pt x="253" y="0"/>
                    <a:pt x="1" y="252"/>
                    <a:pt x="1" y="536"/>
                  </a:cubicBezTo>
                  <a:lnTo>
                    <a:pt x="1" y="2773"/>
                  </a:lnTo>
                  <a:cubicBezTo>
                    <a:pt x="284" y="2584"/>
                    <a:pt x="694" y="2426"/>
                    <a:pt x="1040" y="2426"/>
                  </a:cubicBezTo>
                  <a:lnTo>
                    <a:pt x="1040" y="536"/>
                  </a:lnTo>
                  <a:cubicBezTo>
                    <a:pt x="1040" y="252"/>
                    <a:pt x="788" y="0"/>
                    <a:pt x="536" y="0"/>
                  </a:cubicBezTo>
                  <a:close/>
                </a:path>
              </a:pathLst>
            </a:custGeom>
            <a:grpFill/>
            <a:ln>
              <a:noFill/>
            </a:ln>
          </p:spPr>
          <p:txBody>
            <a:bodyPr spcFirstLastPara="1" wrap="square" lIns="152376" tIns="152376" rIns="152376" bIns="152376"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2031980" fontAlgn="auto">
                <a:spcBef>
                  <a:spcPts val="0"/>
                </a:spcBef>
                <a:spcAft>
                  <a:spcPts val="0"/>
                </a:spcAft>
                <a:defRPr/>
              </a:pPr>
              <a:endParaRPr sz="3000">
                <a:solidFill>
                  <a:prstClr val="black"/>
                </a:solidFill>
                <a:latin typeface="Calibri" panose="020F0502020204030204"/>
              </a:endParaRPr>
            </a:p>
          </p:txBody>
        </p:sp>
        <p:sp>
          <p:nvSpPr>
            <p:cNvPr id="75" name="Google Shape;7121;p84">
              <a:extLst>
                <a:ext uri="{FF2B5EF4-FFF2-40B4-BE49-F238E27FC236}">
                  <a16:creationId xmlns:a16="http://schemas.microsoft.com/office/drawing/2014/main" id="{2A7B970B-9DA3-3FBF-2511-50A3711304D5}"/>
                </a:ext>
              </a:extLst>
            </p:cNvPr>
            <p:cNvSpPr/>
            <p:nvPr/>
          </p:nvSpPr>
          <p:spPr>
            <a:xfrm>
              <a:off x="-27973000" y="3202075"/>
              <a:ext cx="26000" cy="57525"/>
            </a:xfrm>
            <a:custGeom>
              <a:avLst/>
              <a:gdLst/>
              <a:ahLst/>
              <a:cxnLst/>
              <a:rect l="l" t="t" r="r" b="b"/>
              <a:pathLst>
                <a:path w="1040" h="2301" extrusionOk="0">
                  <a:moveTo>
                    <a:pt x="536" y="0"/>
                  </a:moveTo>
                  <a:cubicBezTo>
                    <a:pt x="252" y="0"/>
                    <a:pt x="0" y="221"/>
                    <a:pt x="0" y="504"/>
                  </a:cubicBezTo>
                  <a:lnTo>
                    <a:pt x="0" y="1954"/>
                  </a:lnTo>
                  <a:cubicBezTo>
                    <a:pt x="410" y="1985"/>
                    <a:pt x="756" y="2080"/>
                    <a:pt x="1040" y="2300"/>
                  </a:cubicBezTo>
                  <a:lnTo>
                    <a:pt x="1040" y="504"/>
                  </a:lnTo>
                  <a:cubicBezTo>
                    <a:pt x="1040" y="221"/>
                    <a:pt x="788" y="0"/>
                    <a:pt x="536" y="0"/>
                  </a:cubicBezTo>
                  <a:close/>
                </a:path>
              </a:pathLst>
            </a:custGeom>
            <a:grpFill/>
            <a:ln>
              <a:noFill/>
            </a:ln>
          </p:spPr>
          <p:txBody>
            <a:bodyPr spcFirstLastPara="1" wrap="square" lIns="152376" tIns="152376" rIns="152376" bIns="152376"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2031980" fontAlgn="auto">
                <a:spcBef>
                  <a:spcPts val="0"/>
                </a:spcBef>
                <a:spcAft>
                  <a:spcPts val="0"/>
                </a:spcAft>
                <a:defRPr/>
              </a:pPr>
              <a:endParaRPr sz="3000">
                <a:solidFill>
                  <a:prstClr val="black"/>
                </a:solidFill>
                <a:latin typeface="Calibri" panose="020F0502020204030204"/>
              </a:endParaRPr>
            </a:p>
          </p:txBody>
        </p:sp>
        <p:sp>
          <p:nvSpPr>
            <p:cNvPr id="76" name="Google Shape;7122;p84">
              <a:extLst>
                <a:ext uri="{FF2B5EF4-FFF2-40B4-BE49-F238E27FC236}">
                  <a16:creationId xmlns:a16="http://schemas.microsoft.com/office/drawing/2014/main" id="{60C00B21-19CB-86F4-BE0B-A2C6ACC84E11}"/>
                </a:ext>
              </a:extLst>
            </p:cNvPr>
            <p:cNvSpPr/>
            <p:nvPr/>
          </p:nvSpPr>
          <p:spPr>
            <a:xfrm>
              <a:off x="-27929675" y="3202075"/>
              <a:ext cx="26000" cy="57525"/>
            </a:xfrm>
            <a:custGeom>
              <a:avLst/>
              <a:gdLst/>
              <a:ahLst/>
              <a:cxnLst/>
              <a:rect l="l" t="t" r="r" b="b"/>
              <a:pathLst>
                <a:path w="1040" h="2301" extrusionOk="0">
                  <a:moveTo>
                    <a:pt x="536" y="0"/>
                  </a:moveTo>
                  <a:cubicBezTo>
                    <a:pt x="252" y="0"/>
                    <a:pt x="0" y="221"/>
                    <a:pt x="0" y="504"/>
                  </a:cubicBezTo>
                  <a:lnTo>
                    <a:pt x="0" y="2300"/>
                  </a:lnTo>
                  <a:cubicBezTo>
                    <a:pt x="315" y="2111"/>
                    <a:pt x="693" y="1985"/>
                    <a:pt x="1040" y="1954"/>
                  </a:cubicBezTo>
                  <a:lnTo>
                    <a:pt x="1040" y="504"/>
                  </a:lnTo>
                  <a:cubicBezTo>
                    <a:pt x="1040" y="221"/>
                    <a:pt x="788" y="0"/>
                    <a:pt x="536" y="0"/>
                  </a:cubicBezTo>
                  <a:close/>
                </a:path>
              </a:pathLst>
            </a:custGeom>
            <a:grpFill/>
            <a:ln>
              <a:noFill/>
            </a:ln>
          </p:spPr>
          <p:txBody>
            <a:bodyPr spcFirstLastPara="1" wrap="square" lIns="152376" tIns="152376" rIns="152376" bIns="152376"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2031980" fontAlgn="auto">
                <a:spcBef>
                  <a:spcPts val="0"/>
                </a:spcBef>
                <a:spcAft>
                  <a:spcPts val="0"/>
                </a:spcAft>
                <a:defRPr/>
              </a:pPr>
              <a:endParaRPr sz="3000">
                <a:solidFill>
                  <a:prstClr val="black"/>
                </a:solidFill>
                <a:latin typeface="Calibri" panose="020F0502020204030204"/>
              </a:endParaRPr>
            </a:p>
          </p:txBody>
        </p:sp>
        <p:sp>
          <p:nvSpPr>
            <p:cNvPr id="77" name="Google Shape;7123;p84">
              <a:extLst>
                <a:ext uri="{FF2B5EF4-FFF2-40B4-BE49-F238E27FC236}">
                  <a16:creationId xmlns:a16="http://schemas.microsoft.com/office/drawing/2014/main" id="{D11D3BC8-5706-31CB-9702-907433CF9F13}"/>
                </a:ext>
              </a:extLst>
            </p:cNvPr>
            <p:cNvSpPr/>
            <p:nvPr/>
          </p:nvSpPr>
          <p:spPr>
            <a:xfrm>
              <a:off x="-28016325" y="3175300"/>
              <a:ext cx="26025" cy="91375"/>
            </a:xfrm>
            <a:custGeom>
              <a:avLst/>
              <a:gdLst/>
              <a:ahLst/>
              <a:cxnLst/>
              <a:rect l="l" t="t" r="r" b="b"/>
              <a:pathLst>
                <a:path w="1041" h="3655" extrusionOk="0">
                  <a:moveTo>
                    <a:pt x="536" y="0"/>
                  </a:moveTo>
                  <a:cubicBezTo>
                    <a:pt x="253" y="0"/>
                    <a:pt x="1" y="221"/>
                    <a:pt x="1" y="504"/>
                  </a:cubicBezTo>
                  <a:lnTo>
                    <a:pt x="1" y="3655"/>
                  </a:lnTo>
                  <a:cubicBezTo>
                    <a:pt x="1" y="3655"/>
                    <a:pt x="1" y="3623"/>
                    <a:pt x="64" y="3623"/>
                  </a:cubicBezTo>
                  <a:cubicBezTo>
                    <a:pt x="284" y="3371"/>
                    <a:pt x="631" y="3182"/>
                    <a:pt x="1040" y="3056"/>
                  </a:cubicBezTo>
                  <a:lnTo>
                    <a:pt x="1040" y="504"/>
                  </a:lnTo>
                  <a:cubicBezTo>
                    <a:pt x="1040" y="221"/>
                    <a:pt x="788" y="0"/>
                    <a:pt x="536" y="0"/>
                  </a:cubicBezTo>
                  <a:close/>
                </a:path>
              </a:pathLst>
            </a:custGeom>
            <a:grpFill/>
            <a:ln>
              <a:noFill/>
            </a:ln>
          </p:spPr>
          <p:txBody>
            <a:bodyPr spcFirstLastPara="1" wrap="square" lIns="152376" tIns="152376" rIns="152376" bIns="152376"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2031980" fontAlgn="auto">
                <a:spcBef>
                  <a:spcPts val="0"/>
                </a:spcBef>
                <a:spcAft>
                  <a:spcPts val="0"/>
                </a:spcAft>
                <a:defRPr/>
              </a:pPr>
              <a:endParaRPr sz="3000">
                <a:solidFill>
                  <a:prstClr val="black"/>
                </a:solidFill>
                <a:latin typeface="Calibri" panose="020F0502020204030204"/>
              </a:endParaRPr>
            </a:p>
          </p:txBody>
        </p:sp>
        <p:sp>
          <p:nvSpPr>
            <p:cNvPr id="78" name="Google Shape;7124;p84">
              <a:extLst>
                <a:ext uri="{FF2B5EF4-FFF2-40B4-BE49-F238E27FC236}">
                  <a16:creationId xmlns:a16="http://schemas.microsoft.com/office/drawing/2014/main" id="{7EA5D4E0-D029-766C-C290-B6FC4D87FFC4}"/>
                </a:ext>
              </a:extLst>
            </p:cNvPr>
            <p:cNvSpPr/>
            <p:nvPr/>
          </p:nvSpPr>
          <p:spPr>
            <a:xfrm>
              <a:off x="-27886375" y="3176075"/>
              <a:ext cx="26025" cy="91400"/>
            </a:xfrm>
            <a:custGeom>
              <a:avLst/>
              <a:gdLst/>
              <a:ahLst/>
              <a:cxnLst/>
              <a:rect l="l" t="t" r="r" b="b"/>
              <a:pathLst>
                <a:path w="1041" h="3656" extrusionOk="0">
                  <a:moveTo>
                    <a:pt x="536" y="1"/>
                  </a:moveTo>
                  <a:cubicBezTo>
                    <a:pt x="253" y="1"/>
                    <a:pt x="1" y="221"/>
                    <a:pt x="1" y="505"/>
                  </a:cubicBezTo>
                  <a:lnTo>
                    <a:pt x="1" y="3088"/>
                  </a:lnTo>
                  <a:cubicBezTo>
                    <a:pt x="379" y="3151"/>
                    <a:pt x="726" y="3340"/>
                    <a:pt x="1041" y="3655"/>
                  </a:cubicBezTo>
                  <a:lnTo>
                    <a:pt x="1041" y="505"/>
                  </a:lnTo>
                  <a:cubicBezTo>
                    <a:pt x="1041" y="253"/>
                    <a:pt x="789" y="1"/>
                    <a:pt x="536" y="1"/>
                  </a:cubicBezTo>
                  <a:close/>
                </a:path>
              </a:pathLst>
            </a:custGeom>
            <a:grpFill/>
            <a:ln>
              <a:noFill/>
            </a:ln>
          </p:spPr>
          <p:txBody>
            <a:bodyPr spcFirstLastPara="1" wrap="square" lIns="152376" tIns="152376" rIns="152376" bIns="152376"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2031980" fontAlgn="auto">
                <a:spcBef>
                  <a:spcPts val="0"/>
                </a:spcBef>
                <a:spcAft>
                  <a:spcPts val="0"/>
                </a:spcAft>
                <a:defRPr/>
              </a:pPr>
              <a:endParaRPr sz="3000">
                <a:solidFill>
                  <a:prstClr val="black"/>
                </a:solidFill>
                <a:latin typeface="Calibri" panose="020F0502020204030204"/>
              </a:endParaRPr>
            </a:p>
          </p:txBody>
        </p:sp>
        <p:sp>
          <p:nvSpPr>
            <p:cNvPr id="79" name="Google Shape;7125;p84">
              <a:extLst>
                <a:ext uri="{FF2B5EF4-FFF2-40B4-BE49-F238E27FC236}">
                  <a16:creationId xmlns:a16="http://schemas.microsoft.com/office/drawing/2014/main" id="{FF13E2B6-6D30-B228-765D-8F1F2B530F8C}"/>
                </a:ext>
              </a:extLst>
            </p:cNvPr>
            <p:cNvSpPr/>
            <p:nvPr/>
          </p:nvSpPr>
          <p:spPr>
            <a:xfrm>
              <a:off x="-28017900" y="3269025"/>
              <a:ext cx="161475" cy="133125"/>
            </a:xfrm>
            <a:custGeom>
              <a:avLst/>
              <a:gdLst/>
              <a:ahLst/>
              <a:cxnLst/>
              <a:rect l="l" t="t" r="r" b="b"/>
              <a:pathLst>
                <a:path w="6459" h="5325" extrusionOk="0">
                  <a:moveTo>
                    <a:pt x="1733" y="0"/>
                  </a:moveTo>
                  <a:cubicBezTo>
                    <a:pt x="1355" y="0"/>
                    <a:pt x="946" y="158"/>
                    <a:pt x="662" y="410"/>
                  </a:cubicBezTo>
                  <a:cubicBezTo>
                    <a:pt x="64" y="882"/>
                    <a:pt x="1" y="1639"/>
                    <a:pt x="347" y="2237"/>
                  </a:cubicBezTo>
                  <a:cubicBezTo>
                    <a:pt x="1324" y="2458"/>
                    <a:pt x="2048" y="3340"/>
                    <a:pt x="2174" y="4348"/>
                  </a:cubicBezTo>
                  <a:lnTo>
                    <a:pt x="3214" y="5325"/>
                  </a:lnTo>
                  <a:lnTo>
                    <a:pt x="4285" y="4348"/>
                  </a:lnTo>
                  <a:cubicBezTo>
                    <a:pt x="4380" y="3340"/>
                    <a:pt x="5073" y="2521"/>
                    <a:pt x="6113" y="2237"/>
                  </a:cubicBezTo>
                  <a:cubicBezTo>
                    <a:pt x="6459" y="1639"/>
                    <a:pt x="6333" y="882"/>
                    <a:pt x="5860" y="410"/>
                  </a:cubicBezTo>
                  <a:cubicBezTo>
                    <a:pt x="5577" y="158"/>
                    <a:pt x="5199" y="0"/>
                    <a:pt x="4789" y="0"/>
                  </a:cubicBezTo>
                  <a:cubicBezTo>
                    <a:pt x="4411" y="0"/>
                    <a:pt x="4002" y="158"/>
                    <a:pt x="3750" y="410"/>
                  </a:cubicBezTo>
                  <a:lnTo>
                    <a:pt x="3277" y="882"/>
                  </a:lnTo>
                  <a:lnTo>
                    <a:pt x="2805" y="410"/>
                  </a:lnTo>
                  <a:cubicBezTo>
                    <a:pt x="2521" y="158"/>
                    <a:pt x="2143" y="0"/>
                    <a:pt x="1733" y="0"/>
                  </a:cubicBezTo>
                  <a:close/>
                </a:path>
              </a:pathLst>
            </a:custGeom>
            <a:grpFill/>
            <a:ln>
              <a:noFill/>
            </a:ln>
          </p:spPr>
          <p:txBody>
            <a:bodyPr spcFirstLastPara="1" wrap="square" lIns="152376" tIns="152376" rIns="152376" bIns="152376"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2031980" fontAlgn="auto">
                <a:spcBef>
                  <a:spcPts val="0"/>
                </a:spcBef>
                <a:spcAft>
                  <a:spcPts val="0"/>
                </a:spcAft>
                <a:defRPr/>
              </a:pPr>
              <a:endParaRPr sz="3000">
                <a:solidFill>
                  <a:prstClr val="black"/>
                </a:solidFill>
                <a:latin typeface="Calibri" panose="020F0502020204030204"/>
              </a:endParaRPr>
            </a:p>
          </p:txBody>
        </p:sp>
        <p:sp>
          <p:nvSpPr>
            <p:cNvPr id="80" name="Google Shape;7126;p84">
              <a:extLst>
                <a:ext uri="{FF2B5EF4-FFF2-40B4-BE49-F238E27FC236}">
                  <a16:creationId xmlns:a16="http://schemas.microsoft.com/office/drawing/2014/main" id="{7367C63B-E49C-9F04-A90C-E115506B7B76}"/>
                </a:ext>
              </a:extLst>
            </p:cNvPr>
            <p:cNvSpPr/>
            <p:nvPr/>
          </p:nvSpPr>
          <p:spPr>
            <a:xfrm>
              <a:off x="-27930475" y="3269800"/>
              <a:ext cx="121325" cy="201650"/>
            </a:xfrm>
            <a:custGeom>
              <a:avLst/>
              <a:gdLst/>
              <a:ahLst/>
              <a:cxnLst/>
              <a:rect l="l" t="t" r="r" b="b"/>
              <a:pathLst>
                <a:path w="4853" h="8066" extrusionOk="0">
                  <a:moveTo>
                    <a:pt x="4506" y="1"/>
                  </a:moveTo>
                  <a:cubicBezTo>
                    <a:pt x="3876" y="1"/>
                    <a:pt x="3403" y="505"/>
                    <a:pt x="3403" y="1198"/>
                  </a:cubicBezTo>
                  <a:lnTo>
                    <a:pt x="3403" y="2395"/>
                  </a:lnTo>
                  <a:cubicBezTo>
                    <a:pt x="3403" y="2584"/>
                    <a:pt x="3246" y="2742"/>
                    <a:pt x="3025" y="2742"/>
                  </a:cubicBezTo>
                  <a:cubicBezTo>
                    <a:pt x="2679" y="2742"/>
                    <a:pt x="2363" y="2868"/>
                    <a:pt x="2080" y="3025"/>
                  </a:cubicBezTo>
                  <a:cubicBezTo>
                    <a:pt x="1702" y="3372"/>
                    <a:pt x="1418" y="3939"/>
                    <a:pt x="1418" y="4474"/>
                  </a:cubicBezTo>
                  <a:lnTo>
                    <a:pt x="1418" y="5231"/>
                  </a:lnTo>
                  <a:cubicBezTo>
                    <a:pt x="1418" y="5420"/>
                    <a:pt x="1261" y="5577"/>
                    <a:pt x="1072" y="5577"/>
                  </a:cubicBezTo>
                  <a:cubicBezTo>
                    <a:pt x="883" y="5577"/>
                    <a:pt x="725" y="5420"/>
                    <a:pt x="725" y="5231"/>
                  </a:cubicBezTo>
                  <a:lnTo>
                    <a:pt x="1" y="5892"/>
                  </a:lnTo>
                  <a:lnTo>
                    <a:pt x="1" y="8066"/>
                  </a:lnTo>
                  <a:lnTo>
                    <a:pt x="3813" y="8066"/>
                  </a:lnTo>
                  <a:cubicBezTo>
                    <a:pt x="4033" y="8066"/>
                    <a:pt x="4191" y="7908"/>
                    <a:pt x="4191" y="7719"/>
                  </a:cubicBezTo>
                  <a:cubicBezTo>
                    <a:pt x="4191" y="7530"/>
                    <a:pt x="4033" y="7373"/>
                    <a:pt x="3813" y="7373"/>
                  </a:cubicBezTo>
                  <a:lnTo>
                    <a:pt x="3466" y="7373"/>
                  </a:lnTo>
                  <a:lnTo>
                    <a:pt x="3466" y="6270"/>
                  </a:lnTo>
                  <a:cubicBezTo>
                    <a:pt x="3466" y="6176"/>
                    <a:pt x="3498" y="6050"/>
                    <a:pt x="3592" y="6018"/>
                  </a:cubicBezTo>
                  <a:lnTo>
                    <a:pt x="4128" y="5420"/>
                  </a:lnTo>
                  <a:cubicBezTo>
                    <a:pt x="4600" y="4947"/>
                    <a:pt x="4852" y="4380"/>
                    <a:pt x="4852" y="3687"/>
                  </a:cubicBezTo>
                  <a:lnTo>
                    <a:pt x="4852" y="347"/>
                  </a:lnTo>
                  <a:cubicBezTo>
                    <a:pt x="4852" y="158"/>
                    <a:pt x="4695" y="1"/>
                    <a:pt x="4506" y="1"/>
                  </a:cubicBezTo>
                  <a:close/>
                </a:path>
              </a:pathLst>
            </a:custGeom>
            <a:grpFill/>
            <a:ln>
              <a:noFill/>
            </a:ln>
          </p:spPr>
          <p:txBody>
            <a:bodyPr spcFirstLastPara="1" wrap="square" lIns="152376" tIns="152376" rIns="152376" bIns="152376"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2031980" fontAlgn="auto">
                <a:spcBef>
                  <a:spcPts val="0"/>
                </a:spcBef>
                <a:spcAft>
                  <a:spcPts val="0"/>
                </a:spcAft>
                <a:defRPr/>
              </a:pPr>
              <a:endParaRPr sz="3000">
                <a:solidFill>
                  <a:prstClr val="black"/>
                </a:solidFill>
                <a:latin typeface="Calibri" panose="020F0502020204030204"/>
              </a:endParaRPr>
            </a:p>
          </p:txBody>
        </p:sp>
        <p:sp>
          <p:nvSpPr>
            <p:cNvPr id="81" name="Google Shape;7127;p84">
              <a:extLst>
                <a:ext uri="{FF2B5EF4-FFF2-40B4-BE49-F238E27FC236}">
                  <a16:creationId xmlns:a16="http://schemas.microsoft.com/office/drawing/2014/main" id="{7CB82BC1-CD4A-934E-33B8-505094A70188}"/>
                </a:ext>
              </a:extLst>
            </p:cNvPr>
            <p:cNvSpPr/>
            <p:nvPr/>
          </p:nvSpPr>
          <p:spPr>
            <a:xfrm>
              <a:off x="-28069875" y="3271375"/>
              <a:ext cx="122875" cy="200075"/>
            </a:xfrm>
            <a:custGeom>
              <a:avLst/>
              <a:gdLst/>
              <a:ahLst/>
              <a:cxnLst/>
              <a:rect l="l" t="t" r="r" b="b"/>
              <a:pathLst>
                <a:path w="4915" h="8003" extrusionOk="0">
                  <a:moveTo>
                    <a:pt x="347" y="1"/>
                  </a:moveTo>
                  <a:cubicBezTo>
                    <a:pt x="158" y="1"/>
                    <a:pt x="0" y="158"/>
                    <a:pt x="0" y="379"/>
                  </a:cubicBezTo>
                  <a:lnTo>
                    <a:pt x="0" y="3718"/>
                  </a:lnTo>
                  <a:cubicBezTo>
                    <a:pt x="0" y="4348"/>
                    <a:pt x="221" y="4979"/>
                    <a:pt x="693" y="5451"/>
                  </a:cubicBezTo>
                  <a:lnTo>
                    <a:pt x="1323" y="5955"/>
                  </a:lnTo>
                  <a:cubicBezTo>
                    <a:pt x="1418" y="6018"/>
                    <a:pt x="1449" y="6113"/>
                    <a:pt x="1449" y="6207"/>
                  </a:cubicBezTo>
                  <a:lnTo>
                    <a:pt x="1449" y="7310"/>
                  </a:lnTo>
                  <a:lnTo>
                    <a:pt x="1103" y="7310"/>
                  </a:lnTo>
                  <a:cubicBezTo>
                    <a:pt x="882" y="7310"/>
                    <a:pt x="725" y="7467"/>
                    <a:pt x="725" y="7656"/>
                  </a:cubicBezTo>
                  <a:cubicBezTo>
                    <a:pt x="725" y="7845"/>
                    <a:pt x="882" y="8003"/>
                    <a:pt x="1103" y="8003"/>
                  </a:cubicBezTo>
                  <a:lnTo>
                    <a:pt x="4915" y="8003"/>
                  </a:lnTo>
                  <a:lnTo>
                    <a:pt x="4915" y="5829"/>
                  </a:lnTo>
                  <a:lnTo>
                    <a:pt x="4190" y="5168"/>
                  </a:lnTo>
                  <a:cubicBezTo>
                    <a:pt x="4190" y="5357"/>
                    <a:pt x="4033" y="5514"/>
                    <a:pt x="3844" y="5514"/>
                  </a:cubicBezTo>
                  <a:cubicBezTo>
                    <a:pt x="3655" y="5514"/>
                    <a:pt x="3497" y="5357"/>
                    <a:pt x="3497" y="5168"/>
                  </a:cubicBezTo>
                  <a:lnTo>
                    <a:pt x="3497" y="4411"/>
                  </a:lnTo>
                  <a:cubicBezTo>
                    <a:pt x="3497" y="3876"/>
                    <a:pt x="3214" y="3372"/>
                    <a:pt x="2741" y="3057"/>
                  </a:cubicBezTo>
                  <a:cubicBezTo>
                    <a:pt x="2458" y="2899"/>
                    <a:pt x="2143" y="2773"/>
                    <a:pt x="1796" y="2773"/>
                  </a:cubicBezTo>
                  <a:cubicBezTo>
                    <a:pt x="1607" y="2773"/>
                    <a:pt x="1449" y="2616"/>
                    <a:pt x="1449" y="2427"/>
                  </a:cubicBezTo>
                  <a:lnTo>
                    <a:pt x="1449" y="1229"/>
                  </a:lnTo>
                  <a:cubicBezTo>
                    <a:pt x="1449" y="473"/>
                    <a:pt x="945" y="1"/>
                    <a:pt x="347" y="1"/>
                  </a:cubicBezTo>
                  <a:close/>
                </a:path>
              </a:pathLst>
            </a:custGeom>
            <a:grpFill/>
            <a:ln>
              <a:noFill/>
            </a:ln>
          </p:spPr>
          <p:txBody>
            <a:bodyPr spcFirstLastPara="1" wrap="square" lIns="152376" tIns="152376" rIns="152376" bIns="152376"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2031980" fontAlgn="auto">
                <a:spcBef>
                  <a:spcPts val="0"/>
                </a:spcBef>
                <a:spcAft>
                  <a:spcPts val="0"/>
                </a:spcAft>
                <a:defRPr/>
              </a:pPr>
              <a:endParaRPr sz="3000">
                <a:solidFill>
                  <a:prstClr val="black"/>
                </a:solidFill>
                <a:latin typeface="Calibri" panose="020F0502020204030204"/>
              </a:endParaRPr>
            </a:p>
          </p:txBody>
        </p:sp>
      </p:grpSp>
      <p:grpSp>
        <p:nvGrpSpPr>
          <p:cNvPr id="82" name="Google Shape;6828;p85">
            <a:extLst>
              <a:ext uri="{FF2B5EF4-FFF2-40B4-BE49-F238E27FC236}">
                <a16:creationId xmlns:a16="http://schemas.microsoft.com/office/drawing/2014/main" id="{743C94B6-C8C0-2483-0290-7D92A81FDF0C}"/>
              </a:ext>
            </a:extLst>
          </p:cNvPr>
          <p:cNvGrpSpPr/>
          <p:nvPr/>
        </p:nvGrpSpPr>
        <p:grpSpPr>
          <a:xfrm>
            <a:off x="862839" y="6602410"/>
            <a:ext cx="885722" cy="885722"/>
            <a:chOff x="2037825" y="3254050"/>
            <a:chExt cx="296175" cy="296175"/>
          </a:xfrm>
          <a:solidFill>
            <a:sysClr val="window" lastClr="FFFFFF"/>
          </a:solidFill>
        </p:grpSpPr>
        <p:sp>
          <p:nvSpPr>
            <p:cNvPr id="83" name="Google Shape;6829;p85">
              <a:extLst>
                <a:ext uri="{FF2B5EF4-FFF2-40B4-BE49-F238E27FC236}">
                  <a16:creationId xmlns:a16="http://schemas.microsoft.com/office/drawing/2014/main" id="{EDC725E8-A1E7-9C4B-B9A9-A72E4AB4946E}"/>
                </a:ext>
              </a:extLst>
            </p:cNvPr>
            <p:cNvSpPr/>
            <p:nvPr/>
          </p:nvSpPr>
          <p:spPr>
            <a:xfrm>
              <a:off x="2063825" y="3254050"/>
              <a:ext cx="86675" cy="86675"/>
            </a:xfrm>
            <a:custGeom>
              <a:avLst/>
              <a:gdLst/>
              <a:ahLst/>
              <a:cxnLst/>
              <a:rect l="l" t="t" r="r" b="b"/>
              <a:pathLst>
                <a:path w="3467" h="3467" extrusionOk="0">
                  <a:moveTo>
                    <a:pt x="1733" y="1"/>
                  </a:moveTo>
                  <a:cubicBezTo>
                    <a:pt x="788" y="1"/>
                    <a:pt x="1" y="788"/>
                    <a:pt x="1" y="1733"/>
                  </a:cubicBezTo>
                  <a:cubicBezTo>
                    <a:pt x="1" y="2679"/>
                    <a:pt x="788" y="3466"/>
                    <a:pt x="1733" y="3466"/>
                  </a:cubicBezTo>
                  <a:cubicBezTo>
                    <a:pt x="2678" y="3466"/>
                    <a:pt x="3466" y="2679"/>
                    <a:pt x="3466" y="1733"/>
                  </a:cubicBezTo>
                  <a:cubicBezTo>
                    <a:pt x="3466" y="788"/>
                    <a:pt x="2678" y="1"/>
                    <a:pt x="1733" y="1"/>
                  </a:cubicBezTo>
                  <a:close/>
                </a:path>
              </a:pathLst>
            </a:custGeom>
            <a:grpFill/>
            <a:ln>
              <a:noFill/>
            </a:ln>
          </p:spPr>
          <p:txBody>
            <a:bodyPr spcFirstLastPara="1" wrap="square" lIns="152376" tIns="152376" rIns="152376" bIns="152376"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2031980" fontAlgn="auto">
                <a:spcBef>
                  <a:spcPts val="0"/>
                </a:spcBef>
                <a:spcAft>
                  <a:spcPts val="0"/>
                </a:spcAft>
                <a:defRPr/>
              </a:pPr>
              <a:endParaRPr sz="3000">
                <a:solidFill>
                  <a:prstClr val="black"/>
                </a:solidFill>
                <a:latin typeface="Calibri" panose="020F0502020204030204"/>
              </a:endParaRPr>
            </a:p>
          </p:txBody>
        </p:sp>
        <p:sp>
          <p:nvSpPr>
            <p:cNvPr id="84" name="Google Shape;6830;p85">
              <a:extLst>
                <a:ext uri="{FF2B5EF4-FFF2-40B4-BE49-F238E27FC236}">
                  <a16:creationId xmlns:a16="http://schemas.microsoft.com/office/drawing/2014/main" id="{7AADA8FE-268F-AEC2-2D09-38C559FFAE11}"/>
                </a:ext>
              </a:extLst>
            </p:cNvPr>
            <p:cNvSpPr/>
            <p:nvPr/>
          </p:nvSpPr>
          <p:spPr>
            <a:xfrm>
              <a:off x="2178025" y="3289500"/>
              <a:ext cx="104000" cy="67950"/>
            </a:xfrm>
            <a:custGeom>
              <a:avLst/>
              <a:gdLst/>
              <a:ahLst/>
              <a:cxnLst/>
              <a:rect l="l" t="t" r="r" b="b"/>
              <a:pathLst>
                <a:path w="4160" h="2718" extrusionOk="0">
                  <a:moveTo>
                    <a:pt x="347" y="0"/>
                  </a:moveTo>
                  <a:cubicBezTo>
                    <a:pt x="158" y="0"/>
                    <a:pt x="1" y="158"/>
                    <a:pt x="1" y="347"/>
                  </a:cubicBezTo>
                  <a:cubicBezTo>
                    <a:pt x="1" y="536"/>
                    <a:pt x="95" y="662"/>
                    <a:pt x="316" y="662"/>
                  </a:cubicBezTo>
                  <a:lnTo>
                    <a:pt x="2395" y="662"/>
                  </a:lnTo>
                  <a:cubicBezTo>
                    <a:pt x="2584" y="662"/>
                    <a:pt x="2742" y="820"/>
                    <a:pt x="2742" y="1009"/>
                  </a:cubicBezTo>
                  <a:lnTo>
                    <a:pt x="2742" y="1576"/>
                  </a:lnTo>
                  <a:lnTo>
                    <a:pt x="2616" y="1450"/>
                  </a:lnTo>
                  <a:cubicBezTo>
                    <a:pt x="2568" y="1387"/>
                    <a:pt x="2482" y="1355"/>
                    <a:pt x="2391" y="1355"/>
                  </a:cubicBezTo>
                  <a:cubicBezTo>
                    <a:pt x="2301" y="1355"/>
                    <a:pt x="2206" y="1387"/>
                    <a:pt x="2143" y="1450"/>
                  </a:cubicBezTo>
                  <a:cubicBezTo>
                    <a:pt x="2049" y="1576"/>
                    <a:pt x="2049" y="1796"/>
                    <a:pt x="2143" y="1922"/>
                  </a:cubicBezTo>
                  <a:lnTo>
                    <a:pt x="2868" y="2647"/>
                  </a:lnTo>
                  <a:cubicBezTo>
                    <a:pt x="2931" y="2694"/>
                    <a:pt x="3017" y="2718"/>
                    <a:pt x="3104" y="2718"/>
                  </a:cubicBezTo>
                  <a:cubicBezTo>
                    <a:pt x="3191" y="2718"/>
                    <a:pt x="3277" y="2694"/>
                    <a:pt x="3340" y="2647"/>
                  </a:cubicBezTo>
                  <a:lnTo>
                    <a:pt x="4033" y="1922"/>
                  </a:lnTo>
                  <a:cubicBezTo>
                    <a:pt x="4159" y="1796"/>
                    <a:pt x="4159" y="1576"/>
                    <a:pt x="4033" y="1450"/>
                  </a:cubicBezTo>
                  <a:cubicBezTo>
                    <a:pt x="3986" y="1387"/>
                    <a:pt x="3899" y="1355"/>
                    <a:pt x="3809" y="1355"/>
                  </a:cubicBezTo>
                  <a:cubicBezTo>
                    <a:pt x="3718" y="1355"/>
                    <a:pt x="3624" y="1387"/>
                    <a:pt x="3561" y="1450"/>
                  </a:cubicBezTo>
                  <a:lnTo>
                    <a:pt x="3466" y="1576"/>
                  </a:lnTo>
                  <a:lnTo>
                    <a:pt x="3466" y="1009"/>
                  </a:lnTo>
                  <a:cubicBezTo>
                    <a:pt x="3466" y="441"/>
                    <a:pt x="2994" y="0"/>
                    <a:pt x="2427" y="0"/>
                  </a:cubicBezTo>
                  <a:close/>
                </a:path>
              </a:pathLst>
            </a:custGeom>
            <a:grpFill/>
            <a:ln>
              <a:noFill/>
            </a:ln>
          </p:spPr>
          <p:txBody>
            <a:bodyPr spcFirstLastPara="1" wrap="square" lIns="152376" tIns="152376" rIns="152376" bIns="152376"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2031980" fontAlgn="auto">
                <a:spcBef>
                  <a:spcPts val="0"/>
                </a:spcBef>
                <a:spcAft>
                  <a:spcPts val="0"/>
                </a:spcAft>
                <a:defRPr/>
              </a:pPr>
              <a:endParaRPr sz="3000">
                <a:solidFill>
                  <a:prstClr val="black"/>
                </a:solidFill>
                <a:latin typeface="Calibri" panose="020F0502020204030204"/>
              </a:endParaRPr>
            </a:p>
          </p:txBody>
        </p:sp>
        <p:sp>
          <p:nvSpPr>
            <p:cNvPr id="85" name="Google Shape;6831;p85">
              <a:extLst>
                <a:ext uri="{FF2B5EF4-FFF2-40B4-BE49-F238E27FC236}">
                  <a16:creationId xmlns:a16="http://schemas.microsoft.com/office/drawing/2014/main" id="{BBAFAE49-A5A9-646A-2E97-FE6A9EA14C57}"/>
                </a:ext>
              </a:extLst>
            </p:cNvPr>
            <p:cNvSpPr/>
            <p:nvPr/>
          </p:nvSpPr>
          <p:spPr>
            <a:xfrm>
              <a:off x="2070125" y="3444225"/>
              <a:ext cx="106350" cy="69075"/>
            </a:xfrm>
            <a:custGeom>
              <a:avLst/>
              <a:gdLst/>
              <a:ahLst/>
              <a:cxnLst/>
              <a:rect l="l" t="t" r="r" b="b"/>
              <a:pathLst>
                <a:path w="4254" h="2763" extrusionOk="0">
                  <a:moveTo>
                    <a:pt x="1095" y="0"/>
                  </a:moveTo>
                  <a:cubicBezTo>
                    <a:pt x="1002" y="0"/>
                    <a:pt x="904" y="28"/>
                    <a:pt x="820" y="112"/>
                  </a:cubicBezTo>
                  <a:lnTo>
                    <a:pt x="127" y="805"/>
                  </a:lnTo>
                  <a:cubicBezTo>
                    <a:pt x="1" y="931"/>
                    <a:pt x="1" y="1184"/>
                    <a:pt x="127" y="1278"/>
                  </a:cubicBezTo>
                  <a:cubicBezTo>
                    <a:pt x="190" y="1341"/>
                    <a:pt x="276" y="1373"/>
                    <a:pt x="363" y="1373"/>
                  </a:cubicBezTo>
                  <a:cubicBezTo>
                    <a:pt x="449" y="1373"/>
                    <a:pt x="536" y="1341"/>
                    <a:pt x="599" y="1278"/>
                  </a:cubicBezTo>
                  <a:lnTo>
                    <a:pt x="725" y="1184"/>
                  </a:lnTo>
                  <a:lnTo>
                    <a:pt x="725" y="1719"/>
                  </a:lnTo>
                  <a:cubicBezTo>
                    <a:pt x="725" y="2318"/>
                    <a:pt x="1198" y="2759"/>
                    <a:pt x="1733" y="2759"/>
                  </a:cubicBezTo>
                  <a:lnTo>
                    <a:pt x="3813" y="2759"/>
                  </a:lnTo>
                  <a:cubicBezTo>
                    <a:pt x="3837" y="2761"/>
                    <a:pt x="3861" y="2763"/>
                    <a:pt x="3883" y="2763"/>
                  </a:cubicBezTo>
                  <a:cubicBezTo>
                    <a:pt x="4122" y="2763"/>
                    <a:pt x="4254" y="2616"/>
                    <a:pt x="4254" y="2444"/>
                  </a:cubicBezTo>
                  <a:cubicBezTo>
                    <a:pt x="4254" y="2223"/>
                    <a:pt x="4096" y="2066"/>
                    <a:pt x="3907" y="2066"/>
                  </a:cubicBezTo>
                  <a:lnTo>
                    <a:pt x="1828" y="2066"/>
                  </a:lnTo>
                  <a:cubicBezTo>
                    <a:pt x="1639" y="2066"/>
                    <a:pt x="1481" y="1908"/>
                    <a:pt x="1481" y="1719"/>
                  </a:cubicBezTo>
                  <a:lnTo>
                    <a:pt x="1481" y="1184"/>
                  </a:lnTo>
                  <a:lnTo>
                    <a:pt x="1576" y="1278"/>
                  </a:lnTo>
                  <a:cubicBezTo>
                    <a:pt x="1639" y="1341"/>
                    <a:pt x="1733" y="1373"/>
                    <a:pt x="1824" y="1373"/>
                  </a:cubicBezTo>
                  <a:cubicBezTo>
                    <a:pt x="1914" y="1373"/>
                    <a:pt x="2001" y="1341"/>
                    <a:pt x="2048" y="1278"/>
                  </a:cubicBezTo>
                  <a:cubicBezTo>
                    <a:pt x="2174" y="1184"/>
                    <a:pt x="2174" y="931"/>
                    <a:pt x="2048" y="805"/>
                  </a:cubicBezTo>
                  <a:lnTo>
                    <a:pt x="1355" y="112"/>
                  </a:lnTo>
                  <a:cubicBezTo>
                    <a:pt x="1292" y="81"/>
                    <a:pt x="1261" y="81"/>
                    <a:pt x="1229" y="18"/>
                  </a:cubicBezTo>
                  <a:cubicBezTo>
                    <a:pt x="1187" y="7"/>
                    <a:pt x="1142" y="0"/>
                    <a:pt x="1095" y="0"/>
                  </a:cubicBezTo>
                  <a:close/>
                </a:path>
              </a:pathLst>
            </a:custGeom>
            <a:grpFill/>
            <a:ln>
              <a:noFill/>
            </a:ln>
          </p:spPr>
          <p:txBody>
            <a:bodyPr spcFirstLastPara="1" wrap="square" lIns="152376" tIns="152376" rIns="152376" bIns="152376"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2031980" fontAlgn="auto">
                <a:spcBef>
                  <a:spcPts val="0"/>
                </a:spcBef>
                <a:spcAft>
                  <a:spcPts val="0"/>
                </a:spcAft>
                <a:defRPr/>
              </a:pPr>
              <a:endParaRPr sz="3000">
                <a:solidFill>
                  <a:prstClr val="black"/>
                </a:solidFill>
                <a:latin typeface="Calibri" panose="020F0502020204030204"/>
              </a:endParaRPr>
            </a:p>
          </p:txBody>
        </p:sp>
        <p:sp>
          <p:nvSpPr>
            <p:cNvPr id="86" name="Google Shape;6832;p85">
              <a:extLst>
                <a:ext uri="{FF2B5EF4-FFF2-40B4-BE49-F238E27FC236}">
                  <a16:creationId xmlns:a16="http://schemas.microsoft.com/office/drawing/2014/main" id="{3E6716F5-FA26-F38A-2B44-D8B70DF866EA}"/>
                </a:ext>
              </a:extLst>
            </p:cNvPr>
            <p:cNvSpPr/>
            <p:nvPr/>
          </p:nvSpPr>
          <p:spPr>
            <a:xfrm>
              <a:off x="2219775" y="3375350"/>
              <a:ext cx="89025" cy="85875"/>
            </a:xfrm>
            <a:custGeom>
              <a:avLst/>
              <a:gdLst/>
              <a:ahLst/>
              <a:cxnLst/>
              <a:rect l="l" t="t" r="r" b="b"/>
              <a:pathLst>
                <a:path w="3561" h="3435" extrusionOk="0">
                  <a:moveTo>
                    <a:pt x="1796" y="0"/>
                  </a:moveTo>
                  <a:cubicBezTo>
                    <a:pt x="788" y="0"/>
                    <a:pt x="0" y="788"/>
                    <a:pt x="0" y="1733"/>
                  </a:cubicBezTo>
                  <a:cubicBezTo>
                    <a:pt x="0" y="2647"/>
                    <a:pt x="788" y="3434"/>
                    <a:pt x="1796" y="3434"/>
                  </a:cubicBezTo>
                  <a:cubicBezTo>
                    <a:pt x="2741" y="3434"/>
                    <a:pt x="3561" y="2647"/>
                    <a:pt x="3561" y="1733"/>
                  </a:cubicBezTo>
                  <a:cubicBezTo>
                    <a:pt x="3561" y="788"/>
                    <a:pt x="2773" y="0"/>
                    <a:pt x="1796" y="0"/>
                  </a:cubicBezTo>
                  <a:close/>
                </a:path>
              </a:pathLst>
            </a:custGeom>
            <a:grpFill/>
            <a:ln>
              <a:noFill/>
            </a:ln>
          </p:spPr>
          <p:txBody>
            <a:bodyPr spcFirstLastPara="1" wrap="square" lIns="152376" tIns="152376" rIns="152376" bIns="152376"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2031980" fontAlgn="auto">
                <a:spcBef>
                  <a:spcPts val="0"/>
                </a:spcBef>
                <a:spcAft>
                  <a:spcPts val="0"/>
                </a:spcAft>
                <a:defRPr/>
              </a:pPr>
              <a:endParaRPr sz="3000">
                <a:solidFill>
                  <a:prstClr val="black"/>
                </a:solidFill>
                <a:latin typeface="Calibri" panose="020F0502020204030204"/>
              </a:endParaRPr>
            </a:p>
          </p:txBody>
        </p:sp>
        <p:sp>
          <p:nvSpPr>
            <p:cNvPr id="87" name="Google Shape;6833;p85">
              <a:extLst>
                <a:ext uri="{FF2B5EF4-FFF2-40B4-BE49-F238E27FC236}">
                  <a16:creationId xmlns:a16="http://schemas.microsoft.com/office/drawing/2014/main" id="{AE203E6E-4C04-1CBD-A85B-886CFA1A740A}"/>
                </a:ext>
              </a:extLst>
            </p:cNvPr>
            <p:cNvSpPr/>
            <p:nvPr/>
          </p:nvSpPr>
          <p:spPr>
            <a:xfrm>
              <a:off x="2037825" y="3339125"/>
              <a:ext cx="138650" cy="88225"/>
            </a:xfrm>
            <a:custGeom>
              <a:avLst/>
              <a:gdLst/>
              <a:ahLst/>
              <a:cxnLst/>
              <a:rect l="l" t="t" r="r" b="b"/>
              <a:pathLst>
                <a:path w="5546" h="3529" extrusionOk="0">
                  <a:moveTo>
                    <a:pt x="1072" y="0"/>
                  </a:moveTo>
                  <a:cubicBezTo>
                    <a:pt x="442" y="536"/>
                    <a:pt x="32" y="1292"/>
                    <a:pt x="32" y="2143"/>
                  </a:cubicBezTo>
                  <a:lnTo>
                    <a:pt x="32" y="3182"/>
                  </a:lnTo>
                  <a:cubicBezTo>
                    <a:pt x="1" y="3371"/>
                    <a:pt x="158" y="3529"/>
                    <a:pt x="347" y="3529"/>
                  </a:cubicBezTo>
                  <a:lnTo>
                    <a:pt x="5199" y="3529"/>
                  </a:lnTo>
                  <a:cubicBezTo>
                    <a:pt x="5388" y="3529"/>
                    <a:pt x="5546" y="3371"/>
                    <a:pt x="5546" y="3182"/>
                  </a:cubicBezTo>
                  <a:lnTo>
                    <a:pt x="5546" y="2143"/>
                  </a:lnTo>
                  <a:cubicBezTo>
                    <a:pt x="5546" y="1292"/>
                    <a:pt x="5168" y="536"/>
                    <a:pt x="4538" y="0"/>
                  </a:cubicBezTo>
                  <a:cubicBezTo>
                    <a:pt x="4096" y="473"/>
                    <a:pt x="3466" y="756"/>
                    <a:pt x="2805" y="756"/>
                  </a:cubicBezTo>
                  <a:cubicBezTo>
                    <a:pt x="2143" y="756"/>
                    <a:pt x="1513" y="504"/>
                    <a:pt x="1072" y="0"/>
                  </a:cubicBezTo>
                  <a:close/>
                </a:path>
              </a:pathLst>
            </a:custGeom>
            <a:grpFill/>
            <a:ln>
              <a:noFill/>
            </a:ln>
          </p:spPr>
          <p:txBody>
            <a:bodyPr spcFirstLastPara="1" wrap="square" lIns="152376" tIns="152376" rIns="152376" bIns="152376"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2031980" fontAlgn="auto">
                <a:spcBef>
                  <a:spcPts val="0"/>
                </a:spcBef>
                <a:spcAft>
                  <a:spcPts val="0"/>
                </a:spcAft>
                <a:defRPr/>
              </a:pPr>
              <a:endParaRPr sz="3000">
                <a:solidFill>
                  <a:prstClr val="black"/>
                </a:solidFill>
                <a:latin typeface="Calibri" panose="020F0502020204030204"/>
              </a:endParaRPr>
            </a:p>
          </p:txBody>
        </p:sp>
        <p:sp>
          <p:nvSpPr>
            <p:cNvPr id="88" name="Google Shape;6834;p85">
              <a:extLst>
                <a:ext uri="{FF2B5EF4-FFF2-40B4-BE49-F238E27FC236}">
                  <a16:creationId xmlns:a16="http://schemas.microsoft.com/office/drawing/2014/main" id="{ADDBA17C-1699-972E-D043-A690F4455C3F}"/>
                </a:ext>
              </a:extLst>
            </p:cNvPr>
            <p:cNvSpPr/>
            <p:nvPr/>
          </p:nvSpPr>
          <p:spPr>
            <a:xfrm>
              <a:off x="2193775" y="3460400"/>
              <a:ext cx="140225" cy="89825"/>
            </a:xfrm>
            <a:custGeom>
              <a:avLst/>
              <a:gdLst/>
              <a:ahLst/>
              <a:cxnLst/>
              <a:rect l="l" t="t" r="r" b="b"/>
              <a:pathLst>
                <a:path w="5609" h="3593" extrusionOk="0">
                  <a:moveTo>
                    <a:pt x="1009" y="1"/>
                  </a:moveTo>
                  <a:cubicBezTo>
                    <a:pt x="379" y="537"/>
                    <a:pt x="1" y="1261"/>
                    <a:pt x="1" y="2143"/>
                  </a:cubicBezTo>
                  <a:lnTo>
                    <a:pt x="1" y="3246"/>
                  </a:lnTo>
                  <a:cubicBezTo>
                    <a:pt x="1" y="3435"/>
                    <a:pt x="158" y="3592"/>
                    <a:pt x="347" y="3592"/>
                  </a:cubicBezTo>
                  <a:lnTo>
                    <a:pt x="5262" y="3592"/>
                  </a:lnTo>
                  <a:cubicBezTo>
                    <a:pt x="5451" y="3592"/>
                    <a:pt x="5609" y="3435"/>
                    <a:pt x="5609" y="3246"/>
                  </a:cubicBezTo>
                  <a:lnTo>
                    <a:pt x="5609" y="2143"/>
                  </a:lnTo>
                  <a:cubicBezTo>
                    <a:pt x="5577" y="1261"/>
                    <a:pt x="5199" y="537"/>
                    <a:pt x="4569" y="1"/>
                  </a:cubicBezTo>
                  <a:cubicBezTo>
                    <a:pt x="4128" y="474"/>
                    <a:pt x="3498" y="757"/>
                    <a:pt x="2773" y="757"/>
                  </a:cubicBezTo>
                  <a:cubicBezTo>
                    <a:pt x="2080" y="757"/>
                    <a:pt x="1450" y="474"/>
                    <a:pt x="1009" y="1"/>
                  </a:cubicBezTo>
                  <a:close/>
                </a:path>
              </a:pathLst>
            </a:custGeom>
            <a:grpFill/>
            <a:ln>
              <a:noFill/>
            </a:ln>
          </p:spPr>
          <p:txBody>
            <a:bodyPr spcFirstLastPara="1" wrap="square" lIns="152376" tIns="152376" rIns="152376" bIns="152376"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2031980" fontAlgn="auto">
                <a:spcBef>
                  <a:spcPts val="0"/>
                </a:spcBef>
                <a:spcAft>
                  <a:spcPts val="0"/>
                </a:spcAft>
                <a:defRPr/>
              </a:pPr>
              <a:endParaRPr sz="3000">
                <a:solidFill>
                  <a:prstClr val="black"/>
                </a:solidFill>
                <a:latin typeface="Calibri" panose="020F0502020204030204"/>
              </a:endParaRPr>
            </a:p>
          </p:txBody>
        </p:sp>
      </p:grpSp>
      <p:cxnSp>
        <p:nvCxnSpPr>
          <p:cNvPr id="90" name="Google Shape;5195;p79">
            <a:extLst>
              <a:ext uri="{FF2B5EF4-FFF2-40B4-BE49-F238E27FC236}">
                <a16:creationId xmlns:a16="http://schemas.microsoft.com/office/drawing/2014/main" id="{EF05270B-0716-C0C3-A951-B4F695D780DB}"/>
              </a:ext>
            </a:extLst>
          </p:cNvPr>
          <p:cNvCxnSpPr>
            <a:cxnSpLocks/>
          </p:cNvCxnSpPr>
          <p:nvPr/>
        </p:nvCxnSpPr>
        <p:spPr>
          <a:xfrm flipV="1">
            <a:off x="2838759" y="6196425"/>
            <a:ext cx="2" cy="1604016"/>
          </a:xfrm>
          <a:prstGeom prst="straightConnector1">
            <a:avLst/>
          </a:prstGeom>
          <a:noFill/>
          <a:ln w="28575" cap="flat" cmpd="sng">
            <a:solidFill>
              <a:srgbClr val="E7E6E6"/>
            </a:solidFill>
            <a:prstDash val="solid"/>
            <a:round/>
            <a:headEnd type="none" w="med" len="med"/>
            <a:tailEnd type="none" w="med" len="med"/>
          </a:ln>
        </p:spPr>
      </p:cxnSp>
      <p:cxnSp>
        <p:nvCxnSpPr>
          <p:cNvPr id="93" name="Google Shape;5195;p79">
            <a:extLst>
              <a:ext uri="{FF2B5EF4-FFF2-40B4-BE49-F238E27FC236}">
                <a16:creationId xmlns:a16="http://schemas.microsoft.com/office/drawing/2014/main" id="{1D47B375-FC6D-A4CF-886D-127B1EE9A024}"/>
              </a:ext>
            </a:extLst>
          </p:cNvPr>
          <p:cNvCxnSpPr>
            <a:cxnSpLocks/>
          </p:cNvCxnSpPr>
          <p:nvPr/>
        </p:nvCxnSpPr>
        <p:spPr>
          <a:xfrm rot="5400000">
            <a:off x="2483709" y="6679592"/>
            <a:ext cx="0" cy="731362"/>
          </a:xfrm>
          <a:prstGeom prst="straightConnector1">
            <a:avLst/>
          </a:prstGeom>
          <a:noFill/>
          <a:ln w="28575" cap="flat" cmpd="sng">
            <a:solidFill>
              <a:srgbClr val="E7E6E6"/>
            </a:solidFill>
            <a:prstDash val="solid"/>
            <a:round/>
            <a:headEnd type="none" w="med" len="med"/>
            <a:tailEnd type="none" w="med" len="med"/>
          </a:ln>
        </p:spPr>
      </p:cxnSp>
      <p:cxnSp>
        <p:nvCxnSpPr>
          <p:cNvPr id="98" name="Google Shape;5195;p79">
            <a:extLst>
              <a:ext uri="{FF2B5EF4-FFF2-40B4-BE49-F238E27FC236}">
                <a16:creationId xmlns:a16="http://schemas.microsoft.com/office/drawing/2014/main" id="{57EA40EE-78CF-BB71-DE9A-FDEE8F36F645}"/>
              </a:ext>
            </a:extLst>
          </p:cNvPr>
          <p:cNvCxnSpPr>
            <a:cxnSpLocks/>
          </p:cNvCxnSpPr>
          <p:nvPr/>
        </p:nvCxnSpPr>
        <p:spPr>
          <a:xfrm flipV="1">
            <a:off x="12857277" y="2778001"/>
            <a:ext cx="2" cy="1604016"/>
          </a:xfrm>
          <a:prstGeom prst="straightConnector1">
            <a:avLst/>
          </a:prstGeom>
          <a:noFill/>
          <a:ln w="28575" cap="flat" cmpd="sng">
            <a:solidFill>
              <a:srgbClr val="E7E6E6"/>
            </a:solidFill>
            <a:prstDash val="solid"/>
            <a:round/>
            <a:headEnd type="none" w="med" len="med"/>
            <a:tailEnd type="none" w="med" len="med"/>
          </a:ln>
        </p:spPr>
      </p:cxnSp>
      <p:cxnSp>
        <p:nvCxnSpPr>
          <p:cNvPr id="100" name="Google Shape;5195;p79">
            <a:extLst>
              <a:ext uri="{FF2B5EF4-FFF2-40B4-BE49-F238E27FC236}">
                <a16:creationId xmlns:a16="http://schemas.microsoft.com/office/drawing/2014/main" id="{259B58AA-C160-6992-0917-65A6431B8978}"/>
              </a:ext>
            </a:extLst>
          </p:cNvPr>
          <p:cNvCxnSpPr>
            <a:cxnSpLocks/>
          </p:cNvCxnSpPr>
          <p:nvPr/>
        </p:nvCxnSpPr>
        <p:spPr>
          <a:xfrm rot="5400000">
            <a:off x="12488838" y="3128257"/>
            <a:ext cx="0" cy="736864"/>
          </a:xfrm>
          <a:prstGeom prst="straightConnector1">
            <a:avLst/>
          </a:prstGeom>
          <a:noFill/>
          <a:ln w="28575" cap="flat" cmpd="sng">
            <a:solidFill>
              <a:srgbClr val="E7E6E6"/>
            </a:solidFill>
            <a:prstDash val="solid"/>
            <a:round/>
            <a:headEnd type="none" w="med" len="med"/>
            <a:tailEnd type="none" w="med" len="med"/>
          </a:ln>
        </p:spPr>
      </p:cxnSp>
      <p:grpSp>
        <p:nvGrpSpPr>
          <p:cNvPr id="101" name="Google Shape;6394;p85">
            <a:extLst>
              <a:ext uri="{FF2B5EF4-FFF2-40B4-BE49-F238E27FC236}">
                <a16:creationId xmlns:a16="http://schemas.microsoft.com/office/drawing/2014/main" id="{7C4E29B7-E3A6-D91C-0E71-C5DB2EA2A6D1}"/>
              </a:ext>
            </a:extLst>
          </p:cNvPr>
          <p:cNvGrpSpPr/>
          <p:nvPr/>
        </p:nvGrpSpPr>
        <p:grpSpPr>
          <a:xfrm>
            <a:off x="10910667" y="3170485"/>
            <a:ext cx="794302" cy="760696"/>
            <a:chOff x="-63250675" y="3744075"/>
            <a:chExt cx="320350" cy="318100"/>
          </a:xfrm>
          <a:solidFill>
            <a:sysClr val="window" lastClr="FFFFFF"/>
          </a:solidFill>
        </p:grpSpPr>
        <p:sp>
          <p:nvSpPr>
            <p:cNvPr id="106" name="Google Shape;6395;p85">
              <a:extLst>
                <a:ext uri="{FF2B5EF4-FFF2-40B4-BE49-F238E27FC236}">
                  <a16:creationId xmlns:a16="http://schemas.microsoft.com/office/drawing/2014/main" id="{3C8D0C0D-6446-B7B5-B295-EF1C31EFFB2D}"/>
                </a:ext>
              </a:extLst>
            </p:cNvPr>
            <p:cNvSpPr/>
            <p:nvPr/>
          </p:nvSpPr>
          <p:spPr>
            <a:xfrm>
              <a:off x="-63126250" y="3744075"/>
              <a:ext cx="195925" cy="192875"/>
            </a:xfrm>
            <a:custGeom>
              <a:avLst/>
              <a:gdLst/>
              <a:ahLst/>
              <a:cxnLst/>
              <a:rect l="l" t="t" r="r" b="b"/>
              <a:pathLst>
                <a:path w="7837" h="7715" extrusionOk="0">
                  <a:moveTo>
                    <a:pt x="6020" y="0"/>
                  </a:moveTo>
                  <a:cubicBezTo>
                    <a:pt x="5921" y="0"/>
                    <a:pt x="5820" y="37"/>
                    <a:pt x="5735" y="122"/>
                  </a:cubicBezTo>
                  <a:lnTo>
                    <a:pt x="4097" y="1760"/>
                  </a:lnTo>
                  <a:cubicBezTo>
                    <a:pt x="4034" y="1854"/>
                    <a:pt x="3971" y="1917"/>
                    <a:pt x="3971" y="2012"/>
                  </a:cubicBezTo>
                  <a:lnTo>
                    <a:pt x="3782" y="3304"/>
                  </a:lnTo>
                  <a:lnTo>
                    <a:pt x="1734" y="5351"/>
                  </a:lnTo>
                  <a:cubicBezTo>
                    <a:pt x="1576" y="5288"/>
                    <a:pt x="1387" y="5225"/>
                    <a:pt x="1230" y="5225"/>
                  </a:cubicBezTo>
                  <a:cubicBezTo>
                    <a:pt x="537" y="5225"/>
                    <a:pt x="1" y="5793"/>
                    <a:pt x="1" y="6486"/>
                  </a:cubicBezTo>
                  <a:cubicBezTo>
                    <a:pt x="1" y="7210"/>
                    <a:pt x="537" y="7714"/>
                    <a:pt x="1230" y="7714"/>
                  </a:cubicBezTo>
                  <a:cubicBezTo>
                    <a:pt x="1891" y="7714"/>
                    <a:pt x="2458" y="7179"/>
                    <a:pt x="2458" y="6486"/>
                  </a:cubicBezTo>
                  <a:cubicBezTo>
                    <a:pt x="2458" y="6297"/>
                    <a:pt x="2395" y="6139"/>
                    <a:pt x="2332" y="5982"/>
                  </a:cubicBezTo>
                  <a:lnTo>
                    <a:pt x="4380" y="3934"/>
                  </a:lnTo>
                  <a:lnTo>
                    <a:pt x="5672" y="3745"/>
                  </a:lnTo>
                  <a:cubicBezTo>
                    <a:pt x="5735" y="3745"/>
                    <a:pt x="5829" y="3713"/>
                    <a:pt x="5924" y="3619"/>
                  </a:cubicBezTo>
                  <a:lnTo>
                    <a:pt x="7562" y="1980"/>
                  </a:lnTo>
                  <a:cubicBezTo>
                    <a:pt x="7837" y="1706"/>
                    <a:pt x="7609" y="1254"/>
                    <a:pt x="7251" y="1254"/>
                  </a:cubicBezTo>
                  <a:cubicBezTo>
                    <a:pt x="7240" y="1254"/>
                    <a:pt x="7228" y="1255"/>
                    <a:pt x="7216" y="1256"/>
                  </a:cubicBezTo>
                  <a:lnTo>
                    <a:pt x="6302" y="1382"/>
                  </a:lnTo>
                  <a:lnTo>
                    <a:pt x="6428" y="468"/>
                  </a:lnTo>
                  <a:cubicBezTo>
                    <a:pt x="6472" y="203"/>
                    <a:pt x="6253" y="0"/>
                    <a:pt x="6020" y="0"/>
                  </a:cubicBezTo>
                  <a:close/>
                </a:path>
              </a:pathLst>
            </a:custGeom>
            <a:grpFill/>
            <a:ln>
              <a:noFill/>
            </a:ln>
          </p:spPr>
          <p:txBody>
            <a:bodyPr spcFirstLastPara="1" wrap="square" lIns="152376" tIns="152376" rIns="152376" bIns="152376"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2031980" fontAlgn="auto">
                <a:spcBef>
                  <a:spcPts val="0"/>
                </a:spcBef>
                <a:spcAft>
                  <a:spcPts val="0"/>
                </a:spcAft>
                <a:defRPr/>
              </a:pPr>
              <a:endParaRPr sz="3000">
                <a:solidFill>
                  <a:prstClr val="black"/>
                </a:solidFill>
                <a:latin typeface="Calibri" panose="020F0502020204030204"/>
              </a:endParaRPr>
            </a:p>
          </p:txBody>
        </p:sp>
        <p:sp>
          <p:nvSpPr>
            <p:cNvPr id="107" name="Google Shape;6396;p85">
              <a:extLst>
                <a:ext uri="{FF2B5EF4-FFF2-40B4-BE49-F238E27FC236}">
                  <a16:creationId xmlns:a16="http://schemas.microsoft.com/office/drawing/2014/main" id="{CA49CAAA-6C6C-B17E-0BF1-2F914C55BF87}"/>
                </a:ext>
              </a:extLst>
            </p:cNvPr>
            <p:cNvSpPr/>
            <p:nvPr/>
          </p:nvSpPr>
          <p:spPr>
            <a:xfrm>
              <a:off x="-63190025" y="3814050"/>
              <a:ext cx="186675" cy="185900"/>
            </a:xfrm>
            <a:custGeom>
              <a:avLst/>
              <a:gdLst/>
              <a:ahLst/>
              <a:cxnLst/>
              <a:rect l="l" t="t" r="r" b="b"/>
              <a:pathLst>
                <a:path w="7467" h="7436" extrusionOk="0">
                  <a:moveTo>
                    <a:pt x="3718" y="1"/>
                  </a:moveTo>
                  <a:cubicBezTo>
                    <a:pt x="1670" y="1"/>
                    <a:pt x="0" y="1670"/>
                    <a:pt x="0" y="3750"/>
                  </a:cubicBezTo>
                  <a:cubicBezTo>
                    <a:pt x="0" y="5797"/>
                    <a:pt x="1638" y="7436"/>
                    <a:pt x="3718" y="7436"/>
                  </a:cubicBezTo>
                  <a:cubicBezTo>
                    <a:pt x="5765" y="7436"/>
                    <a:pt x="7467" y="5797"/>
                    <a:pt x="7467" y="3750"/>
                  </a:cubicBezTo>
                  <a:cubicBezTo>
                    <a:pt x="7467" y="3151"/>
                    <a:pt x="7341" y="2647"/>
                    <a:pt x="7120" y="2143"/>
                  </a:cubicBezTo>
                  <a:lnTo>
                    <a:pt x="5828" y="3435"/>
                  </a:lnTo>
                  <a:cubicBezTo>
                    <a:pt x="5828" y="3498"/>
                    <a:pt x="5860" y="3624"/>
                    <a:pt x="5860" y="3718"/>
                  </a:cubicBezTo>
                  <a:cubicBezTo>
                    <a:pt x="5860" y="4852"/>
                    <a:pt x="4915" y="5797"/>
                    <a:pt x="3781" y="5797"/>
                  </a:cubicBezTo>
                  <a:cubicBezTo>
                    <a:pt x="2615" y="5797"/>
                    <a:pt x="1670" y="4852"/>
                    <a:pt x="1670" y="3718"/>
                  </a:cubicBezTo>
                  <a:cubicBezTo>
                    <a:pt x="1733" y="2552"/>
                    <a:pt x="2615" y="1607"/>
                    <a:pt x="3781" y="1607"/>
                  </a:cubicBezTo>
                  <a:cubicBezTo>
                    <a:pt x="3875" y="1607"/>
                    <a:pt x="3970" y="1607"/>
                    <a:pt x="4033" y="1670"/>
                  </a:cubicBezTo>
                  <a:lnTo>
                    <a:pt x="5356" y="347"/>
                  </a:lnTo>
                  <a:cubicBezTo>
                    <a:pt x="4883" y="127"/>
                    <a:pt x="4316" y="1"/>
                    <a:pt x="3718" y="1"/>
                  </a:cubicBezTo>
                  <a:close/>
                </a:path>
              </a:pathLst>
            </a:custGeom>
            <a:grpFill/>
            <a:ln>
              <a:noFill/>
            </a:ln>
          </p:spPr>
          <p:txBody>
            <a:bodyPr spcFirstLastPara="1" wrap="square" lIns="152376" tIns="152376" rIns="152376" bIns="152376"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2031980" fontAlgn="auto">
                <a:spcBef>
                  <a:spcPts val="0"/>
                </a:spcBef>
                <a:spcAft>
                  <a:spcPts val="0"/>
                </a:spcAft>
                <a:defRPr/>
              </a:pPr>
              <a:endParaRPr sz="3000">
                <a:solidFill>
                  <a:prstClr val="black"/>
                </a:solidFill>
                <a:latin typeface="Calibri" panose="020F0502020204030204"/>
              </a:endParaRPr>
            </a:p>
          </p:txBody>
        </p:sp>
        <p:sp>
          <p:nvSpPr>
            <p:cNvPr id="108" name="Google Shape;6397;p85">
              <a:extLst>
                <a:ext uri="{FF2B5EF4-FFF2-40B4-BE49-F238E27FC236}">
                  <a16:creationId xmlns:a16="http://schemas.microsoft.com/office/drawing/2014/main" id="{803C08CA-14B7-F8FC-F4C5-D41D47EBF9F1}"/>
                </a:ext>
              </a:extLst>
            </p:cNvPr>
            <p:cNvSpPr/>
            <p:nvPr/>
          </p:nvSpPr>
          <p:spPr>
            <a:xfrm>
              <a:off x="-63250675" y="3751050"/>
              <a:ext cx="311125" cy="311125"/>
            </a:xfrm>
            <a:custGeom>
              <a:avLst/>
              <a:gdLst/>
              <a:ahLst/>
              <a:cxnLst/>
              <a:rect l="l" t="t" r="r" b="b"/>
              <a:pathLst>
                <a:path w="12445" h="12445" extrusionOk="0">
                  <a:moveTo>
                    <a:pt x="6270" y="0"/>
                  </a:moveTo>
                  <a:cubicBezTo>
                    <a:pt x="2773" y="0"/>
                    <a:pt x="0" y="2804"/>
                    <a:pt x="0" y="6238"/>
                  </a:cubicBezTo>
                  <a:cubicBezTo>
                    <a:pt x="0" y="9641"/>
                    <a:pt x="2804" y="12445"/>
                    <a:pt x="6238" y="12445"/>
                  </a:cubicBezTo>
                  <a:cubicBezTo>
                    <a:pt x="9672" y="12445"/>
                    <a:pt x="12445" y="9641"/>
                    <a:pt x="12445" y="6238"/>
                  </a:cubicBezTo>
                  <a:cubicBezTo>
                    <a:pt x="12445" y="5325"/>
                    <a:pt x="12256" y="4411"/>
                    <a:pt x="11878" y="3592"/>
                  </a:cubicBezTo>
                  <a:lnTo>
                    <a:pt x="11563" y="3907"/>
                  </a:lnTo>
                  <a:cubicBezTo>
                    <a:pt x="11342" y="4096"/>
                    <a:pt x="11121" y="4222"/>
                    <a:pt x="10838" y="4253"/>
                  </a:cubicBezTo>
                  <a:lnTo>
                    <a:pt x="10397" y="4348"/>
                  </a:lnTo>
                  <a:cubicBezTo>
                    <a:pt x="10680" y="4915"/>
                    <a:pt x="10806" y="5545"/>
                    <a:pt x="10806" y="6238"/>
                  </a:cubicBezTo>
                  <a:cubicBezTo>
                    <a:pt x="10806" y="8759"/>
                    <a:pt x="8759" y="10743"/>
                    <a:pt x="6270" y="10743"/>
                  </a:cubicBezTo>
                  <a:cubicBezTo>
                    <a:pt x="3781" y="10743"/>
                    <a:pt x="1733" y="8696"/>
                    <a:pt x="1733" y="6238"/>
                  </a:cubicBezTo>
                  <a:cubicBezTo>
                    <a:pt x="1733" y="3718"/>
                    <a:pt x="3781" y="1670"/>
                    <a:pt x="6270" y="1670"/>
                  </a:cubicBezTo>
                  <a:cubicBezTo>
                    <a:pt x="6931" y="1670"/>
                    <a:pt x="7561" y="1796"/>
                    <a:pt x="8160" y="2048"/>
                  </a:cubicBezTo>
                  <a:lnTo>
                    <a:pt x="8254" y="1607"/>
                  </a:lnTo>
                  <a:cubicBezTo>
                    <a:pt x="8286" y="1355"/>
                    <a:pt x="8412" y="1103"/>
                    <a:pt x="8601" y="914"/>
                  </a:cubicBezTo>
                  <a:lnTo>
                    <a:pt x="8916" y="599"/>
                  </a:lnTo>
                  <a:cubicBezTo>
                    <a:pt x="8097" y="189"/>
                    <a:pt x="7215" y="0"/>
                    <a:pt x="6270" y="0"/>
                  </a:cubicBezTo>
                  <a:close/>
                </a:path>
              </a:pathLst>
            </a:custGeom>
            <a:grpFill/>
            <a:ln>
              <a:noFill/>
            </a:ln>
          </p:spPr>
          <p:txBody>
            <a:bodyPr spcFirstLastPara="1" wrap="square" lIns="152376" tIns="152376" rIns="152376" bIns="152376"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2031980" fontAlgn="auto">
                <a:spcBef>
                  <a:spcPts val="0"/>
                </a:spcBef>
                <a:spcAft>
                  <a:spcPts val="0"/>
                </a:spcAft>
                <a:defRPr/>
              </a:pPr>
              <a:endParaRPr sz="3000">
                <a:solidFill>
                  <a:prstClr val="black"/>
                </a:solidFill>
                <a:latin typeface="Calibri" panose="020F0502020204030204"/>
              </a:endParaRPr>
            </a:p>
          </p:txBody>
        </p:sp>
      </p:grpSp>
      <p:cxnSp>
        <p:nvCxnSpPr>
          <p:cNvPr id="109" name="Google Shape;5195;p79">
            <a:extLst>
              <a:ext uri="{FF2B5EF4-FFF2-40B4-BE49-F238E27FC236}">
                <a16:creationId xmlns:a16="http://schemas.microsoft.com/office/drawing/2014/main" id="{4BB03763-5914-B32E-DB4C-87E780948DD0}"/>
              </a:ext>
            </a:extLst>
          </p:cNvPr>
          <p:cNvCxnSpPr>
            <a:cxnSpLocks/>
          </p:cNvCxnSpPr>
          <p:nvPr/>
        </p:nvCxnSpPr>
        <p:spPr>
          <a:xfrm flipV="1">
            <a:off x="12857277" y="6048916"/>
            <a:ext cx="2" cy="1604016"/>
          </a:xfrm>
          <a:prstGeom prst="straightConnector1">
            <a:avLst/>
          </a:prstGeom>
          <a:noFill/>
          <a:ln w="28575" cap="flat" cmpd="sng">
            <a:solidFill>
              <a:srgbClr val="E7E6E6"/>
            </a:solidFill>
            <a:prstDash val="solid"/>
            <a:round/>
            <a:headEnd type="none" w="med" len="med"/>
            <a:tailEnd type="none" w="med" len="med"/>
          </a:ln>
        </p:spPr>
      </p:cxnSp>
      <p:cxnSp>
        <p:nvCxnSpPr>
          <p:cNvPr id="110" name="Google Shape;5195;p79">
            <a:extLst>
              <a:ext uri="{FF2B5EF4-FFF2-40B4-BE49-F238E27FC236}">
                <a16:creationId xmlns:a16="http://schemas.microsoft.com/office/drawing/2014/main" id="{FFEEC6DD-BA52-7649-992D-A37772F63F57}"/>
              </a:ext>
            </a:extLst>
          </p:cNvPr>
          <p:cNvCxnSpPr>
            <a:cxnSpLocks/>
          </p:cNvCxnSpPr>
          <p:nvPr/>
        </p:nvCxnSpPr>
        <p:spPr>
          <a:xfrm rot="5400000">
            <a:off x="12488840" y="6399170"/>
            <a:ext cx="0" cy="736864"/>
          </a:xfrm>
          <a:prstGeom prst="straightConnector1">
            <a:avLst/>
          </a:prstGeom>
          <a:noFill/>
          <a:ln w="28575" cap="flat" cmpd="sng">
            <a:solidFill>
              <a:srgbClr val="E7E6E6"/>
            </a:solidFill>
            <a:prstDash val="solid"/>
            <a:round/>
            <a:headEnd type="none" w="med" len="med"/>
            <a:tailEnd type="none" w="med" len="med"/>
          </a:ln>
        </p:spPr>
      </p:cxnSp>
      <p:grpSp>
        <p:nvGrpSpPr>
          <p:cNvPr id="111" name="Google Shape;7182;p84">
            <a:extLst>
              <a:ext uri="{FF2B5EF4-FFF2-40B4-BE49-F238E27FC236}">
                <a16:creationId xmlns:a16="http://schemas.microsoft.com/office/drawing/2014/main" id="{2FF6EAC0-3995-017D-0AA5-734555FBA849}"/>
              </a:ext>
            </a:extLst>
          </p:cNvPr>
          <p:cNvGrpSpPr/>
          <p:nvPr/>
        </p:nvGrpSpPr>
        <p:grpSpPr>
          <a:xfrm>
            <a:off x="11008485" y="6678460"/>
            <a:ext cx="536318" cy="822120"/>
            <a:chOff x="-23930925" y="3149300"/>
            <a:chExt cx="192200" cy="294625"/>
          </a:xfrm>
          <a:solidFill>
            <a:sysClr val="window" lastClr="FFFFFF"/>
          </a:solidFill>
        </p:grpSpPr>
        <p:sp>
          <p:nvSpPr>
            <p:cNvPr id="112" name="Google Shape;7183;p84">
              <a:extLst>
                <a:ext uri="{FF2B5EF4-FFF2-40B4-BE49-F238E27FC236}">
                  <a16:creationId xmlns:a16="http://schemas.microsoft.com/office/drawing/2014/main" id="{6D099E0E-9287-CD39-B2B6-B967A68BC13E}"/>
                </a:ext>
              </a:extLst>
            </p:cNvPr>
            <p:cNvSpPr/>
            <p:nvPr/>
          </p:nvSpPr>
          <p:spPr>
            <a:xfrm>
              <a:off x="-23930125" y="3149300"/>
              <a:ext cx="191400" cy="35475"/>
            </a:xfrm>
            <a:custGeom>
              <a:avLst/>
              <a:gdLst/>
              <a:ahLst/>
              <a:cxnLst/>
              <a:rect l="l" t="t" r="r" b="b"/>
              <a:pathLst>
                <a:path w="7656" h="1419" extrusionOk="0">
                  <a:moveTo>
                    <a:pt x="1040" y="1"/>
                  </a:moveTo>
                  <a:cubicBezTo>
                    <a:pt x="441" y="1"/>
                    <a:pt x="0" y="473"/>
                    <a:pt x="0" y="1040"/>
                  </a:cubicBezTo>
                  <a:lnTo>
                    <a:pt x="0" y="1418"/>
                  </a:lnTo>
                  <a:lnTo>
                    <a:pt x="7656" y="1418"/>
                  </a:lnTo>
                  <a:lnTo>
                    <a:pt x="7656" y="1040"/>
                  </a:lnTo>
                  <a:lnTo>
                    <a:pt x="7593" y="1040"/>
                  </a:lnTo>
                  <a:cubicBezTo>
                    <a:pt x="7593" y="442"/>
                    <a:pt x="7120" y="1"/>
                    <a:pt x="6585" y="1"/>
                  </a:cubicBezTo>
                  <a:close/>
                </a:path>
              </a:pathLst>
            </a:custGeom>
            <a:grpFill/>
            <a:ln>
              <a:noFill/>
            </a:ln>
          </p:spPr>
          <p:txBody>
            <a:bodyPr spcFirstLastPara="1" wrap="square" lIns="152376" tIns="152376" rIns="152376" bIns="152376"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2031980" fontAlgn="auto">
                <a:spcBef>
                  <a:spcPts val="0"/>
                </a:spcBef>
                <a:spcAft>
                  <a:spcPts val="0"/>
                </a:spcAft>
                <a:defRPr/>
              </a:pPr>
              <a:endParaRPr sz="3000">
                <a:solidFill>
                  <a:prstClr val="black"/>
                </a:solidFill>
                <a:latin typeface="Calibri" panose="020F0502020204030204"/>
              </a:endParaRPr>
            </a:p>
          </p:txBody>
        </p:sp>
        <p:sp>
          <p:nvSpPr>
            <p:cNvPr id="113" name="Google Shape;7184;p84">
              <a:extLst>
                <a:ext uri="{FF2B5EF4-FFF2-40B4-BE49-F238E27FC236}">
                  <a16:creationId xmlns:a16="http://schemas.microsoft.com/office/drawing/2014/main" id="{CA9AA3C6-0AC5-3715-1879-637C1559F89E}"/>
                </a:ext>
              </a:extLst>
            </p:cNvPr>
            <p:cNvSpPr/>
            <p:nvPr/>
          </p:nvSpPr>
          <p:spPr>
            <a:xfrm>
              <a:off x="-23878925" y="3237525"/>
              <a:ext cx="86650" cy="86650"/>
            </a:xfrm>
            <a:custGeom>
              <a:avLst/>
              <a:gdLst/>
              <a:ahLst/>
              <a:cxnLst/>
              <a:rect l="l" t="t" r="r" b="b"/>
              <a:pathLst>
                <a:path w="3466" h="3466" extrusionOk="0">
                  <a:moveTo>
                    <a:pt x="1386" y="0"/>
                  </a:moveTo>
                  <a:lnTo>
                    <a:pt x="1386" y="1008"/>
                  </a:lnTo>
                  <a:cubicBezTo>
                    <a:pt x="1386" y="1197"/>
                    <a:pt x="1229" y="1355"/>
                    <a:pt x="1008" y="1355"/>
                  </a:cubicBezTo>
                  <a:lnTo>
                    <a:pt x="0" y="1355"/>
                  </a:lnTo>
                  <a:lnTo>
                    <a:pt x="0" y="2079"/>
                  </a:lnTo>
                  <a:lnTo>
                    <a:pt x="1008" y="2079"/>
                  </a:lnTo>
                  <a:cubicBezTo>
                    <a:pt x="1229" y="2079"/>
                    <a:pt x="1386" y="2237"/>
                    <a:pt x="1386" y="2426"/>
                  </a:cubicBezTo>
                  <a:lnTo>
                    <a:pt x="1386" y="3466"/>
                  </a:lnTo>
                  <a:lnTo>
                    <a:pt x="2079" y="3466"/>
                  </a:lnTo>
                  <a:lnTo>
                    <a:pt x="2079" y="2426"/>
                  </a:lnTo>
                  <a:cubicBezTo>
                    <a:pt x="2079" y="2237"/>
                    <a:pt x="2237" y="2079"/>
                    <a:pt x="2426" y="2079"/>
                  </a:cubicBezTo>
                  <a:lnTo>
                    <a:pt x="3466" y="2079"/>
                  </a:lnTo>
                  <a:lnTo>
                    <a:pt x="3466" y="1355"/>
                  </a:lnTo>
                  <a:lnTo>
                    <a:pt x="2426" y="1355"/>
                  </a:lnTo>
                  <a:cubicBezTo>
                    <a:pt x="2237" y="1355"/>
                    <a:pt x="2079" y="1197"/>
                    <a:pt x="2079" y="1008"/>
                  </a:cubicBezTo>
                  <a:lnTo>
                    <a:pt x="2079" y="0"/>
                  </a:lnTo>
                  <a:close/>
                </a:path>
              </a:pathLst>
            </a:custGeom>
            <a:grpFill/>
            <a:ln>
              <a:noFill/>
            </a:ln>
          </p:spPr>
          <p:txBody>
            <a:bodyPr spcFirstLastPara="1" wrap="square" lIns="152376" tIns="152376" rIns="152376" bIns="152376"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2031980" fontAlgn="auto">
                <a:spcBef>
                  <a:spcPts val="0"/>
                </a:spcBef>
                <a:spcAft>
                  <a:spcPts val="0"/>
                </a:spcAft>
                <a:defRPr/>
              </a:pPr>
              <a:endParaRPr sz="3000">
                <a:solidFill>
                  <a:prstClr val="black"/>
                </a:solidFill>
                <a:latin typeface="Calibri" panose="020F0502020204030204"/>
              </a:endParaRPr>
            </a:p>
          </p:txBody>
        </p:sp>
        <p:sp>
          <p:nvSpPr>
            <p:cNvPr id="114" name="Google Shape;7185;p84">
              <a:extLst>
                <a:ext uri="{FF2B5EF4-FFF2-40B4-BE49-F238E27FC236}">
                  <a16:creationId xmlns:a16="http://schemas.microsoft.com/office/drawing/2014/main" id="{B4030795-4D83-3AEB-C9BB-1489E61AB2F5}"/>
                </a:ext>
              </a:extLst>
            </p:cNvPr>
            <p:cNvSpPr/>
            <p:nvPr/>
          </p:nvSpPr>
          <p:spPr>
            <a:xfrm>
              <a:off x="-23930925" y="3375350"/>
              <a:ext cx="190625" cy="68575"/>
            </a:xfrm>
            <a:custGeom>
              <a:avLst/>
              <a:gdLst/>
              <a:ahLst/>
              <a:cxnLst/>
              <a:rect l="l" t="t" r="r" b="b"/>
              <a:pathLst>
                <a:path w="7625" h="2743" extrusionOk="0">
                  <a:moveTo>
                    <a:pt x="4159" y="694"/>
                  </a:moveTo>
                  <a:cubicBezTo>
                    <a:pt x="4348" y="694"/>
                    <a:pt x="4506" y="851"/>
                    <a:pt x="4506" y="1040"/>
                  </a:cubicBezTo>
                  <a:cubicBezTo>
                    <a:pt x="4506" y="1261"/>
                    <a:pt x="4348" y="1418"/>
                    <a:pt x="4159" y="1418"/>
                  </a:cubicBezTo>
                  <a:lnTo>
                    <a:pt x="3466" y="1418"/>
                  </a:lnTo>
                  <a:cubicBezTo>
                    <a:pt x="3246" y="1418"/>
                    <a:pt x="3088" y="1261"/>
                    <a:pt x="3088" y="1040"/>
                  </a:cubicBezTo>
                  <a:cubicBezTo>
                    <a:pt x="3088" y="851"/>
                    <a:pt x="3246" y="694"/>
                    <a:pt x="3466" y="694"/>
                  </a:cubicBezTo>
                  <a:close/>
                  <a:moveTo>
                    <a:pt x="1" y="0"/>
                  </a:moveTo>
                  <a:lnTo>
                    <a:pt x="1" y="1733"/>
                  </a:lnTo>
                  <a:cubicBezTo>
                    <a:pt x="1" y="2300"/>
                    <a:pt x="473" y="2741"/>
                    <a:pt x="1009" y="2741"/>
                  </a:cubicBezTo>
                  <a:lnTo>
                    <a:pt x="6554" y="2741"/>
                  </a:lnTo>
                  <a:cubicBezTo>
                    <a:pt x="6573" y="2742"/>
                    <a:pt x="6592" y="2743"/>
                    <a:pt x="6610" y="2743"/>
                  </a:cubicBezTo>
                  <a:cubicBezTo>
                    <a:pt x="7182" y="2743"/>
                    <a:pt x="7625" y="2282"/>
                    <a:pt x="7625" y="1733"/>
                  </a:cubicBezTo>
                  <a:lnTo>
                    <a:pt x="7625" y="0"/>
                  </a:lnTo>
                  <a:close/>
                </a:path>
              </a:pathLst>
            </a:custGeom>
            <a:grpFill/>
            <a:ln>
              <a:noFill/>
            </a:ln>
          </p:spPr>
          <p:txBody>
            <a:bodyPr spcFirstLastPara="1" wrap="square" lIns="152376" tIns="152376" rIns="152376" bIns="152376"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2031980" fontAlgn="auto">
                <a:spcBef>
                  <a:spcPts val="0"/>
                </a:spcBef>
                <a:spcAft>
                  <a:spcPts val="0"/>
                </a:spcAft>
                <a:defRPr/>
              </a:pPr>
              <a:endParaRPr sz="3000">
                <a:solidFill>
                  <a:prstClr val="black"/>
                </a:solidFill>
                <a:latin typeface="Calibri" panose="020F0502020204030204"/>
              </a:endParaRPr>
            </a:p>
          </p:txBody>
        </p:sp>
        <p:sp>
          <p:nvSpPr>
            <p:cNvPr id="115" name="Google Shape;7186;p84">
              <a:extLst>
                <a:ext uri="{FF2B5EF4-FFF2-40B4-BE49-F238E27FC236}">
                  <a16:creationId xmlns:a16="http://schemas.microsoft.com/office/drawing/2014/main" id="{814397A9-735C-DD98-6418-EDEEB2D388F9}"/>
                </a:ext>
              </a:extLst>
            </p:cNvPr>
            <p:cNvSpPr/>
            <p:nvPr/>
          </p:nvSpPr>
          <p:spPr>
            <a:xfrm>
              <a:off x="-23930925" y="3202075"/>
              <a:ext cx="190625" cy="155975"/>
            </a:xfrm>
            <a:custGeom>
              <a:avLst/>
              <a:gdLst/>
              <a:ahLst/>
              <a:cxnLst/>
              <a:rect l="l" t="t" r="r" b="b"/>
              <a:pathLst>
                <a:path w="7625" h="6239" extrusionOk="0">
                  <a:moveTo>
                    <a:pt x="4506" y="693"/>
                  </a:moveTo>
                  <a:cubicBezTo>
                    <a:pt x="4727" y="693"/>
                    <a:pt x="4884" y="851"/>
                    <a:pt x="4884" y="1040"/>
                  </a:cubicBezTo>
                  <a:lnTo>
                    <a:pt x="4884" y="2080"/>
                  </a:lnTo>
                  <a:lnTo>
                    <a:pt x="5892" y="2080"/>
                  </a:lnTo>
                  <a:cubicBezTo>
                    <a:pt x="6081" y="2080"/>
                    <a:pt x="6239" y="2237"/>
                    <a:pt x="6239" y="2426"/>
                  </a:cubicBezTo>
                  <a:lnTo>
                    <a:pt x="6239" y="3812"/>
                  </a:lnTo>
                  <a:cubicBezTo>
                    <a:pt x="6239" y="4001"/>
                    <a:pt x="6081" y="4159"/>
                    <a:pt x="5892" y="4159"/>
                  </a:cubicBezTo>
                  <a:lnTo>
                    <a:pt x="4884" y="4159"/>
                  </a:lnTo>
                  <a:lnTo>
                    <a:pt x="4884" y="5199"/>
                  </a:lnTo>
                  <a:cubicBezTo>
                    <a:pt x="4884" y="5388"/>
                    <a:pt x="4727" y="5545"/>
                    <a:pt x="4506" y="5545"/>
                  </a:cubicBezTo>
                  <a:lnTo>
                    <a:pt x="3151" y="5545"/>
                  </a:lnTo>
                  <a:cubicBezTo>
                    <a:pt x="2931" y="5545"/>
                    <a:pt x="2773" y="5388"/>
                    <a:pt x="2773" y="5199"/>
                  </a:cubicBezTo>
                  <a:lnTo>
                    <a:pt x="2773" y="4159"/>
                  </a:lnTo>
                  <a:lnTo>
                    <a:pt x="1765" y="4159"/>
                  </a:lnTo>
                  <a:cubicBezTo>
                    <a:pt x="1576" y="4159"/>
                    <a:pt x="1419" y="4001"/>
                    <a:pt x="1419" y="3812"/>
                  </a:cubicBezTo>
                  <a:lnTo>
                    <a:pt x="1419" y="2426"/>
                  </a:lnTo>
                  <a:cubicBezTo>
                    <a:pt x="1419" y="2237"/>
                    <a:pt x="1576" y="2080"/>
                    <a:pt x="1765" y="2080"/>
                  </a:cubicBezTo>
                  <a:lnTo>
                    <a:pt x="2773" y="2080"/>
                  </a:lnTo>
                  <a:lnTo>
                    <a:pt x="2773" y="1040"/>
                  </a:lnTo>
                  <a:cubicBezTo>
                    <a:pt x="2773" y="851"/>
                    <a:pt x="2931" y="693"/>
                    <a:pt x="3151" y="693"/>
                  </a:cubicBezTo>
                  <a:close/>
                  <a:moveTo>
                    <a:pt x="1" y="0"/>
                  </a:moveTo>
                  <a:lnTo>
                    <a:pt x="1" y="6238"/>
                  </a:lnTo>
                  <a:lnTo>
                    <a:pt x="7625" y="6238"/>
                  </a:lnTo>
                  <a:lnTo>
                    <a:pt x="7625" y="0"/>
                  </a:lnTo>
                  <a:close/>
                </a:path>
              </a:pathLst>
            </a:custGeom>
            <a:grpFill/>
            <a:ln>
              <a:noFill/>
            </a:ln>
          </p:spPr>
          <p:txBody>
            <a:bodyPr spcFirstLastPara="1" wrap="square" lIns="152376" tIns="152376" rIns="152376" bIns="152376" anchor="ctr" anchorCtr="0">
              <a:no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defTabSz="2031980" fontAlgn="auto">
                <a:spcBef>
                  <a:spcPts val="0"/>
                </a:spcBef>
                <a:spcAft>
                  <a:spcPts val="0"/>
                </a:spcAft>
                <a:defRPr/>
              </a:pPr>
              <a:endParaRPr sz="3000">
                <a:solidFill>
                  <a:prstClr val="black"/>
                </a:solidFill>
                <a:latin typeface="Calibri" panose="020F0502020204030204"/>
              </a:endParaRPr>
            </a:p>
          </p:txBody>
        </p:sp>
      </p:grpSp>
      <p:sp>
        <p:nvSpPr>
          <p:cNvPr id="116" name="TextBox 115">
            <a:extLst>
              <a:ext uri="{FF2B5EF4-FFF2-40B4-BE49-F238E27FC236}">
                <a16:creationId xmlns:a16="http://schemas.microsoft.com/office/drawing/2014/main" id="{7A540273-631B-55AD-8DFD-74E1DF567455}"/>
              </a:ext>
            </a:extLst>
          </p:cNvPr>
          <p:cNvSpPr txBox="1"/>
          <p:nvPr/>
        </p:nvSpPr>
        <p:spPr>
          <a:xfrm>
            <a:off x="3080601" y="3442683"/>
            <a:ext cx="6529687" cy="508366"/>
          </a:xfrm>
          <a:prstGeom prst="roundRect">
            <a:avLst/>
          </a:prstGeom>
          <a:solidFill>
            <a:schemeClr val="accent1">
              <a:alpha val="50000"/>
            </a:schemeClr>
          </a:solidFill>
          <a:ln>
            <a:noFill/>
          </a:ln>
        </p:spPr>
        <p:style>
          <a:lnRef idx="0">
            <a:scrgbClr r="0" g="0" b="0"/>
          </a:lnRef>
          <a:fillRef idx="0">
            <a:scrgbClr r="0" g="0" b="0"/>
          </a:fillRef>
          <a:effectRef idx="0">
            <a:scrgbClr r="0" g="0" b="0"/>
          </a:effectRef>
          <a:fontRef idx="minor">
            <a:schemeClr val="lt1"/>
          </a:fontRef>
        </p:style>
        <p:txBody>
          <a:bodyPr wrap="square">
            <a:spAutoFit/>
          </a:bodyPr>
          <a:lstStyle/>
          <a:p>
            <a:pPr>
              <a:lnSpc>
                <a:spcPct val="107000"/>
              </a:lnSpc>
              <a:spcAft>
                <a:spcPts val="1778"/>
              </a:spcAft>
            </a:pPr>
            <a:r>
              <a:rPr lang="en-US" sz="2333" b="1" kern="100" dirty="0">
                <a:solidFill>
                  <a:schemeClr val="bg1"/>
                </a:solidFill>
                <a:latin typeface="Calibri" panose="020F0502020204030204" pitchFamily="34" charset="0"/>
                <a:cs typeface="Times New Roman" panose="02020603050405020304" pitchFamily="18" charset="0"/>
              </a:rPr>
              <a:t>More seamless/tech-integrated experience</a:t>
            </a:r>
          </a:p>
        </p:txBody>
      </p:sp>
      <p:sp>
        <p:nvSpPr>
          <p:cNvPr id="117" name="TextBox 116">
            <a:extLst>
              <a:ext uri="{FF2B5EF4-FFF2-40B4-BE49-F238E27FC236}">
                <a16:creationId xmlns:a16="http://schemas.microsoft.com/office/drawing/2014/main" id="{32DFC7B0-6867-4C1B-D1C8-710B68A57803}"/>
              </a:ext>
            </a:extLst>
          </p:cNvPr>
          <p:cNvSpPr txBox="1"/>
          <p:nvPr/>
        </p:nvSpPr>
        <p:spPr>
          <a:xfrm>
            <a:off x="3080601" y="4171720"/>
            <a:ext cx="6540318" cy="508366"/>
          </a:xfrm>
          <a:prstGeom prst="roundRect">
            <a:avLst/>
          </a:prstGeom>
          <a:solidFill>
            <a:schemeClr val="accent1">
              <a:alpha val="50000"/>
            </a:schemeClr>
          </a:solidFill>
          <a:ln>
            <a:noFill/>
          </a:ln>
        </p:spPr>
        <p:style>
          <a:lnRef idx="0">
            <a:scrgbClr r="0" g="0" b="0"/>
          </a:lnRef>
          <a:fillRef idx="0">
            <a:scrgbClr r="0" g="0" b="0"/>
          </a:fillRef>
          <a:effectRef idx="0">
            <a:scrgbClr r="0" g="0" b="0"/>
          </a:effectRef>
          <a:fontRef idx="minor">
            <a:schemeClr val="lt1"/>
          </a:fontRef>
        </p:style>
        <p:txBody>
          <a:bodyPr wrap="square">
            <a:spAutoFit/>
          </a:bodyPr>
          <a:lstStyle/>
          <a:p>
            <a:pPr>
              <a:lnSpc>
                <a:spcPct val="107000"/>
              </a:lnSpc>
              <a:spcAft>
                <a:spcPts val="1778"/>
              </a:spcAft>
            </a:pPr>
            <a:r>
              <a:rPr lang="en-US" sz="2333" b="1" kern="100" dirty="0">
                <a:solidFill>
                  <a:schemeClr val="bg1"/>
                </a:solidFill>
                <a:latin typeface="Calibri" panose="020F0502020204030204" pitchFamily="34" charset="0"/>
                <a:cs typeface="Times New Roman" panose="02020603050405020304" pitchFamily="18" charset="0"/>
              </a:rPr>
              <a:t>Matching the right providers to the right injuries</a:t>
            </a:r>
          </a:p>
        </p:txBody>
      </p:sp>
      <p:sp>
        <p:nvSpPr>
          <p:cNvPr id="118" name="TextBox 117">
            <a:extLst>
              <a:ext uri="{FF2B5EF4-FFF2-40B4-BE49-F238E27FC236}">
                <a16:creationId xmlns:a16="http://schemas.microsoft.com/office/drawing/2014/main" id="{8973D935-83AE-045D-8887-62A0CF5A10A3}"/>
              </a:ext>
            </a:extLst>
          </p:cNvPr>
          <p:cNvSpPr txBox="1"/>
          <p:nvPr/>
        </p:nvSpPr>
        <p:spPr>
          <a:xfrm>
            <a:off x="3080601" y="4900758"/>
            <a:ext cx="6540318" cy="508366"/>
          </a:xfrm>
          <a:prstGeom prst="roundRect">
            <a:avLst/>
          </a:prstGeom>
          <a:solidFill>
            <a:schemeClr val="accent1">
              <a:alpha val="50000"/>
            </a:schemeClr>
          </a:solidFill>
          <a:ln>
            <a:noFill/>
          </a:ln>
        </p:spPr>
        <p:style>
          <a:lnRef idx="0">
            <a:scrgbClr r="0" g="0" b="0"/>
          </a:lnRef>
          <a:fillRef idx="0">
            <a:scrgbClr r="0" g="0" b="0"/>
          </a:fillRef>
          <a:effectRef idx="0">
            <a:scrgbClr r="0" g="0" b="0"/>
          </a:effectRef>
          <a:fontRef idx="minor">
            <a:schemeClr val="lt1"/>
          </a:fontRef>
        </p:style>
        <p:txBody>
          <a:bodyPr wrap="square">
            <a:spAutoFit/>
          </a:bodyPr>
          <a:lstStyle/>
          <a:p>
            <a:pPr>
              <a:lnSpc>
                <a:spcPct val="107000"/>
              </a:lnSpc>
              <a:spcAft>
                <a:spcPts val="1778"/>
              </a:spcAft>
            </a:pPr>
            <a:r>
              <a:rPr lang="en-US" sz="2333" b="1" kern="100" dirty="0">
                <a:solidFill>
                  <a:schemeClr val="bg1"/>
                </a:solidFill>
                <a:latin typeface="Calibri" panose="020F0502020204030204" pitchFamily="34" charset="0"/>
                <a:cs typeface="Times New Roman" panose="02020603050405020304" pitchFamily="18" charset="0"/>
              </a:rPr>
              <a:t>More informed care</a:t>
            </a:r>
          </a:p>
        </p:txBody>
      </p:sp>
      <p:sp>
        <p:nvSpPr>
          <p:cNvPr id="127" name="TextBox 126">
            <a:extLst>
              <a:ext uri="{FF2B5EF4-FFF2-40B4-BE49-F238E27FC236}">
                <a16:creationId xmlns:a16="http://schemas.microsoft.com/office/drawing/2014/main" id="{80A6A17B-AD0D-7443-3A09-0C3562463AEB}"/>
              </a:ext>
            </a:extLst>
          </p:cNvPr>
          <p:cNvSpPr txBox="1"/>
          <p:nvPr/>
        </p:nvSpPr>
        <p:spPr>
          <a:xfrm>
            <a:off x="3080601" y="7829868"/>
            <a:ext cx="6529687" cy="508366"/>
          </a:xfrm>
          <a:prstGeom prst="roundRect">
            <a:avLst/>
          </a:prstGeom>
          <a:solidFill>
            <a:schemeClr val="accent3">
              <a:alpha val="50000"/>
            </a:schemeClr>
          </a:solidFill>
          <a:ln>
            <a:noFill/>
          </a:ln>
        </p:spPr>
        <p:style>
          <a:lnRef idx="0">
            <a:scrgbClr r="0" g="0" b="0"/>
          </a:lnRef>
          <a:fillRef idx="0">
            <a:scrgbClr r="0" g="0" b="0"/>
          </a:fillRef>
          <a:effectRef idx="0">
            <a:scrgbClr r="0" g="0" b="0"/>
          </a:effectRef>
          <a:fontRef idx="minor">
            <a:schemeClr val="lt1"/>
          </a:fontRef>
        </p:style>
        <p:txBody>
          <a:bodyPr wrap="square">
            <a:spAutoFit/>
          </a:bodyPr>
          <a:lstStyle/>
          <a:p>
            <a:pPr>
              <a:lnSpc>
                <a:spcPct val="107000"/>
              </a:lnSpc>
              <a:spcAft>
                <a:spcPts val="1778"/>
              </a:spcAft>
            </a:pPr>
            <a:r>
              <a:rPr lang="en-US" sz="2333" b="1" kern="100" dirty="0">
                <a:solidFill>
                  <a:schemeClr val="bg1"/>
                </a:solidFill>
                <a:latin typeface="Calibri" panose="020F0502020204030204" pitchFamily="34" charset="0"/>
                <a:cs typeface="Times New Roman" panose="02020603050405020304" pitchFamily="18" charset="0"/>
              </a:rPr>
              <a:t>Streamlined communication</a:t>
            </a:r>
          </a:p>
        </p:txBody>
      </p:sp>
      <p:sp>
        <p:nvSpPr>
          <p:cNvPr id="128" name="TextBox 127">
            <a:extLst>
              <a:ext uri="{FF2B5EF4-FFF2-40B4-BE49-F238E27FC236}">
                <a16:creationId xmlns:a16="http://schemas.microsoft.com/office/drawing/2014/main" id="{409190E1-F328-8E71-7FB4-48B62A42B094}"/>
              </a:ext>
            </a:extLst>
          </p:cNvPr>
          <p:cNvSpPr txBox="1"/>
          <p:nvPr/>
        </p:nvSpPr>
        <p:spPr>
          <a:xfrm>
            <a:off x="3080601" y="8558906"/>
            <a:ext cx="6540318" cy="508366"/>
          </a:xfrm>
          <a:prstGeom prst="roundRect">
            <a:avLst/>
          </a:prstGeom>
          <a:solidFill>
            <a:schemeClr val="accent3">
              <a:alpha val="50000"/>
            </a:schemeClr>
          </a:solidFill>
          <a:ln>
            <a:noFill/>
          </a:ln>
        </p:spPr>
        <p:style>
          <a:lnRef idx="0">
            <a:scrgbClr r="0" g="0" b="0"/>
          </a:lnRef>
          <a:fillRef idx="0">
            <a:scrgbClr r="0" g="0" b="0"/>
          </a:fillRef>
          <a:effectRef idx="0">
            <a:scrgbClr r="0" g="0" b="0"/>
          </a:effectRef>
          <a:fontRef idx="minor">
            <a:schemeClr val="lt1"/>
          </a:fontRef>
        </p:style>
        <p:txBody>
          <a:bodyPr wrap="square">
            <a:spAutoFit/>
          </a:bodyPr>
          <a:lstStyle/>
          <a:p>
            <a:pPr>
              <a:lnSpc>
                <a:spcPct val="107000"/>
              </a:lnSpc>
              <a:spcAft>
                <a:spcPts val="1778"/>
              </a:spcAft>
            </a:pPr>
            <a:r>
              <a:rPr lang="en-US" sz="2333" b="1" kern="100" dirty="0">
                <a:solidFill>
                  <a:schemeClr val="bg1"/>
                </a:solidFill>
                <a:latin typeface="Calibri" panose="020F0502020204030204" pitchFamily="34" charset="0"/>
                <a:cs typeface="Times New Roman" panose="02020603050405020304" pitchFamily="18" charset="0"/>
              </a:rPr>
              <a:t>What should you care about?</a:t>
            </a:r>
          </a:p>
        </p:txBody>
      </p:sp>
      <p:sp>
        <p:nvSpPr>
          <p:cNvPr id="129" name="TextBox 128">
            <a:extLst>
              <a:ext uri="{FF2B5EF4-FFF2-40B4-BE49-F238E27FC236}">
                <a16:creationId xmlns:a16="http://schemas.microsoft.com/office/drawing/2014/main" id="{5C01ADF5-9797-3F20-4606-194DB2E1D6AC}"/>
              </a:ext>
            </a:extLst>
          </p:cNvPr>
          <p:cNvSpPr txBox="1"/>
          <p:nvPr/>
        </p:nvSpPr>
        <p:spPr>
          <a:xfrm>
            <a:off x="13220377" y="3442683"/>
            <a:ext cx="5085299" cy="508366"/>
          </a:xfrm>
          <a:prstGeom prst="roundRect">
            <a:avLst/>
          </a:prstGeom>
          <a:solidFill>
            <a:schemeClr val="accent5">
              <a:alpha val="50000"/>
            </a:schemeClr>
          </a:solidFill>
          <a:ln>
            <a:noFill/>
          </a:ln>
        </p:spPr>
        <p:style>
          <a:lnRef idx="0">
            <a:scrgbClr r="0" g="0" b="0"/>
          </a:lnRef>
          <a:fillRef idx="0">
            <a:scrgbClr r="0" g="0" b="0"/>
          </a:fillRef>
          <a:effectRef idx="0">
            <a:scrgbClr r="0" g="0" b="0"/>
          </a:effectRef>
          <a:fontRef idx="minor">
            <a:schemeClr val="lt1"/>
          </a:fontRef>
        </p:style>
        <p:txBody>
          <a:bodyPr wrap="square">
            <a:spAutoFit/>
          </a:bodyPr>
          <a:lstStyle/>
          <a:p>
            <a:pPr>
              <a:lnSpc>
                <a:spcPct val="107000"/>
              </a:lnSpc>
              <a:spcAft>
                <a:spcPts val="1778"/>
              </a:spcAft>
            </a:pPr>
            <a:r>
              <a:rPr lang="en-US" sz="2333" b="1" kern="100" dirty="0">
                <a:solidFill>
                  <a:schemeClr val="bg1"/>
                </a:solidFill>
                <a:latin typeface="Calibri" panose="020F0502020204030204" pitchFamily="34" charset="0"/>
                <a:cs typeface="Times New Roman" panose="02020603050405020304" pitchFamily="18" charset="0"/>
              </a:rPr>
              <a:t>Optimized claim touchpoints</a:t>
            </a:r>
          </a:p>
        </p:txBody>
      </p:sp>
      <p:sp>
        <p:nvSpPr>
          <p:cNvPr id="130" name="TextBox 129">
            <a:extLst>
              <a:ext uri="{FF2B5EF4-FFF2-40B4-BE49-F238E27FC236}">
                <a16:creationId xmlns:a16="http://schemas.microsoft.com/office/drawing/2014/main" id="{0930097A-11CC-54DA-5CF5-82C6D7F7B303}"/>
              </a:ext>
            </a:extLst>
          </p:cNvPr>
          <p:cNvSpPr txBox="1"/>
          <p:nvPr/>
        </p:nvSpPr>
        <p:spPr>
          <a:xfrm>
            <a:off x="13220377" y="4171721"/>
            <a:ext cx="5085305" cy="508366"/>
          </a:xfrm>
          <a:prstGeom prst="roundRect">
            <a:avLst/>
          </a:prstGeom>
          <a:solidFill>
            <a:schemeClr val="accent5">
              <a:alpha val="50000"/>
            </a:schemeClr>
          </a:solidFill>
          <a:ln>
            <a:noFill/>
          </a:ln>
        </p:spPr>
        <p:style>
          <a:lnRef idx="0">
            <a:scrgbClr r="0" g="0" b="0"/>
          </a:lnRef>
          <a:fillRef idx="0">
            <a:scrgbClr r="0" g="0" b="0"/>
          </a:fillRef>
          <a:effectRef idx="0">
            <a:scrgbClr r="0" g="0" b="0"/>
          </a:effectRef>
          <a:fontRef idx="minor">
            <a:schemeClr val="lt1"/>
          </a:fontRef>
        </p:style>
        <p:txBody>
          <a:bodyPr wrap="square">
            <a:spAutoFit/>
          </a:bodyPr>
          <a:lstStyle/>
          <a:p>
            <a:pPr>
              <a:lnSpc>
                <a:spcPct val="107000"/>
              </a:lnSpc>
              <a:spcAft>
                <a:spcPts val="1778"/>
              </a:spcAft>
            </a:pPr>
            <a:r>
              <a:rPr lang="en-US" sz="2333" b="1" kern="100" dirty="0">
                <a:solidFill>
                  <a:schemeClr val="bg1"/>
                </a:solidFill>
                <a:latin typeface="Calibri" panose="020F0502020204030204" pitchFamily="34" charset="0"/>
                <a:cs typeface="Times New Roman" panose="02020603050405020304" pitchFamily="18" charset="0"/>
              </a:rPr>
              <a:t>More transparency on recovery drivers</a:t>
            </a:r>
          </a:p>
        </p:txBody>
      </p:sp>
      <p:sp>
        <p:nvSpPr>
          <p:cNvPr id="131" name="TextBox 130">
            <a:extLst>
              <a:ext uri="{FF2B5EF4-FFF2-40B4-BE49-F238E27FC236}">
                <a16:creationId xmlns:a16="http://schemas.microsoft.com/office/drawing/2014/main" id="{05240762-58E9-3C7C-4CCF-CBCBB94D0624}"/>
              </a:ext>
            </a:extLst>
          </p:cNvPr>
          <p:cNvSpPr txBox="1"/>
          <p:nvPr/>
        </p:nvSpPr>
        <p:spPr>
          <a:xfrm>
            <a:off x="13220377" y="4900758"/>
            <a:ext cx="5085298" cy="508366"/>
          </a:xfrm>
          <a:prstGeom prst="roundRect">
            <a:avLst/>
          </a:prstGeom>
          <a:solidFill>
            <a:schemeClr val="accent5">
              <a:alpha val="50000"/>
            </a:schemeClr>
          </a:solidFill>
          <a:ln>
            <a:noFill/>
          </a:ln>
        </p:spPr>
        <p:style>
          <a:lnRef idx="0">
            <a:scrgbClr r="0" g="0" b="0"/>
          </a:lnRef>
          <a:fillRef idx="0">
            <a:scrgbClr r="0" g="0" b="0"/>
          </a:fillRef>
          <a:effectRef idx="0">
            <a:scrgbClr r="0" g="0" b="0"/>
          </a:effectRef>
          <a:fontRef idx="minor">
            <a:schemeClr val="lt1"/>
          </a:fontRef>
        </p:style>
        <p:txBody>
          <a:bodyPr wrap="square">
            <a:spAutoFit/>
          </a:bodyPr>
          <a:lstStyle/>
          <a:p>
            <a:pPr>
              <a:lnSpc>
                <a:spcPct val="107000"/>
              </a:lnSpc>
              <a:spcAft>
                <a:spcPts val="1778"/>
              </a:spcAft>
            </a:pPr>
            <a:r>
              <a:rPr lang="en-US" sz="2333" b="1" kern="100" dirty="0">
                <a:solidFill>
                  <a:schemeClr val="bg1"/>
                </a:solidFill>
                <a:latin typeface="Calibri" panose="020F0502020204030204" pitchFamily="34" charset="0"/>
                <a:cs typeface="Times New Roman" panose="02020603050405020304" pitchFamily="18" charset="0"/>
              </a:rPr>
              <a:t>Real-time results</a:t>
            </a:r>
          </a:p>
        </p:txBody>
      </p:sp>
      <p:sp>
        <p:nvSpPr>
          <p:cNvPr id="132" name="TextBox 131">
            <a:extLst>
              <a:ext uri="{FF2B5EF4-FFF2-40B4-BE49-F238E27FC236}">
                <a16:creationId xmlns:a16="http://schemas.microsoft.com/office/drawing/2014/main" id="{C5E3C5E6-B0D4-BD9F-A311-9E19230A49CC}"/>
              </a:ext>
            </a:extLst>
          </p:cNvPr>
          <p:cNvSpPr txBox="1"/>
          <p:nvPr/>
        </p:nvSpPr>
        <p:spPr>
          <a:xfrm>
            <a:off x="13075205" y="6935010"/>
            <a:ext cx="5230470" cy="508366"/>
          </a:xfrm>
          <a:prstGeom prst="roundRect">
            <a:avLst/>
          </a:prstGeom>
          <a:solidFill>
            <a:schemeClr val="accent3">
              <a:alpha val="50000"/>
            </a:schemeClr>
          </a:solidFill>
          <a:ln>
            <a:noFill/>
          </a:ln>
        </p:spPr>
        <p:style>
          <a:lnRef idx="0">
            <a:scrgbClr r="0" g="0" b="0"/>
          </a:lnRef>
          <a:fillRef idx="0">
            <a:scrgbClr r="0" g="0" b="0"/>
          </a:fillRef>
          <a:effectRef idx="0">
            <a:scrgbClr r="0" g="0" b="0"/>
          </a:effectRef>
          <a:fontRef idx="minor">
            <a:schemeClr val="lt1"/>
          </a:fontRef>
        </p:style>
        <p:txBody>
          <a:bodyPr wrap="square">
            <a:spAutoFit/>
          </a:bodyPr>
          <a:lstStyle/>
          <a:p>
            <a:pPr>
              <a:lnSpc>
                <a:spcPct val="107000"/>
              </a:lnSpc>
              <a:spcAft>
                <a:spcPts val="1778"/>
              </a:spcAft>
            </a:pPr>
            <a:r>
              <a:rPr lang="en-US" sz="2333" b="1" kern="100" dirty="0">
                <a:solidFill>
                  <a:schemeClr val="bg1"/>
                </a:solidFill>
                <a:latin typeface="Calibri" panose="020F0502020204030204" pitchFamily="34" charset="0"/>
                <a:cs typeface="Times New Roman" panose="02020603050405020304" pitchFamily="18" charset="0"/>
              </a:rPr>
              <a:t>Leveraging tech for more synergy</a:t>
            </a:r>
          </a:p>
        </p:txBody>
      </p:sp>
      <p:sp>
        <p:nvSpPr>
          <p:cNvPr id="137" name="TextBox 136">
            <a:extLst>
              <a:ext uri="{FF2B5EF4-FFF2-40B4-BE49-F238E27FC236}">
                <a16:creationId xmlns:a16="http://schemas.microsoft.com/office/drawing/2014/main" id="{41FF6DA7-51E7-9F61-A692-42342C1849DB}"/>
              </a:ext>
            </a:extLst>
          </p:cNvPr>
          <p:cNvSpPr txBox="1"/>
          <p:nvPr/>
        </p:nvSpPr>
        <p:spPr>
          <a:xfrm>
            <a:off x="13075205" y="7664048"/>
            <a:ext cx="5230470" cy="508366"/>
          </a:xfrm>
          <a:prstGeom prst="roundRect">
            <a:avLst/>
          </a:prstGeom>
          <a:solidFill>
            <a:schemeClr val="accent3">
              <a:alpha val="50000"/>
            </a:schemeClr>
          </a:solidFill>
          <a:ln>
            <a:noFill/>
          </a:ln>
        </p:spPr>
        <p:style>
          <a:lnRef idx="0">
            <a:scrgbClr r="0" g="0" b="0"/>
          </a:lnRef>
          <a:fillRef idx="0">
            <a:scrgbClr r="0" g="0" b="0"/>
          </a:fillRef>
          <a:effectRef idx="0">
            <a:scrgbClr r="0" g="0" b="0"/>
          </a:effectRef>
          <a:fontRef idx="minor">
            <a:schemeClr val="lt1"/>
          </a:fontRef>
        </p:style>
        <p:txBody>
          <a:bodyPr wrap="square">
            <a:spAutoFit/>
          </a:bodyPr>
          <a:lstStyle/>
          <a:p>
            <a:pPr>
              <a:lnSpc>
                <a:spcPct val="107000"/>
              </a:lnSpc>
              <a:spcAft>
                <a:spcPts val="1778"/>
              </a:spcAft>
            </a:pPr>
            <a:r>
              <a:rPr lang="en-US" sz="2333" b="1" kern="100" dirty="0">
                <a:solidFill>
                  <a:schemeClr val="bg1"/>
                </a:solidFill>
                <a:latin typeface="Calibri" panose="020F0502020204030204" pitchFamily="34" charset="0"/>
                <a:cs typeface="Times New Roman" panose="02020603050405020304" pitchFamily="18" charset="0"/>
              </a:rPr>
              <a:t>Access to clinically-driven results</a:t>
            </a:r>
          </a:p>
        </p:txBody>
      </p:sp>
    </p:spTree>
    <p:extLst>
      <p:ext uri="{BB962C8B-B14F-4D97-AF65-F5344CB8AC3E}">
        <p14:creationId xmlns:p14="http://schemas.microsoft.com/office/powerpoint/2010/main" val="2222468270"/>
      </p:ext>
    </p:extLst>
  </p:cSld>
  <p:clrMapOvr>
    <a:masterClrMapping/>
  </p:clrMapOvr>
  <p:transition spd="slow">
    <p:push dir="u"/>
  </p:transition>
</p:sld>
</file>

<file path=ppt/slides/slide15.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9" name="Google Shape;640;p42">
            <a:extLst>
              <a:ext uri="{FF2B5EF4-FFF2-40B4-BE49-F238E27FC236}">
                <a16:creationId xmlns:a16="http://schemas.microsoft.com/office/drawing/2014/main" id="{5731D6AD-11E4-02A2-6191-013374A470B9}"/>
              </a:ext>
            </a:extLst>
          </p:cNvPr>
          <p:cNvSpPr/>
          <p:nvPr/>
        </p:nvSpPr>
        <p:spPr>
          <a:xfrm>
            <a:off x="11327642" y="1028205"/>
            <a:ext cx="5786532" cy="5334475"/>
          </a:xfrm>
          <a:prstGeom prst="ellipse">
            <a:avLst/>
          </a:prstGeom>
          <a:solidFill>
            <a:srgbClr val="F9D06B"/>
          </a:solidFill>
          <a:ln>
            <a:noFill/>
          </a:ln>
        </p:spPr>
        <p:txBody>
          <a:bodyPr spcFirstLastPara="1" wrap="square" lIns="203167" tIns="203167" rIns="203167" bIns="203167" anchor="ctr" anchorCtr="0">
            <a:noAutofit/>
          </a:bodyPr>
          <a:lstStyle/>
          <a:p>
            <a:pPr marL="0" marR="0" lvl="0" indent="0" defTabSz="2031980" eaLnBrk="1" fontAlgn="auto" latinLnBrk="0" hangingPunct="1">
              <a:lnSpc>
                <a:spcPct val="100000"/>
              </a:lnSpc>
              <a:spcBef>
                <a:spcPts val="0"/>
              </a:spcBef>
              <a:spcAft>
                <a:spcPts val="0"/>
              </a:spcAft>
              <a:buClr>
                <a:srgbClr val="000000"/>
              </a:buClr>
              <a:buSzTx/>
              <a:buFontTx/>
              <a:buNone/>
              <a:tabLst/>
              <a:defRPr/>
            </a:pPr>
            <a:endParaRPr kumimoji="0" sz="3111" b="0" i="0" u="none" strike="noStrike" kern="0" cap="none" spc="0" normalizeH="0" baseline="0" noProof="0">
              <a:ln>
                <a:noFill/>
              </a:ln>
              <a:solidFill>
                <a:srgbClr val="000000"/>
              </a:solidFill>
              <a:effectLst/>
              <a:uLnTx/>
              <a:uFillTx/>
              <a:latin typeface="Arial"/>
              <a:cs typeface="Arial"/>
              <a:sym typeface="Arial"/>
            </a:endParaRPr>
          </a:p>
        </p:txBody>
      </p:sp>
      <p:sp>
        <p:nvSpPr>
          <p:cNvPr id="11" name="Title 1">
            <a:extLst>
              <a:ext uri="{FF2B5EF4-FFF2-40B4-BE49-F238E27FC236}">
                <a16:creationId xmlns:a16="http://schemas.microsoft.com/office/drawing/2014/main" id="{FD14DDDD-9492-7C6B-CCB8-96E8D29BC573}"/>
              </a:ext>
            </a:extLst>
          </p:cNvPr>
          <p:cNvSpPr txBox="1">
            <a:spLocks/>
          </p:cNvSpPr>
          <p:nvPr/>
        </p:nvSpPr>
        <p:spPr>
          <a:xfrm>
            <a:off x="2807665" y="3809913"/>
            <a:ext cx="6651334" cy="1804508"/>
          </a:xfrm>
          <a:prstGeom prst="rect">
            <a:avLst/>
          </a:prstGeom>
        </p:spPr>
        <p:txBody>
          <a:bodyPr vert="horz" lIns="91440" tIns="45720" rIns="91440" bIns="45720" rtlCol="0" anchor="ctr">
            <a:noAutofit/>
          </a:bodyPr>
          <a:lstStyle>
            <a:lvl1pPr algn="ctr" defTabSz="914400" rtl="0" eaLnBrk="1" latinLnBrk="0" hangingPunct="1">
              <a:lnSpc>
                <a:spcPct val="90000"/>
              </a:lnSpc>
              <a:spcBef>
                <a:spcPct val="0"/>
              </a:spcBef>
              <a:buNone/>
              <a:defRPr sz="7200" b="1" kern="1200">
                <a:solidFill>
                  <a:schemeClr val="bg1"/>
                </a:solidFill>
                <a:latin typeface="+mn-lt"/>
                <a:ea typeface="+mj-ea"/>
                <a:cs typeface="+mj-cs"/>
              </a:defRPr>
            </a:lvl1pPr>
          </a:lstStyle>
          <a:p>
            <a:pPr fontAlgn="auto">
              <a:spcAft>
                <a:spcPts val="0"/>
              </a:spcAft>
            </a:pPr>
            <a:r>
              <a:rPr lang="en-GB" sz="9600" dirty="0">
                <a:solidFill>
                  <a:srgbClr val="114B5F"/>
                </a:solidFill>
                <a:latin typeface="Arial" panose="020B0604020202020204" pitchFamily="34" charset="0"/>
                <a:cs typeface="Arial" panose="020B0604020202020204" pitchFamily="34" charset="0"/>
              </a:rPr>
              <a:t>Questions</a:t>
            </a:r>
          </a:p>
        </p:txBody>
      </p:sp>
      <p:grpSp>
        <p:nvGrpSpPr>
          <p:cNvPr id="137" name="Group 136">
            <a:extLst>
              <a:ext uri="{FF2B5EF4-FFF2-40B4-BE49-F238E27FC236}">
                <a16:creationId xmlns:a16="http://schemas.microsoft.com/office/drawing/2014/main" id="{2E124884-E5FA-474E-B927-038C0DC19C7F}"/>
              </a:ext>
            </a:extLst>
          </p:cNvPr>
          <p:cNvGrpSpPr/>
          <p:nvPr/>
        </p:nvGrpSpPr>
        <p:grpSpPr>
          <a:xfrm>
            <a:off x="2505966" y="6091303"/>
            <a:ext cx="8038982" cy="2579607"/>
            <a:chOff x="307125" y="2674313"/>
            <a:chExt cx="5165940" cy="1543594"/>
          </a:xfrm>
        </p:grpSpPr>
        <p:pic>
          <p:nvPicPr>
            <p:cNvPr id="138" name="Picture 137" descr="A black and blue logo">
              <a:extLst>
                <a:ext uri="{FF2B5EF4-FFF2-40B4-BE49-F238E27FC236}">
                  <a16:creationId xmlns:a16="http://schemas.microsoft.com/office/drawing/2014/main" id="{D60261B2-6770-D851-414E-00E1A9007CBD}"/>
                </a:ext>
              </a:extLst>
            </p:cNvPr>
            <p:cNvPicPr>
              <a:picLocks noChangeAspect="1"/>
            </p:cNvPicPr>
            <p:nvPr/>
          </p:nvPicPr>
          <p:blipFill>
            <a:blip r:embed="rId2"/>
            <a:stretch>
              <a:fillRect/>
            </a:stretch>
          </p:blipFill>
          <p:spPr>
            <a:xfrm>
              <a:off x="3387882" y="2674313"/>
              <a:ext cx="2085183" cy="1543594"/>
            </a:xfrm>
            <a:prstGeom prst="rect">
              <a:avLst/>
            </a:prstGeom>
          </p:spPr>
        </p:pic>
        <p:pic>
          <p:nvPicPr>
            <p:cNvPr id="139" name="Picture 2" descr="Healthesystems">
              <a:extLst>
                <a:ext uri="{FF2B5EF4-FFF2-40B4-BE49-F238E27FC236}">
                  <a16:creationId xmlns:a16="http://schemas.microsoft.com/office/drawing/2014/main" id="{1E59090D-E074-A4CC-0E2F-ED1ECA6C586B}"/>
                </a:ext>
              </a:extLst>
            </p:cNvPr>
            <p:cNvPicPr>
              <a:picLocks noChangeAspect="1" noChangeArrowheads="1"/>
            </p:cNvPicPr>
            <p:nvPr/>
          </p:nvPicPr>
          <p:blipFill>
            <a:blip r:embed="rId3" cstate="email">
              <a:extLst>
                <a:ext uri="{28A0092B-C50C-407E-A947-70E740481C1C}">
                  <a14:useLocalDpi xmlns:a14="http://schemas.microsoft.com/office/drawing/2010/main" val="0"/>
                </a:ext>
              </a:extLst>
            </a:blip>
            <a:srcRect/>
            <a:stretch>
              <a:fillRect/>
            </a:stretch>
          </p:blipFill>
          <p:spPr bwMode="auto">
            <a:xfrm>
              <a:off x="1925574" y="3245030"/>
              <a:ext cx="1717165" cy="485901"/>
            </a:xfrm>
            <a:prstGeom prst="rect">
              <a:avLst/>
            </a:prstGeom>
            <a:noFill/>
            <a:extLst>
              <a:ext uri="{909E8E84-426E-40DD-AFC4-6F175D3DCCD1}">
                <a14:hiddenFill xmlns:a14="http://schemas.microsoft.com/office/drawing/2010/main">
                  <a:solidFill>
                    <a:srgbClr val="FFFFFF"/>
                  </a:solidFill>
                </a14:hiddenFill>
              </a:ext>
            </a:extLst>
          </p:spPr>
        </p:pic>
        <p:pic>
          <p:nvPicPr>
            <p:cNvPr id="140" name="Picture 4" descr="Log In | Davies Life &amp; Health">
              <a:extLst>
                <a:ext uri="{FF2B5EF4-FFF2-40B4-BE49-F238E27FC236}">
                  <a16:creationId xmlns:a16="http://schemas.microsoft.com/office/drawing/2014/main" id="{F81955C7-F7F5-742C-7F6C-FEAD70A4712B}"/>
                </a:ext>
              </a:extLst>
            </p:cNvPr>
            <p:cNvPicPr>
              <a:picLocks noChangeAspect="1" noChangeArrowheads="1"/>
            </p:cNvPicPr>
            <p:nvPr/>
          </p:nvPicPr>
          <p:blipFill>
            <a:blip r:embed="rId4" cstate="email">
              <a:extLst>
                <a:ext uri="{28A0092B-C50C-407E-A947-70E740481C1C}">
                  <a14:useLocalDpi xmlns:a14="http://schemas.microsoft.com/office/drawing/2010/main" val="0"/>
                </a:ext>
              </a:extLst>
            </a:blip>
            <a:srcRect/>
            <a:stretch>
              <a:fillRect/>
            </a:stretch>
          </p:blipFill>
          <p:spPr bwMode="auto">
            <a:xfrm>
              <a:off x="307125" y="3245030"/>
              <a:ext cx="1424609" cy="463493"/>
            </a:xfrm>
            <a:prstGeom prst="rect">
              <a:avLst/>
            </a:prstGeom>
            <a:noFill/>
            <a:extLst>
              <a:ext uri="{909E8E84-426E-40DD-AFC4-6F175D3DCCD1}">
                <a14:hiddenFill xmlns:a14="http://schemas.microsoft.com/office/drawing/2010/main">
                  <a:solidFill>
                    <a:srgbClr val="FFFFFF"/>
                  </a:solidFill>
                </a14:hiddenFill>
              </a:ext>
            </a:extLst>
          </p:spPr>
        </p:pic>
      </p:grpSp>
      <p:grpSp>
        <p:nvGrpSpPr>
          <p:cNvPr id="5" name="Google Shape;872;p59">
            <a:extLst>
              <a:ext uri="{FF2B5EF4-FFF2-40B4-BE49-F238E27FC236}">
                <a16:creationId xmlns:a16="http://schemas.microsoft.com/office/drawing/2014/main" id="{76EE6A89-35B8-0133-025E-B685BBA9A43E}"/>
              </a:ext>
            </a:extLst>
          </p:cNvPr>
          <p:cNvGrpSpPr/>
          <p:nvPr/>
        </p:nvGrpSpPr>
        <p:grpSpPr>
          <a:xfrm>
            <a:off x="11593266" y="2074460"/>
            <a:ext cx="5605170" cy="6732352"/>
            <a:chOff x="6666425" y="2858801"/>
            <a:chExt cx="1944150" cy="2138140"/>
          </a:xfrm>
        </p:grpSpPr>
        <p:sp>
          <p:nvSpPr>
            <p:cNvPr id="6" name="Google Shape;873;p59">
              <a:extLst>
                <a:ext uri="{FF2B5EF4-FFF2-40B4-BE49-F238E27FC236}">
                  <a16:creationId xmlns:a16="http://schemas.microsoft.com/office/drawing/2014/main" id="{8D3D942A-5D09-565B-637F-9966B3692D57}"/>
                </a:ext>
              </a:extLst>
            </p:cNvPr>
            <p:cNvSpPr/>
            <p:nvPr/>
          </p:nvSpPr>
          <p:spPr>
            <a:xfrm>
              <a:off x="7699075" y="2858801"/>
              <a:ext cx="911500" cy="2138140"/>
            </a:xfrm>
            <a:custGeom>
              <a:avLst/>
              <a:gdLst/>
              <a:ahLst/>
              <a:cxnLst/>
              <a:rect l="l" t="t" r="r" b="b"/>
              <a:pathLst>
                <a:path w="22653" h="53138" extrusionOk="0">
                  <a:moveTo>
                    <a:pt x="15664" y="19460"/>
                  </a:moveTo>
                  <a:lnTo>
                    <a:pt x="16387" y="19761"/>
                  </a:lnTo>
                  <a:lnTo>
                    <a:pt x="16207" y="20183"/>
                  </a:lnTo>
                  <a:lnTo>
                    <a:pt x="16237" y="20454"/>
                  </a:lnTo>
                  <a:lnTo>
                    <a:pt x="16297" y="20725"/>
                  </a:lnTo>
                  <a:lnTo>
                    <a:pt x="16327" y="20966"/>
                  </a:lnTo>
                  <a:lnTo>
                    <a:pt x="16387" y="21056"/>
                  </a:lnTo>
                  <a:lnTo>
                    <a:pt x="16448" y="21147"/>
                  </a:lnTo>
                  <a:lnTo>
                    <a:pt x="16628" y="21267"/>
                  </a:lnTo>
                  <a:lnTo>
                    <a:pt x="16779" y="21358"/>
                  </a:lnTo>
                  <a:lnTo>
                    <a:pt x="16869" y="21388"/>
                  </a:lnTo>
                  <a:lnTo>
                    <a:pt x="18556" y="25936"/>
                  </a:lnTo>
                  <a:lnTo>
                    <a:pt x="18556" y="26057"/>
                  </a:lnTo>
                  <a:lnTo>
                    <a:pt x="18556" y="26328"/>
                  </a:lnTo>
                  <a:lnTo>
                    <a:pt x="18526" y="26509"/>
                  </a:lnTo>
                  <a:lnTo>
                    <a:pt x="18466" y="26659"/>
                  </a:lnTo>
                  <a:lnTo>
                    <a:pt x="18345" y="26780"/>
                  </a:lnTo>
                  <a:lnTo>
                    <a:pt x="18285" y="26810"/>
                  </a:lnTo>
                  <a:lnTo>
                    <a:pt x="18195" y="26870"/>
                  </a:lnTo>
                  <a:lnTo>
                    <a:pt x="18074" y="26900"/>
                  </a:lnTo>
                  <a:lnTo>
                    <a:pt x="17954" y="26991"/>
                  </a:lnTo>
                  <a:lnTo>
                    <a:pt x="17653" y="27262"/>
                  </a:lnTo>
                  <a:lnTo>
                    <a:pt x="17321" y="27593"/>
                  </a:lnTo>
                  <a:lnTo>
                    <a:pt x="16960" y="27955"/>
                  </a:lnTo>
                  <a:lnTo>
                    <a:pt x="16387" y="28617"/>
                  </a:lnTo>
                  <a:lnTo>
                    <a:pt x="16146" y="28919"/>
                  </a:lnTo>
                  <a:lnTo>
                    <a:pt x="15182" y="25304"/>
                  </a:lnTo>
                  <a:lnTo>
                    <a:pt x="15152" y="25153"/>
                  </a:lnTo>
                  <a:lnTo>
                    <a:pt x="15182" y="25033"/>
                  </a:lnTo>
                  <a:lnTo>
                    <a:pt x="15213" y="24912"/>
                  </a:lnTo>
                  <a:lnTo>
                    <a:pt x="15303" y="24822"/>
                  </a:lnTo>
                  <a:lnTo>
                    <a:pt x="15454" y="24641"/>
                  </a:lnTo>
                  <a:lnTo>
                    <a:pt x="15514" y="24551"/>
                  </a:lnTo>
                  <a:lnTo>
                    <a:pt x="15544" y="24460"/>
                  </a:lnTo>
                  <a:lnTo>
                    <a:pt x="15574" y="24129"/>
                  </a:lnTo>
                  <a:lnTo>
                    <a:pt x="15574" y="23707"/>
                  </a:lnTo>
                  <a:lnTo>
                    <a:pt x="15544" y="23165"/>
                  </a:lnTo>
                  <a:lnTo>
                    <a:pt x="15454" y="22563"/>
                  </a:lnTo>
                  <a:lnTo>
                    <a:pt x="15423" y="22231"/>
                  </a:lnTo>
                  <a:lnTo>
                    <a:pt x="15423" y="21840"/>
                  </a:lnTo>
                  <a:lnTo>
                    <a:pt x="15454" y="21478"/>
                  </a:lnTo>
                  <a:lnTo>
                    <a:pt x="15484" y="21087"/>
                  </a:lnTo>
                  <a:lnTo>
                    <a:pt x="15604" y="20514"/>
                  </a:lnTo>
                  <a:lnTo>
                    <a:pt x="15664" y="20273"/>
                  </a:lnTo>
                  <a:lnTo>
                    <a:pt x="15664" y="19460"/>
                  </a:lnTo>
                  <a:close/>
                  <a:moveTo>
                    <a:pt x="16387" y="34190"/>
                  </a:moveTo>
                  <a:lnTo>
                    <a:pt x="16719" y="34672"/>
                  </a:lnTo>
                  <a:lnTo>
                    <a:pt x="17050" y="35154"/>
                  </a:lnTo>
                  <a:lnTo>
                    <a:pt x="17321" y="35696"/>
                  </a:lnTo>
                  <a:lnTo>
                    <a:pt x="17532" y="36239"/>
                  </a:lnTo>
                  <a:lnTo>
                    <a:pt x="17743" y="36811"/>
                  </a:lnTo>
                  <a:lnTo>
                    <a:pt x="17894" y="37383"/>
                  </a:lnTo>
                  <a:lnTo>
                    <a:pt x="18044" y="37925"/>
                  </a:lnTo>
                  <a:lnTo>
                    <a:pt x="18135" y="38468"/>
                  </a:lnTo>
                  <a:lnTo>
                    <a:pt x="18285" y="39432"/>
                  </a:lnTo>
                  <a:lnTo>
                    <a:pt x="18376" y="40245"/>
                  </a:lnTo>
                  <a:lnTo>
                    <a:pt x="18406" y="40968"/>
                  </a:lnTo>
                  <a:lnTo>
                    <a:pt x="16387" y="34190"/>
                  </a:lnTo>
                  <a:close/>
                  <a:moveTo>
                    <a:pt x="8043" y="0"/>
                  </a:moveTo>
                  <a:lnTo>
                    <a:pt x="7923" y="121"/>
                  </a:lnTo>
                  <a:lnTo>
                    <a:pt x="7802" y="211"/>
                  </a:lnTo>
                  <a:lnTo>
                    <a:pt x="7652" y="271"/>
                  </a:lnTo>
                  <a:lnTo>
                    <a:pt x="7531" y="332"/>
                  </a:lnTo>
                  <a:lnTo>
                    <a:pt x="7290" y="362"/>
                  </a:lnTo>
                  <a:lnTo>
                    <a:pt x="7049" y="362"/>
                  </a:lnTo>
                  <a:lnTo>
                    <a:pt x="6838" y="332"/>
                  </a:lnTo>
                  <a:lnTo>
                    <a:pt x="6688" y="302"/>
                  </a:lnTo>
                  <a:lnTo>
                    <a:pt x="6537" y="241"/>
                  </a:lnTo>
                  <a:lnTo>
                    <a:pt x="6326" y="512"/>
                  </a:lnTo>
                  <a:lnTo>
                    <a:pt x="6085" y="814"/>
                  </a:lnTo>
                  <a:lnTo>
                    <a:pt x="5814" y="1205"/>
                  </a:lnTo>
                  <a:lnTo>
                    <a:pt x="5543" y="1717"/>
                  </a:lnTo>
                  <a:lnTo>
                    <a:pt x="5272" y="2290"/>
                  </a:lnTo>
                  <a:lnTo>
                    <a:pt x="5181" y="2591"/>
                  </a:lnTo>
                  <a:lnTo>
                    <a:pt x="5061" y="2922"/>
                  </a:lnTo>
                  <a:lnTo>
                    <a:pt x="4971" y="3284"/>
                  </a:lnTo>
                  <a:lnTo>
                    <a:pt x="4910" y="3645"/>
                  </a:lnTo>
                  <a:lnTo>
                    <a:pt x="4790" y="3585"/>
                  </a:lnTo>
                  <a:lnTo>
                    <a:pt x="4700" y="3525"/>
                  </a:lnTo>
                  <a:lnTo>
                    <a:pt x="4579" y="3464"/>
                  </a:lnTo>
                  <a:lnTo>
                    <a:pt x="4519" y="3344"/>
                  </a:lnTo>
                  <a:lnTo>
                    <a:pt x="4398" y="3133"/>
                  </a:lnTo>
                  <a:lnTo>
                    <a:pt x="4308" y="2862"/>
                  </a:lnTo>
                  <a:lnTo>
                    <a:pt x="4248" y="2621"/>
                  </a:lnTo>
                  <a:lnTo>
                    <a:pt x="4218" y="2410"/>
                  </a:lnTo>
                  <a:lnTo>
                    <a:pt x="4218" y="2199"/>
                  </a:lnTo>
                  <a:lnTo>
                    <a:pt x="4007" y="2440"/>
                  </a:lnTo>
                  <a:lnTo>
                    <a:pt x="3796" y="2741"/>
                  </a:lnTo>
                  <a:lnTo>
                    <a:pt x="3555" y="3103"/>
                  </a:lnTo>
                  <a:lnTo>
                    <a:pt x="3344" y="3495"/>
                  </a:lnTo>
                  <a:lnTo>
                    <a:pt x="3254" y="3705"/>
                  </a:lnTo>
                  <a:lnTo>
                    <a:pt x="3193" y="3946"/>
                  </a:lnTo>
                  <a:lnTo>
                    <a:pt x="3133" y="4157"/>
                  </a:lnTo>
                  <a:lnTo>
                    <a:pt x="3103" y="4368"/>
                  </a:lnTo>
                  <a:lnTo>
                    <a:pt x="3133" y="4579"/>
                  </a:lnTo>
                  <a:lnTo>
                    <a:pt x="3163" y="4790"/>
                  </a:lnTo>
                  <a:lnTo>
                    <a:pt x="3254" y="5001"/>
                  </a:lnTo>
                  <a:lnTo>
                    <a:pt x="3374" y="5151"/>
                  </a:lnTo>
                  <a:lnTo>
                    <a:pt x="3495" y="5332"/>
                  </a:lnTo>
                  <a:lnTo>
                    <a:pt x="3645" y="5483"/>
                  </a:lnTo>
                  <a:lnTo>
                    <a:pt x="3977" y="5724"/>
                  </a:lnTo>
                  <a:lnTo>
                    <a:pt x="4308" y="5935"/>
                  </a:lnTo>
                  <a:lnTo>
                    <a:pt x="4639" y="6085"/>
                  </a:lnTo>
                  <a:lnTo>
                    <a:pt x="4940" y="6176"/>
                  </a:lnTo>
                  <a:lnTo>
                    <a:pt x="5181" y="6266"/>
                  </a:lnTo>
                  <a:lnTo>
                    <a:pt x="5724" y="6718"/>
                  </a:lnTo>
                  <a:lnTo>
                    <a:pt x="5965" y="7380"/>
                  </a:lnTo>
                  <a:lnTo>
                    <a:pt x="6206" y="7893"/>
                  </a:lnTo>
                  <a:lnTo>
                    <a:pt x="6417" y="8344"/>
                  </a:lnTo>
                  <a:lnTo>
                    <a:pt x="5091" y="10182"/>
                  </a:lnTo>
                  <a:lnTo>
                    <a:pt x="4820" y="10363"/>
                  </a:lnTo>
                  <a:lnTo>
                    <a:pt x="4187" y="10754"/>
                  </a:lnTo>
                  <a:lnTo>
                    <a:pt x="3796" y="11025"/>
                  </a:lnTo>
                  <a:lnTo>
                    <a:pt x="3374" y="11327"/>
                  </a:lnTo>
                  <a:lnTo>
                    <a:pt x="3013" y="11658"/>
                  </a:lnTo>
                  <a:lnTo>
                    <a:pt x="2681" y="11959"/>
                  </a:lnTo>
                  <a:lnTo>
                    <a:pt x="2561" y="12140"/>
                  </a:lnTo>
                  <a:lnTo>
                    <a:pt x="2440" y="12381"/>
                  </a:lnTo>
                  <a:lnTo>
                    <a:pt x="2320" y="12682"/>
                  </a:lnTo>
                  <a:lnTo>
                    <a:pt x="2229" y="12983"/>
                  </a:lnTo>
                  <a:lnTo>
                    <a:pt x="2079" y="13676"/>
                  </a:lnTo>
                  <a:lnTo>
                    <a:pt x="1958" y="14399"/>
                  </a:lnTo>
                  <a:lnTo>
                    <a:pt x="1868" y="15092"/>
                  </a:lnTo>
                  <a:lnTo>
                    <a:pt x="1808" y="15664"/>
                  </a:lnTo>
                  <a:lnTo>
                    <a:pt x="1808" y="16267"/>
                  </a:lnTo>
                  <a:lnTo>
                    <a:pt x="1868" y="16508"/>
                  </a:lnTo>
                  <a:lnTo>
                    <a:pt x="1928" y="16990"/>
                  </a:lnTo>
                  <a:lnTo>
                    <a:pt x="1958" y="17321"/>
                  </a:lnTo>
                  <a:lnTo>
                    <a:pt x="1958" y="17713"/>
                  </a:lnTo>
                  <a:lnTo>
                    <a:pt x="1928" y="18134"/>
                  </a:lnTo>
                  <a:lnTo>
                    <a:pt x="1868" y="18586"/>
                  </a:lnTo>
                  <a:lnTo>
                    <a:pt x="1747" y="19038"/>
                  </a:lnTo>
                  <a:lnTo>
                    <a:pt x="1627" y="19460"/>
                  </a:lnTo>
                  <a:lnTo>
                    <a:pt x="1446" y="19851"/>
                  </a:lnTo>
                  <a:lnTo>
                    <a:pt x="1265" y="20213"/>
                  </a:lnTo>
                  <a:lnTo>
                    <a:pt x="1055" y="20514"/>
                  </a:lnTo>
                  <a:lnTo>
                    <a:pt x="874" y="20755"/>
                  </a:lnTo>
                  <a:lnTo>
                    <a:pt x="723" y="20936"/>
                  </a:lnTo>
                  <a:lnTo>
                    <a:pt x="603" y="21056"/>
                  </a:lnTo>
                  <a:lnTo>
                    <a:pt x="573" y="21147"/>
                  </a:lnTo>
                  <a:lnTo>
                    <a:pt x="573" y="21237"/>
                  </a:lnTo>
                  <a:lnTo>
                    <a:pt x="633" y="21358"/>
                  </a:lnTo>
                  <a:lnTo>
                    <a:pt x="693" y="21478"/>
                  </a:lnTo>
                  <a:lnTo>
                    <a:pt x="783" y="21629"/>
                  </a:lnTo>
                  <a:lnTo>
                    <a:pt x="844" y="21779"/>
                  </a:lnTo>
                  <a:lnTo>
                    <a:pt x="874" y="21990"/>
                  </a:lnTo>
                  <a:lnTo>
                    <a:pt x="844" y="22231"/>
                  </a:lnTo>
                  <a:lnTo>
                    <a:pt x="814" y="22683"/>
                  </a:lnTo>
                  <a:lnTo>
                    <a:pt x="783" y="23436"/>
                  </a:lnTo>
                  <a:lnTo>
                    <a:pt x="783" y="25485"/>
                  </a:lnTo>
                  <a:lnTo>
                    <a:pt x="814" y="28226"/>
                  </a:lnTo>
                  <a:lnTo>
                    <a:pt x="512" y="28467"/>
                  </a:lnTo>
                  <a:lnTo>
                    <a:pt x="271" y="28647"/>
                  </a:lnTo>
                  <a:lnTo>
                    <a:pt x="61" y="28798"/>
                  </a:lnTo>
                  <a:lnTo>
                    <a:pt x="30" y="28858"/>
                  </a:lnTo>
                  <a:lnTo>
                    <a:pt x="30" y="28979"/>
                  </a:lnTo>
                  <a:lnTo>
                    <a:pt x="0" y="29310"/>
                  </a:lnTo>
                  <a:lnTo>
                    <a:pt x="30" y="29732"/>
                  </a:lnTo>
                  <a:lnTo>
                    <a:pt x="61" y="30244"/>
                  </a:lnTo>
                  <a:lnTo>
                    <a:pt x="181" y="31238"/>
                  </a:lnTo>
                  <a:lnTo>
                    <a:pt x="241" y="31871"/>
                  </a:lnTo>
                  <a:lnTo>
                    <a:pt x="301" y="32021"/>
                  </a:lnTo>
                  <a:lnTo>
                    <a:pt x="392" y="32172"/>
                  </a:lnTo>
                  <a:lnTo>
                    <a:pt x="512" y="32322"/>
                  </a:lnTo>
                  <a:lnTo>
                    <a:pt x="663" y="32443"/>
                  </a:lnTo>
                  <a:lnTo>
                    <a:pt x="934" y="32624"/>
                  </a:lnTo>
                  <a:lnTo>
                    <a:pt x="1055" y="32684"/>
                  </a:lnTo>
                  <a:lnTo>
                    <a:pt x="1778" y="33076"/>
                  </a:lnTo>
                  <a:lnTo>
                    <a:pt x="2380" y="33377"/>
                  </a:lnTo>
                  <a:lnTo>
                    <a:pt x="2621" y="33467"/>
                  </a:lnTo>
                  <a:lnTo>
                    <a:pt x="2802" y="33497"/>
                  </a:lnTo>
                  <a:lnTo>
                    <a:pt x="2952" y="33497"/>
                  </a:lnTo>
                  <a:lnTo>
                    <a:pt x="3043" y="33437"/>
                  </a:lnTo>
                  <a:lnTo>
                    <a:pt x="3103" y="33347"/>
                  </a:lnTo>
                  <a:lnTo>
                    <a:pt x="3133" y="33226"/>
                  </a:lnTo>
                  <a:lnTo>
                    <a:pt x="3163" y="32985"/>
                  </a:lnTo>
                  <a:lnTo>
                    <a:pt x="3133" y="32835"/>
                  </a:lnTo>
                  <a:lnTo>
                    <a:pt x="3163" y="32804"/>
                  </a:lnTo>
                  <a:lnTo>
                    <a:pt x="3223" y="32774"/>
                  </a:lnTo>
                  <a:lnTo>
                    <a:pt x="3374" y="32684"/>
                  </a:lnTo>
                  <a:lnTo>
                    <a:pt x="3495" y="32654"/>
                  </a:lnTo>
                  <a:lnTo>
                    <a:pt x="3585" y="32563"/>
                  </a:lnTo>
                  <a:lnTo>
                    <a:pt x="3645" y="32473"/>
                  </a:lnTo>
                  <a:lnTo>
                    <a:pt x="3705" y="32353"/>
                  </a:lnTo>
                  <a:lnTo>
                    <a:pt x="3675" y="32172"/>
                  </a:lnTo>
                  <a:lnTo>
                    <a:pt x="3615" y="31961"/>
                  </a:lnTo>
                  <a:lnTo>
                    <a:pt x="3495" y="31720"/>
                  </a:lnTo>
                  <a:lnTo>
                    <a:pt x="3344" y="31479"/>
                  </a:lnTo>
                  <a:lnTo>
                    <a:pt x="3043" y="31027"/>
                  </a:lnTo>
                  <a:lnTo>
                    <a:pt x="2832" y="30696"/>
                  </a:lnTo>
                  <a:lnTo>
                    <a:pt x="2711" y="30455"/>
                  </a:lnTo>
                  <a:lnTo>
                    <a:pt x="2591" y="30093"/>
                  </a:lnTo>
                  <a:lnTo>
                    <a:pt x="2501" y="29702"/>
                  </a:lnTo>
                  <a:lnTo>
                    <a:pt x="2501" y="29551"/>
                  </a:lnTo>
                  <a:lnTo>
                    <a:pt x="2501" y="29431"/>
                  </a:lnTo>
                  <a:lnTo>
                    <a:pt x="2531" y="29310"/>
                  </a:lnTo>
                  <a:lnTo>
                    <a:pt x="2501" y="29160"/>
                  </a:lnTo>
                  <a:lnTo>
                    <a:pt x="2380" y="28888"/>
                  </a:lnTo>
                  <a:lnTo>
                    <a:pt x="2260" y="28678"/>
                  </a:lnTo>
                  <a:lnTo>
                    <a:pt x="2199" y="28587"/>
                  </a:lnTo>
                  <a:lnTo>
                    <a:pt x="2260" y="28286"/>
                  </a:lnTo>
                  <a:lnTo>
                    <a:pt x="2470" y="27503"/>
                  </a:lnTo>
                  <a:lnTo>
                    <a:pt x="2741" y="26539"/>
                  </a:lnTo>
                  <a:lnTo>
                    <a:pt x="2892" y="26087"/>
                  </a:lnTo>
                  <a:lnTo>
                    <a:pt x="3043" y="25695"/>
                  </a:lnTo>
                  <a:lnTo>
                    <a:pt x="3223" y="25334"/>
                  </a:lnTo>
                  <a:lnTo>
                    <a:pt x="3344" y="24972"/>
                  </a:lnTo>
                  <a:lnTo>
                    <a:pt x="3525" y="24280"/>
                  </a:lnTo>
                  <a:lnTo>
                    <a:pt x="3645" y="23798"/>
                  </a:lnTo>
                  <a:lnTo>
                    <a:pt x="3675" y="23587"/>
                  </a:lnTo>
                  <a:lnTo>
                    <a:pt x="4127" y="23045"/>
                  </a:lnTo>
                  <a:lnTo>
                    <a:pt x="4489" y="21237"/>
                  </a:lnTo>
                  <a:lnTo>
                    <a:pt x="5272" y="23225"/>
                  </a:lnTo>
                  <a:lnTo>
                    <a:pt x="5181" y="23286"/>
                  </a:lnTo>
                  <a:lnTo>
                    <a:pt x="4971" y="23466"/>
                  </a:lnTo>
                  <a:lnTo>
                    <a:pt x="4850" y="23587"/>
                  </a:lnTo>
                  <a:lnTo>
                    <a:pt x="4730" y="23767"/>
                  </a:lnTo>
                  <a:lnTo>
                    <a:pt x="4639" y="23948"/>
                  </a:lnTo>
                  <a:lnTo>
                    <a:pt x="4609" y="24159"/>
                  </a:lnTo>
                  <a:lnTo>
                    <a:pt x="4639" y="24400"/>
                  </a:lnTo>
                  <a:lnTo>
                    <a:pt x="4700" y="24611"/>
                  </a:lnTo>
                  <a:lnTo>
                    <a:pt x="4790" y="24822"/>
                  </a:lnTo>
                  <a:lnTo>
                    <a:pt x="4910" y="24972"/>
                  </a:lnTo>
                  <a:lnTo>
                    <a:pt x="5121" y="25213"/>
                  </a:lnTo>
                  <a:lnTo>
                    <a:pt x="5212" y="25304"/>
                  </a:lnTo>
                  <a:lnTo>
                    <a:pt x="5302" y="26750"/>
                  </a:lnTo>
                  <a:lnTo>
                    <a:pt x="4850" y="27623"/>
                  </a:lnTo>
                  <a:lnTo>
                    <a:pt x="4790" y="29340"/>
                  </a:lnTo>
                  <a:lnTo>
                    <a:pt x="4700" y="30726"/>
                  </a:lnTo>
                  <a:lnTo>
                    <a:pt x="4639" y="31328"/>
                  </a:lnTo>
                  <a:lnTo>
                    <a:pt x="4549" y="31810"/>
                  </a:lnTo>
                  <a:lnTo>
                    <a:pt x="4519" y="31991"/>
                  </a:lnTo>
                  <a:lnTo>
                    <a:pt x="4519" y="32172"/>
                  </a:lnTo>
                  <a:lnTo>
                    <a:pt x="4549" y="32353"/>
                  </a:lnTo>
                  <a:lnTo>
                    <a:pt x="4579" y="32533"/>
                  </a:lnTo>
                  <a:lnTo>
                    <a:pt x="4700" y="32865"/>
                  </a:lnTo>
                  <a:lnTo>
                    <a:pt x="4820" y="33226"/>
                  </a:lnTo>
                  <a:lnTo>
                    <a:pt x="5001" y="33588"/>
                  </a:lnTo>
                  <a:lnTo>
                    <a:pt x="5121" y="33979"/>
                  </a:lnTo>
                  <a:lnTo>
                    <a:pt x="5212" y="34371"/>
                  </a:lnTo>
                  <a:lnTo>
                    <a:pt x="5242" y="34582"/>
                  </a:lnTo>
                  <a:lnTo>
                    <a:pt x="5242" y="34793"/>
                  </a:lnTo>
                  <a:lnTo>
                    <a:pt x="5272" y="35275"/>
                  </a:lnTo>
                  <a:lnTo>
                    <a:pt x="5362" y="35817"/>
                  </a:lnTo>
                  <a:lnTo>
                    <a:pt x="5483" y="36389"/>
                  </a:lnTo>
                  <a:lnTo>
                    <a:pt x="5633" y="36961"/>
                  </a:lnTo>
                  <a:lnTo>
                    <a:pt x="5904" y="37895"/>
                  </a:lnTo>
                  <a:lnTo>
                    <a:pt x="5965" y="38197"/>
                  </a:lnTo>
                  <a:lnTo>
                    <a:pt x="5995" y="38347"/>
                  </a:lnTo>
                  <a:lnTo>
                    <a:pt x="5995" y="38498"/>
                  </a:lnTo>
                  <a:lnTo>
                    <a:pt x="6025" y="38829"/>
                  </a:lnTo>
                  <a:lnTo>
                    <a:pt x="6115" y="39793"/>
                  </a:lnTo>
                  <a:lnTo>
                    <a:pt x="6176" y="40335"/>
                  </a:lnTo>
                  <a:lnTo>
                    <a:pt x="6206" y="40877"/>
                  </a:lnTo>
                  <a:lnTo>
                    <a:pt x="6176" y="41329"/>
                  </a:lnTo>
                  <a:lnTo>
                    <a:pt x="6176" y="41510"/>
                  </a:lnTo>
                  <a:lnTo>
                    <a:pt x="6145" y="41661"/>
                  </a:lnTo>
                  <a:lnTo>
                    <a:pt x="6115" y="41841"/>
                  </a:lnTo>
                  <a:lnTo>
                    <a:pt x="6145" y="42052"/>
                  </a:lnTo>
                  <a:lnTo>
                    <a:pt x="6206" y="42354"/>
                  </a:lnTo>
                  <a:lnTo>
                    <a:pt x="6296" y="42715"/>
                  </a:lnTo>
                  <a:lnTo>
                    <a:pt x="6567" y="43498"/>
                  </a:lnTo>
                  <a:lnTo>
                    <a:pt x="6868" y="44312"/>
                  </a:lnTo>
                  <a:lnTo>
                    <a:pt x="7501" y="45788"/>
                  </a:lnTo>
                  <a:lnTo>
                    <a:pt x="7772" y="46450"/>
                  </a:lnTo>
                  <a:lnTo>
                    <a:pt x="7712" y="46420"/>
                  </a:lnTo>
                  <a:lnTo>
                    <a:pt x="7501" y="46390"/>
                  </a:lnTo>
                  <a:lnTo>
                    <a:pt x="7380" y="46390"/>
                  </a:lnTo>
                  <a:lnTo>
                    <a:pt x="7260" y="46420"/>
                  </a:lnTo>
                  <a:lnTo>
                    <a:pt x="7170" y="46480"/>
                  </a:lnTo>
                  <a:lnTo>
                    <a:pt x="7079" y="46571"/>
                  </a:lnTo>
                  <a:lnTo>
                    <a:pt x="7682" y="48920"/>
                  </a:lnTo>
                  <a:lnTo>
                    <a:pt x="7621" y="49191"/>
                  </a:lnTo>
                  <a:lnTo>
                    <a:pt x="7531" y="49463"/>
                  </a:lnTo>
                  <a:lnTo>
                    <a:pt x="7380" y="49764"/>
                  </a:lnTo>
                  <a:lnTo>
                    <a:pt x="7170" y="50125"/>
                  </a:lnTo>
                  <a:lnTo>
                    <a:pt x="7049" y="50276"/>
                  </a:lnTo>
                  <a:lnTo>
                    <a:pt x="6868" y="50457"/>
                  </a:lnTo>
                  <a:lnTo>
                    <a:pt x="6718" y="50607"/>
                  </a:lnTo>
                  <a:lnTo>
                    <a:pt x="6507" y="50728"/>
                  </a:lnTo>
                  <a:lnTo>
                    <a:pt x="6296" y="50848"/>
                  </a:lnTo>
                  <a:lnTo>
                    <a:pt x="6055" y="50939"/>
                  </a:lnTo>
                  <a:lnTo>
                    <a:pt x="5784" y="51029"/>
                  </a:lnTo>
                  <a:lnTo>
                    <a:pt x="5573" y="51119"/>
                  </a:lnTo>
                  <a:lnTo>
                    <a:pt x="5181" y="51360"/>
                  </a:lnTo>
                  <a:lnTo>
                    <a:pt x="4850" y="51601"/>
                  </a:lnTo>
                  <a:lnTo>
                    <a:pt x="4609" y="51842"/>
                  </a:lnTo>
                  <a:lnTo>
                    <a:pt x="4459" y="52113"/>
                  </a:lnTo>
                  <a:lnTo>
                    <a:pt x="4338" y="52324"/>
                  </a:lnTo>
                  <a:lnTo>
                    <a:pt x="4308" y="52505"/>
                  </a:lnTo>
                  <a:lnTo>
                    <a:pt x="4308" y="52565"/>
                  </a:lnTo>
                  <a:lnTo>
                    <a:pt x="4338" y="52626"/>
                  </a:lnTo>
                  <a:lnTo>
                    <a:pt x="4398" y="52656"/>
                  </a:lnTo>
                  <a:lnTo>
                    <a:pt x="4489" y="52686"/>
                  </a:lnTo>
                  <a:lnTo>
                    <a:pt x="4820" y="52746"/>
                  </a:lnTo>
                  <a:lnTo>
                    <a:pt x="5302" y="52776"/>
                  </a:lnTo>
                  <a:lnTo>
                    <a:pt x="5844" y="52806"/>
                  </a:lnTo>
                  <a:lnTo>
                    <a:pt x="6989" y="52836"/>
                  </a:lnTo>
                  <a:lnTo>
                    <a:pt x="7923" y="52836"/>
                  </a:lnTo>
                  <a:lnTo>
                    <a:pt x="8103" y="52806"/>
                  </a:lnTo>
                  <a:lnTo>
                    <a:pt x="8314" y="52746"/>
                  </a:lnTo>
                  <a:lnTo>
                    <a:pt x="8555" y="52626"/>
                  </a:lnTo>
                  <a:lnTo>
                    <a:pt x="8826" y="52475"/>
                  </a:lnTo>
                  <a:lnTo>
                    <a:pt x="9399" y="52144"/>
                  </a:lnTo>
                  <a:lnTo>
                    <a:pt x="10001" y="51722"/>
                  </a:lnTo>
                  <a:lnTo>
                    <a:pt x="10543" y="51330"/>
                  </a:lnTo>
                  <a:lnTo>
                    <a:pt x="10995" y="50969"/>
                  </a:lnTo>
                  <a:lnTo>
                    <a:pt x="11417" y="50637"/>
                  </a:lnTo>
                  <a:lnTo>
                    <a:pt x="11538" y="50306"/>
                  </a:lnTo>
                  <a:lnTo>
                    <a:pt x="11809" y="49583"/>
                  </a:lnTo>
                  <a:lnTo>
                    <a:pt x="11929" y="49161"/>
                  </a:lnTo>
                  <a:lnTo>
                    <a:pt x="12019" y="48740"/>
                  </a:lnTo>
                  <a:lnTo>
                    <a:pt x="12019" y="48378"/>
                  </a:lnTo>
                  <a:lnTo>
                    <a:pt x="12019" y="48258"/>
                  </a:lnTo>
                  <a:lnTo>
                    <a:pt x="11959" y="48137"/>
                  </a:lnTo>
                  <a:lnTo>
                    <a:pt x="11869" y="47896"/>
                  </a:lnTo>
                  <a:lnTo>
                    <a:pt x="11778" y="47565"/>
                  </a:lnTo>
                  <a:lnTo>
                    <a:pt x="11688" y="47203"/>
                  </a:lnTo>
                  <a:lnTo>
                    <a:pt x="11628" y="46782"/>
                  </a:lnTo>
                  <a:lnTo>
                    <a:pt x="11568" y="45968"/>
                  </a:lnTo>
                  <a:lnTo>
                    <a:pt x="11568" y="45607"/>
                  </a:lnTo>
                  <a:lnTo>
                    <a:pt x="11568" y="45306"/>
                  </a:lnTo>
                  <a:lnTo>
                    <a:pt x="11568" y="45004"/>
                  </a:lnTo>
                  <a:lnTo>
                    <a:pt x="11538" y="44703"/>
                  </a:lnTo>
                  <a:lnTo>
                    <a:pt x="11447" y="44402"/>
                  </a:lnTo>
                  <a:lnTo>
                    <a:pt x="11357" y="44071"/>
                  </a:lnTo>
                  <a:lnTo>
                    <a:pt x="11116" y="43468"/>
                  </a:lnTo>
                  <a:lnTo>
                    <a:pt x="10935" y="43046"/>
                  </a:lnTo>
                  <a:lnTo>
                    <a:pt x="10905" y="42926"/>
                  </a:lnTo>
                  <a:lnTo>
                    <a:pt x="10875" y="42805"/>
                  </a:lnTo>
                  <a:lnTo>
                    <a:pt x="10875" y="42504"/>
                  </a:lnTo>
                  <a:lnTo>
                    <a:pt x="10935" y="41751"/>
                  </a:lnTo>
                  <a:lnTo>
                    <a:pt x="10995" y="40938"/>
                  </a:lnTo>
                  <a:lnTo>
                    <a:pt x="10995" y="40576"/>
                  </a:lnTo>
                  <a:lnTo>
                    <a:pt x="10965" y="40275"/>
                  </a:lnTo>
                  <a:lnTo>
                    <a:pt x="10905" y="40004"/>
                  </a:lnTo>
                  <a:lnTo>
                    <a:pt x="10875" y="39673"/>
                  </a:lnTo>
                  <a:lnTo>
                    <a:pt x="10845" y="38980"/>
                  </a:lnTo>
                  <a:lnTo>
                    <a:pt x="10845" y="38437"/>
                  </a:lnTo>
                  <a:lnTo>
                    <a:pt x="10875" y="38197"/>
                  </a:lnTo>
                  <a:lnTo>
                    <a:pt x="11718" y="36871"/>
                  </a:lnTo>
                  <a:lnTo>
                    <a:pt x="11989" y="38558"/>
                  </a:lnTo>
                  <a:lnTo>
                    <a:pt x="12260" y="39914"/>
                  </a:lnTo>
                  <a:lnTo>
                    <a:pt x="12471" y="41028"/>
                  </a:lnTo>
                  <a:lnTo>
                    <a:pt x="12622" y="41480"/>
                  </a:lnTo>
                  <a:lnTo>
                    <a:pt x="12803" y="41992"/>
                  </a:lnTo>
                  <a:lnTo>
                    <a:pt x="13255" y="43046"/>
                  </a:lnTo>
                  <a:lnTo>
                    <a:pt x="13797" y="44281"/>
                  </a:lnTo>
                  <a:lnTo>
                    <a:pt x="13737" y="45516"/>
                  </a:lnTo>
                  <a:lnTo>
                    <a:pt x="13706" y="46511"/>
                  </a:lnTo>
                  <a:lnTo>
                    <a:pt x="13706" y="47173"/>
                  </a:lnTo>
                  <a:lnTo>
                    <a:pt x="13737" y="47384"/>
                  </a:lnTo>
                  <a:lnTo>
                    <a:pt x="13797" y="47535"/>
                  </a:lnTo>
                  <a:lnTo>
                    <a:pt x="13887" y="47655"/>
                  </a:lnTo>
                  <a:lnTo>
                    <a:pt x="13977" y="47776"/>
                  </a:lnTo>
                  <a:lnTo>
                    <a:pt x="14188" y="47896"/>
                  </a:lnTo>
                  <a:lnTo>
                    <a:pt x="14249" y="47956"/>
                  </a:lnTo>
                  <a:lnTo>
                    <a:pt x="14459" y="51421"/>
                  </a:lnTo>
                  <a:lnTo>
                    <a:pt x="14821" y="51692"/>
                  </a:lnTo>
                  <a:lnTo>
                    <a:pt x="15695" y="52234"/>
                  </a:lnTo>
                  <a:lnTo>
                    <a:pt x="16207" y="52565"/>
                  </a:lnTo>
                  <a:lnTo>
                    <a:pt x="16719" y="52836"/>
                  </a:lnTo>
                  <a:lnTo>
                    <a:pt x="17171" y="53047"/>
                  </a:lnTo>
                  <a:lnTo>
                    <a:pt x="17381" y="53108"/>
                  </a:lnTo>
                  <a:lnTo>
                    <a:pt x="17562" y="53138"/>
                  </a:lnTo>
                  <a:lnTo>
                    <a:pt x="17863" y="53138"/>
                  </a:lnTo>
                  <a:lnTo>
                    <a:pt x="18165" y="53077"/>
                  </a:lnTo>
                  <a:lnTo>
                    <a:pt x="18436" y="52987"/>
                  </a:lnTo>
                  <a:lnTo>
                    <a:pt x="18677" y="52836"/>
                  </a:lnTo>
                  <a:lnTo>
                    <a:pt x="18888" y="52716"/>
                  </a:lnTo>
                  <a:lnTo>
                    <a:pt x="19038" y="52595"/>
                  </a:lnTo>
                  <a:lnTo>
                    <a:pt x="19159" y="52505"/>
                  </a:lnTo>
                  <a:lnTo>
                    <a:pt x="19189" y="52324"/>
                  </a:lnTo>
                  <a:lnTo>
                    <a:pt x="19189" y="52144"/>
                  </a:lnTo>
                  <a:lnTo>
                    <a:pt x="19189" y="51903"/>
                  </a:lnTo>
                  <a:lnTo>
                    <a:pt x="19098" y="51662"/>
                  </a:lnTo>
                  <a:lnTo>
                    <a:pt x="18978" y="51390"/>
                  </a:lnTo>
                  <a:lnTo>
                    <a:pt x="18888" y="51270"/>
                  </a:lnTo>
                  <a:lnTo>
                    <a:pt x="18797" y="51119"/>
                  </a:lnTo>
                  <a:lnTo>
                    <a:pt x="18647" y="51029"/>
                  </a:lnTo>
                  <a:lnTo>
                    <a:pt x="18496" y="50909"/>
                  </a:lnTo>
                  <a:lnTo>
                    <a:pt x="18165" y="50668"/>
                  </a:lnTo>
                  <a:lnTo>
                    <a:pt x="17894" y="50396"/>
                  </a:lnTo>
                  <a:lnTo>
                    <a:pt x="17683" y="50125"/>
                  </a:lnTo>
                  <a:lnTo>
                    <a:pt x="17502" y="49824"/>
                  </a:lnTo>
                  <a:lnTo>
                    <a:pt x="17351" y="49583"/>
                  </a:lnTo>
                  <a:lnTo>
                    <a:pt x="17261" y="49372"/>
                  </a:lnTo>
                  <a:lnTo>
                    <a:pt x="17171" y="49161"/>
                  </a:lnTo>
                  <a:lnTo>
                    <a:pt x="17412" y="48318"/>
                  </a:lnTo>
                  <a:lnTo>
                    <a:pt x="17351" y="48288"/>
                  </a:lnTo>
                  <a:lnTo>
                    <a:pt x="17231" y="48167"/>
                  </a:lnTo>
                  <a:lnTo>
                    <a:pt x="17140" y="48077"/>
                  </a:lnTo>
                  <a:lnTo>
                    <a:pt x="17080" y="47956"/>
                  </a:lnTo>
                  <a:lnTo>
                    <a:pt x="17020" y="47806"/>
                  </a:lnTo>
                  <a:lnTo>
                    <a:pt x="16960" y="47655"/>
                  </a:lnTo>
                  <a:lnTo>
                    <a:pt x="16960" y="47384"/>
                  </a:lnTo>
                  <a:lnTo>
                    <a:pt x="17020" y="46992"/>
                  </a:lnTo>
                  <a:lnTo>
                    <a:pt x="17201" y="46029"/>
                  </a:lnTo>
                  <a:lnTo>
                    <a:pt x="17412" y="45185"/>
                  </a:lnTo>
                  <a:lnTo>
                    <a:pt x="17532" y="44793"/>
                  </a:lnTo>
                  <a:lnTo>
                    <a:pt x="17683" y="43227"/>
                  </a:lnTo>
                  <a:lnTo>
                    <a:pt x="17743" y="43378"/>
                  </a:lnTo>
                  <a:lnTo>
                    <a:pt x="17924" y="43739"/>
                  </a:lnTo>
                  <a:lnTo>
                    <a:pt x="18135" y="44131"/>
                  </a:lnTo>
                  <a:lnTo>
                    <a:pt x="18225" y="44251"/>
                  </a:lnTo>
                  <a:lnTo>
                    <a:pt x="18285" y="44281"/>
                  </a:lnTo>
                  <a:lnTo>
                    <a:pt x="18345" y="44281"/>
                  </a:lnTo>
                  <a:lnTo>
                    <a:pt x="18376" y="44221"/>
                  </a:lnTo>
                  <a:lnTo>
                    <a:pt x="18406" y="44040"/>
                  </a:lnTo>
                  <a:lnTo>
                    <a:pt x="18406" y="43799"/>
                  </a:lnTo>
                  <a:lnTo>
                    <a:pt x="18406" y="43528"/>
                  </a:lnTo>
                  <a:lnTo>
                    <a:pt x="18345" y="43016"/>
                  </a:lnTo>
                  <a:lnTo>
                    <a:pt x="18315" y="42775"/>
                  </a:lnTo>
                  <a:lnTo>
                    <a:pt x="18586" y="43438"/>
                  </a:lnTo>
                  <a:lnTo>
                    <a:pt x="18888" y="44101"/>
                  </a:lnTo>
                  <a:lnTo>
                    <a:pt x="19249" y="44824"/>
                  </a:lnTo>
                  <a:lnTo>
                    <a:pt x="19701" y="45577"/>
                  </a:lnTo>
                  <a:lnTo>
                    <a:pt x="19912" y="45908"/>
                  </a:lnTo>
                  <a:lnTo>
                    <a:pt x="20123" y="46209"/>
                  </a:lnTo>
                  <a:lnTo>
                    <a:pt x="20364" y="46450"/>
                  </a:lnTo>
                  <a:lnTo>
                    <a:pt x="20575" y="46661"/>
                  </a:lnTo>
                  <a:lnTo>
                    <a:pt x="20785" y="46752"/>
                  </a:lnTo>
                  <a:lnTo>
                    <a:pt x="20906" y="46782"/>
                  </a:lnTo>
                  <a:lnTo>
                    <a:pt x="20996" y="46782"/>
                  </a:lnTo>
                  <a:lnTo>
                    <a:pt x="21297" y="46721"/>
                  </a:lnTo>
                  <a:lnTo>
                    <a:pt x="21418" y="46691"/>
                  </a:lnTo>
                  <a:lnTo>
                    <a:pt x="21508" y="46631"/>
                  </a:lnTo>
                  <a:lnTo>
                    <a:pt x="21599" y="46541"/>
                  </a:lnTo>
                  <a:lnTo>
                    <a:pt x="21689" y="46450"/>
                  </a:lnTo>
                  <a:lnTo>
                    <a:pt x="21749" y="46330"/>
                  </a:lnTo>
                  <a:lnTo>
                    <a:pt x="21779" y="46209"/>
                  </a:lnTo>
                  <a:lnTo>
                    <a:pt x="21810" y="45878"/>
                  </a:lnTo>
                  <a:lnTo>
                    <a:pt x="21810" y="45426"/>
                  </a:lnTo>
                  <a:lnTo>
                    <a:pt x="21779" y="44884"/>
                  </a:lnTo>
                  <a:lnTo>
                    <a:pt x="21689" y="44191"/>
                  </a:lnTo>
                  <a:lnTo>
                    <a:pt x="21689" y="43980"/>
                  </a:lnTo>
                  <a:lnTo>
                    <a:pt x="21719" y="43739"/>
                  </a:lnTo>
                  <a:lnTo>
                    <a:pt x="21779" y="43257"/>
                  </a:lnTo>
                  <a:lnTo>
                    <a:pt x="21930" y="42655"/>
                  </a:lnTo>
                  <a:lnTo>
                    <a:pt x="22020" y="42715"/>
                  </a:lnTo>
                  <a:lnTo>
                    <a:pt x="22231" y="42805"/>
                  </a:lnTo>
                  <a:lnTo>
                    <a:pt x="22472" y="42805"/>
                  </a:lnTo>
                  <a:lnTo>
                    <a:pt x="22563" y="42775"/>
                  </a:lnTo>
                  <a:lnTo>
                    <a:pt x="22653" y="42655"/>
                  </a:lnTo>
                  <a:lnTo>
                    <a:pt x="22623" y="42474"/>
                  </a:lnTo>
                  <a:lnTo>
                    <a:pt x="22563" y="42022"/>
                  </a:lnTo>
                  <a:lnTo>
                    <a:pt x="22201" y="40576"/>
                  </a:lnTo>
                  <a:lnTo>
                    <a:pt x="21659" y="38588"/>
                  </a:lnTo>
                  <a:lnTo>
                    <a:pt x="21026" y="36329"/>
                  </a:lnTo>
                  <a:lnTo>
                    <a:pt x="19852" y="32142"/>
                  </a:lnTo>
                  <a:lnTo>
                    <a:pt x="19279" y="30244"/>
                  </a:lnTo>
                  <a:lnTo>
                    <a:pt x="19671" y="29762"/>
                  </a:lnTo>
                  <a:lnTo>
                    <a:pt x="19761" y="29370"/>
                  </a:lnTo>
                  <a:lnTo>
                    <a:pt x="19821" y="29039"/>
                  </a:lnTo>
                  <a:lnTo>
                    <a:pt x="19882" y="28738"/>
                  </a:lnTo>
                  <a:lnTo>
                    <a:pt x="19942" y="28406"/>
                  </a:lnTo>
                  <a:lnTo>
                    <a:pt x="20093" y="27894"/>
                  </a:lnTo>
                  <a:lnTo>
                    <a:pt x="20424" y="26930"/>
                  </a:lnTo>
                  <a:lnTo>
                    <a:pt x="20454" y="26750"/>
                  </a:lnTo>
                  <a:lnTo>
                    <a:pt x="20394" y="26569"/>
                  </a:lnTo>
                  <a:lnTo>
                    <a:pt x="20303" y="26418"/>
                  </a:lnTo>
                  <a:lnTo>
                    <a:pt x="20213" y="26298"/>
                  </a:lnTo>
                  <a:lnTo>
                    <a:pt x="19972" y="26057"/>
                  </a:lnTo>
                  <a:lnTo>
                    <a:pt x="19912" y="25966"/>
                  </a:lnTo>
                  <a:lnTo>
                    <a:pt x="19882" y="25876"/>
                  </a:lnTo>
                  <a:lnTo>
                    <a:pt x="19701" y="23135"/>
                  </a:lnTo>
                  <a:lnTo>
                    <a:pt x="19490" y="20514"/>
                  </a:lnTo>
                  <a:lnTo>
                    <a:pt x="20153" y="20183"/>
                  </a:lnTo>
                  <a:lnTo>
                    <a:pt x="20183" y="19701"/>
                  </a:lnTo>
                  <a:lnTo>
                    <a:pt x="20183" y="19249"/>
                  </a:lnTo>
                  <a:lnTo>
                    <a:pt x="20153" y="18737"/>
                  </a:lnTo>
                  <a:lnTo>
                    <a:pt x="20123" y="18616"/>
                  </a:lnTo>
                  <a:lnTo>
                    <a:pt x="20093" y="18526"/>
                  </a:lnTo>
                  <a:lnTo>
                    <a:pt x="19972" y="18345"/>
                  </a:lnTo>
                  <a:lnTo>
                    <a:pt x="19821" y="18225"/>
                  </a:lnTo>
                  <a:lnTo>
                    <a:pt x="19641" y="18134"/>
                  </a:lnTo>
                  <a:lnTo>
                    <a:pt x="19490" y="18074"/>
                  </a:lnTo>
                  <a:lnTo>
                    <a:pt x="19339" y="18014"/>
                  </a:lnTo>
                  <a:lnTo>
                    <a:pt x="19189" y="18014"/>
                  </a:lnTo>
                  <a:lnTo>
                    <a:pt x="18586" y="17411"/>
                  </a:lnTo>
                  <a:lnTo>
                    <a:pt x="18255" y="16297"/>
                  </a:lnTo>
                  <a:lnTo>
                    <a:pt x="17472" y="13857"/>
                  </a:lnTo>
                  <a:lnTo>
                    <a:pt x="17050" y="12501"/>
                  </a:lnTo>
                  <a:lnTo>
                    <a:pt x="16598" y="11266"/>
                  </a:lnTo>
                  <a:lnTo>
                    <a:pt x="16237" y="10302"/>
                  </a:lnTo>
                  <a:lnTo>
                    <a:pt x="16086" y="9971"/>
                  </a:lnTo>
                  <a:lnTo>
                    <a:pt x="15966" y="9760"/>
                  </a:lnTo>
                  <a:lnTo>
                    <a:pt x="15815" y="9640"/>
                  </a:lnTo>
                  <a:lnTo>
                    <a:pt x="15634" y="9519"/>
                  </a:lnTo>
                  <a:lnTo>
                    <a:pt x="15363" y="9399"/>
                  </a:lnTo>
                  <a:lnTo>
                    <a:pt x="15062" y="9278"/>
                  </a:lnTo>
                  <a:lnTo>
                    <a:pt x="14399" y="9067"/>
                  </a:lnTo>
                  <a:lnTo>
                    <a:pt x="13646" y="8887"/>
                  </a:lnTo>
                  <a:lnTo>
                    <a:pt x="12953" y="8736"/>
                  </a:lnTo>
                  <a:lnTo>
                    <a:pt x="12321" y="8646"/>
                  </a:lnTo>
                  <a:lnTo>
                    <a:pt x="11748" y="8555"/>
                  </a:lnTo>
                  <a:lnTo>
                    <a:pt x="10845" y="7591"/>
                  </a:lnTo>
                  <a:lnTo>
                    <a:pt x="10724" y="7501"/>
                  </a:lnTo>
                  <a:lnTo>
                    <a:pt x="10604" y="7471"/>
                  </a:lnTo>
                  <a:lnTo>
                    <a:pt x="10453" y="7411"/>
                  </a:lnTo>
                  <a:lnTo>
                    <a:pt x="10001" y="7411"/>
                  </a:lnTo>
                  <a:lnTo>
                    <a:pt x="9790" y="6447"/>
                  </a:lnTo>
                  <a:lnTo>
                    <a:pt x="9820" y="6477"/>
                  </a:lnTo>
                  <a:lnTo>
                    <a:pt x="9911" y="6477"/>
                  </a:lnTo>
                  <a:lnTo>
                    <a:pt x="9971" y="6447"/>
                  </a:lnTo>
                  <a:lnTo>
                    <a:pt x="10031" y="6386"/>
                  </a:lnTo>
                  <a:lnTo>
                    <a:pt x="10122" y="6266"/>
                  </a:lnTo>
                  <a:lnTo>
                    <a:pt x="10182" y="6115"/>
                  </a:lnTo>
                  <a:lnTo>
                    <a:pt x="10453" y="6025"/>
                  </a:lnTo>
                  <a:lnTo>
                    <a:pt x="10664" y="5904"/>
                  </a:lnTo>
                  <a:lnTo>
                    <a:pt x="10875" y="5784"/>
                  </a:lnTo>
                  <a:lnTo>
                    <a:pt x="11086" y="5663"/>
                  </a:lnTo>
                  <a:lnTo>
                    <a:pt x="11417" y="5362"/>
                  </a:lnTo>
                  <a:lnTo>
                    <a:pt x="11718" y="5031"/>
                  </a:lnTo>
                  <a:lnTo>
                    <a:pt x="11959" y="4669"/>
                  </a:lnTo>
                  <a:lnTo>
                    <a:pt x="12140" y="4338"/>
                  </a:lnTo>
                  <a:lnTo>
                    <a:pt x="12291" y="4007"/>
                  </a:lnTo>
                  <a:lnTo>
                    <a:pt x="12381" y="3705"/>
                  </a:lnTo>
                  <a:lnTo>
                    <a:pt x="12411" y="3555"/>
                  </a:lnTo>
                  <a:lnTo>
                    <a:pt x="12411" y="3404"/>
                  </a:lnTo>
                  <a:lnTo>
                    <a:pt x="12381" y="3254"/>
                  </a:lnTo>
                  <a:lnTo>
                    <a:pt x="12351" y="3073"/>
                  </a:lnTo>
                  <a:lnTo>
                    <a:pt x="12170" y="2741"/>
                  </a:lnTo>
                  <a:lnTo>
                    <a:pt x="11959" y="2440"/>
                  </a:lnTo>
                  <a:lnTo>
                    <a:pt x="11718" y="2139"/>
                  </a:lnTo>
                  <a:lnTo>
                    <a:pt x="11447" y="1928"/>
                  </a:lnTo>
                  <a:lnTo>
                    <a:pt x="11206" y="1747"/>
                  </a:lnTo>
                  <a:lnTo>
                    <a:pt x="11116" y="1717"/>
                  </a:lnTo>
                  <a:lnTo>
                    <a:pt x="11025" y="1687"/>
                  </a:lnTo>
                  <a:lnTo>
                    <a:pt x="10845" y="1687"/>
                  </a:lnTo>
                  <a:lnTo>
                    <a:pt x="10664" y="1808"/>
                  </a:lnTo>
                  <a:lnTo>
                    <a:pt x="10483" y="1928"/>
                  </a:lnTo>
                  <a:lnTo>
                    <a:pt x="10333" y="2109"/>
                  </a:lnTo>
                  <a:lnTo>
                    <a:pt x="10061" y="2410"/>
                  </a:lnTo>
                  <a:lnTo>
                    <a:pt x="9941" y="2561"/>
                  </a:lnTo>
                  <a:lnTo>
                    <a:pt x="9911" y="2260"/>
                  </a:lnTo>
                  <a:lnTo>
                    <a:pt x="9851" y="1898"/>
                  </a:lnTo>
                  <a:lnTo>
                    <a:pt x="9700" y="1506"/>
                  </a:lnTo>
                  <a:lnTo>
                    <a:pt x="9610" y="1296"/>
                  </a:lnTo>
                  <a:lnTo>
                    <a:pt x="9489" y="1055"/>
                  </a:lnTo>
                  <a:lnTo>
                    <a:pt x="9338" y="844"/>
                  </a:lnTo>
                  <a:lnTo>
                    <a:pt x="9128" y="633"/>
                  </a:lnTo>
                  <a:lnTo>
                    <a:pt x="8917" y="452"/>
                  </a:lnTo>
                  <a:lnTo>
                    <a:pt x="8676" y="271"/>
                  </a:lnTo>
                  <a:lnTo>
                    <a:pt x="8375" y="121"/>
                  </a:lnTo>
                  <a:lnTo>
                    <a:pt x="8043" y="0"/>
                  </a:lnTo>
                  <a:close/>
                </a:path>
              </a:pathLst>
            </a:custGeom>
            <a:solidFill>
              <a:srgbClr val="1C0303"/>
            </a:solidFill>
            <a:ln>
              <a:noFill/>
            </a:ln>
          </p:spPr>
          <p:txBody>
            <a:bodyPr spcFirstLastPara="1" wrap="square" lIns="91425" tIns="91425" rIns="91425" bIns="91425" anchor="ctr" anchorCtr="0">
              <a:noAutofit/>
            </a:bodyPr>
            <a:lstStyle/>
            <a:p>
              <a:pPr marL="0" marR="0" lvl="0" indent="0" defTabSz="914400" eaLnBrk="1" fontAlgn="auto" latinLnBrk="0" hangingPunct="1">
                <a:lnSpc>
                  <a:spcPct val="100000"/>
                </a:lnSpc>
                <a:spcBef>
                  <a:spcPts val="0"/>
                </a:spcBef>
                <a:spcAft>
                  <a:spcPts val="0"/>
                </a:spcAft>
                <a:buClr>
                  <a:srgbClr val="000000"/>
                </a:buClr>
                <a:buSzTx/>
                <a:buFont typeface="Arial"/>
                <a:buNone/>
                <a:tabLst/>
                <a:defRPr/>
              </a:pPr>
              <a:endParaRPr kumimoji="0" sz="1400" b="0" i="0" u="none" strike="noStrike" kern="0" cap="none" spc="0" normalizeH="0" baseline="0" noProof="0">
                <a:ln>
                  <a:noFill/>
                </a:ln>
                <a:solidFill>
                  <a:srgbClr val="000000"/>
                </a:solidFill>
                <a:effectLst/>
                <a:uLnTx/>
                <a:uFillTx/>
                <a:latin typeface="Arial"/>
                <a:cs typeface="Arial"/>
                <a:sym typeface="Arial"/>
              </a:endParaRPr>
            </a:p>
          </p:txBody>
        </p:sp>
        <p:sp>
          <p:nvSpPr>
            <p:cNvPr id="7" name="Google Shape;874;p59">
              <a:extLst>
                <a:ext uri="{FF2B5EF4-FFF2-40B4-BE49-F238E27FC236}">
                  <a16:creationId xmlns:a16="http://schemas.microsoft.com/office/drawing/2014/main" id="{B4D22B34-ECA8-BA94-B498-11AAD6DF316E}"/>
                </a:ext>
              </a:extLst>
            </p:cNvPr>
            <p:cNvSpPr/>
            <p:nvPr/>
          </p:nvSpPr>
          <p:spPr>
            <a:xfrm>
              <a:off x="6666425" y="3689625"/>
              <a:ext cx="946937" cy="871400"/>
            </a:xfrm>
            <a:custGeom>
              <a:avLst/>
              <a:gdLst/>
              <a:ahLst/>
              <a:cxnLst/>
              <a:rect l="l" t="t" r="r" b="b"/>
              <a:pathLst>
                <a:path w="58652" h="53965" extrusionOk="0">
                  <a:moveTo>
                    <a:pt x="24265" y="2614"/>
                  </a:moveTo>
                  <a:lnTo>
                    <a:pt x="24224" y="2904"/>
                  </a:lnTo>
                  <a:lnTo>
                    <a:pt x="24224" y="2779"/>
                  </a:lnTo>
                  <a:lnTo>
                    <a:pt x="24265" y="2614"/>
                  </a:lnTo>
                  <a:close/>
                  <a:moveTo>
                    <a:pt x="29326" y="10163"/>
                  </a:moveTo>
                  <a:lnTo>
                    <a:pt x="29367" y="10453"/>
                  </a:lnTo>
                  <a:lnTo>
                    <a:pt x="29409" y="10702"/>
                  </a:lnTo>
                  <a:lnTo>
                    <a:pt x="29616" y="11241"/>
                  </a:lnTo>
                  <a:lnTo>
                    <a:pt x="29824" y="11780"/>
                  </a:lnTo>
                  <a:lnTo>
                    <a:pt x="29989" y="12278"/>
                  </a:lnTo>
                  <a:lnTo>
                    <a:pt x="30238" y="13149"/>
                  </a:lnTo>
                  <a:lnTo>
                    <a:pt x="30321" y="13357"/>
                  </a:lnTo>
                  <a:lnTo>
                    <a:pt x="30404" y="13522"/>
                  </a:lnTo>
                  <a:lnTo>
                    <a:pt x="30529" y="13730"/>
                  </a:lnTo>
                  <a:lnTo>
                    <a:pt x="30695" y="13854"/>
                  </a:lnTo>
                  <a:lnTo>
                    <a:pt x="30861" y="13564"/>
                  </a:lnTo>
                  <a:lnTo>
                    <a:pt x="31151" y="14228"/>
                  </a:lnTo>
                  <a:lnTo>
                    <a:pt x="31441" y="14020"/>
                  </a:lnTo>
                  <a:lnTo>
                    <a:pt x="31649" y="13771"/>
                  </a:lnTo>
                  <a:lnTo>
                    <a:pt x="31690" y="14559"/>
                  </a:lnTo>
                  <a:lnTo>
                    <a:pt x="31897" y="14435"/>
                  </a:lnTo>
                  <a:lnTo>
                    <a:pt x="32063" y="14311"/>
                  </a:lnTo>
                  <a:lnTo>
                    <a:pt x="32229" y="14186"/>
                  </a:lnTo>
                  <a:lnTo>
                    <a:pt x="32354" y="14020"/>
                  </a:lnTo>
                  <a:lnTo>
                    <a:pt x="32395" y="14186"/>
                  </a:lnTo>
                  <a:lnTo>
                    <a:pt x="32395" y="14352"/>
                  </a:lnTo>
                  <a:lnTo>
                    <a:pt x="32395" y="14518"/>
                  </a:lnTo>
                  <a:lnTo>
                    <a:pt x="32354" y="14684"/>
                  </a:lnTo>
                  <a:lnTo>
                    <a:pt x="32561" y="14559"/>
                  </a:lnTo>
                  <a:lnTo>
                    <a:pt x="32727" y="14393"/>
                  </a:lnTo>
                  <a:lnTo>
                    <a:pt x="32851" y="14228"/>
                  </a:lnTo>
                  <a:lnTo>
                    <a:pt x="32934" y="14020"/>
                  </a:lnTo>
                  <a:lnTo>
                    <a:pt x="33017" y="14311"/>
                  </a:lnTo>
                  <a:lnTo>
                    <a:pt x="33142" y="14559"/>
                  </a:lnTo>
                  <a:lnTo>
                    <a:pt x="33349" y="14269"/>
                  </a:lnTo>
                  <a:lnTo>
                    <a:pt x="33515" y="13937"/>
                  </a:lnTo>
                  <a:lnTo>
                    <a:pt x="33557" y="14020"/>
                  </a:lnTo>
                  <a:lnTo>
                    <a:pt x="33640" y="14020"/>
                  </a:lnTo>
                  <a:lnTo>
                    <a:pt x="33723" y="13979"/>
                  </a:lnTo>
                  <a:lnTo>
                    <a:pt x="33805" y="13937"/>
                  </a:lnTo>
                  <a:lnTo>
                    <a:pt x="33888" y="13771"/>
                  </a:lnTo>
                  <a:lnTo>
                    <a:pt x="33930" y="13605"/>
                  </a:lnTo>
                  <a:lnTo>
                    <a:pt x="34054" y="14186"/>
                  </a:lnTo>
                  <a:lnTo>
                    <a:pt x="34220" y="14020"/>
                  </a:lnTo>
                  <a:lnTo>
                    <a:pt x="34345" y="13813"/>
                  </a:lnTo>
                  <a:lnTo>
                    <a:pt x="34469" y="13647"/>
                  </a:lnTo>
                  <a:lnTo>
                    <a:pt x="34594" y="13439"/>
                  </a:lnTo>
                  <a:lnTo>
                    <a:pt x="34635" y="13564"/>
                  </a:lnTo>
                  <a:lnTo>
                    <a:pt x="34718" y="13730"/>
                  </a:lnTo>
                  <a:lnTo>
                    <a:pt x="34842" y="13481"/>
                  </a:lnTo>
                  <a:lnTo>
                    <a:pt x="35008" y="13274"/>
                  </a:lnTo>
                  <a:lnTo>
                    <a:pt x="35216" y="13066"/>
                  </a:lnTo>
                  <a:lnTo>
                    <a:pt x="35423" y="12900"/>
                  </a:lnTo>
                  <a:lnTo>
                    <a:pt x="35423" y="13025"/>
                  </a:lnTo>
                  <a:lnTo>
                    <a:pt x="35465" y="13149"/>
                  </a:lnTo>
                  <a:lnTo>
                    <a:pt x="35755" y="12776"/>
                  </a:lnTo>
                  <a:lnTo>
                    <a:pt x="36087" y="12444"/>
                  </a:lnTo>
                  <a:lnTo>
                    <a:pt x="36045" y="12568"/>
                  </a:lnTo>
                  <a:lnTo>
                    <a:pt x="36087" y="12651"/>
                  </a:lnTo>
                  <a:lnTo>
                    <a:pt x="36170" y="12734"/>
                  </a:lnTo>
                  <a:lnTo>
                    <a:pt x="36253" y="12734"/>
                  </a:lnTo>
                  <a:lnTo>
                    <a:pt x="36502" y="12278"/>
                  </a:lnTo>
                  <a:lnTo>
                    <a:pt x="36792" y="11863"/>
                  </a:lnTo>
                  <a:lnTo>
                    <a:pt x="36792" y="12154"/>
                  </a:lnTo>
                  <a:lnTo>
                    <a:pt x="36833" y="12444"/>
                  </a:lnTo>
                  <a:lnTo>
                    <a:pt x="36958" y="11863"/>
                  </a:lnTo>
                  <a:lnTo>
                    <a:pt x="37082" y="11283"/>
                  </a:lnTo>
                  <a:lnTo>
                    <a:pt x="37248" y="11324"/>
                  </a:lnTo>
                  <a:lnTo>
                    <a:pt x="37580" y="11407"/>
                  </a:lnTo>
                  <a:lnTo>
                    <a:pt x="37870" y="11531"/>
                  </a:lnTo>
                  <a:lnTo>
                    <a:pt x="37953" y="11614"/>
                  </a:lnTo>
                  <a:lnTo>
                    <a:pt x="37995" y="11656"/>
                  </a:lnTo>
                  <a:lnTo>
                    <a:pt x="37953" y="12237"/>
                  </a:lnTo>
                  <a:lnTo>
                    <a:pt x="37912" y="12776"/>
                  </a:lnTo>
                  <a:lnTo>
                    <a:pt x="37870" y="13315"/>
                  </a:lnTo>
                  <a:lnTo>
                    <a:pt x="37746" y="13854"/>
                  </a:lnTo>
                  <a:lnTo>
                    <a:pt x="37622" y="14352"/>
                  </a:lnTo>
                  <a:lnTo>
                    <a:pt x="37414" y="14891"/>
                  </a:lnTo>
                  <a:lnTo>
                    <a:pt x="37207" y="15389"/>
                  </a:lnTo>
                  <a:lnTo>
                    <a:pt x="36999" y="15887"/>
                  </a:lnTo>
                  <a:lnTo>
                    <a:pt x="36750" y="16343"/>
                  </a:lnTo>
                  <a:lnTo>
                    <a:pt x="36502" y="16716"/>
                  </a:lnTo>
                  <a:lnTo>
                    <a:pt x="36377" y="16882"/>
                  </a:lnTo>
                  <a:lnTo>
                    <a:pt x="36211" y="17007"/>
                  </a:lnTo>
                  <a:lnTo>
                    <a:pt x="36045" y="17131"/>
                  </a:lnTo>
                  <a:lnTo>
                    <a:pt x="35796" y="17214"/>
                  </a:lnTo>
                  <a:lnTo>
                    <a:pt x="34884" y="17380"/>
                  </a:lnTo>
                  <a:lnTo>
                    <a:pt x="34677" y="17421"/>
                  </a:lnTo>
                  <a:lnTo>
                    <a:pt x="34428" y="17504"/>
                  </a:lnTo>
                  <a:lnTo>
                    <a:pt x="34220" y="17629"/>
                  </a:lnTo>
                  <a:lnTo>
                    <a:pt x="34054" y="17795"/>
                  </a:lnTo>
                  <a:lnTo>
                    <a:pt x="33888" y="17629"/>
                  </a:lnTo>
                  <a:lnTo>
                    <a:pt x="33723" y="17504"/>
                  </a:lnTo>
                  <a:lnTo>
                    <a:pt x="33515" y="17421"/>
                  </a:lnTo>
                  <a:lnTo>
                    <a:pt x="33308" y="17380"/>
                  </a:lnTo>
                  <a:lnTo>
                    <a:pt x="32976" y="17338"/>
                  </a:lnTo>
                  <a:lnTo>
                    <a:pt x="32686" y="17338"/>
                  </a:lnTo>
                  <a:lnTo>
                    <a:pt x="32520" y="17256"/>
                  </a:lnTo>
                  <a:lnTo>
                    <a:pt x="32354" y="17131"/>
                  </a:lnTo>
                  <a:lnTo>
                    <a:pt x="32022" y="16841"/>
                  </a:lnTo>
                  <a:lnTo>
                    <a:pt x="31690" y="16550"/>
                  </a:lnTo>
                  <a:lnTo>
                    <a:pt x="31400" y="16260"/>
                  </a:lnTo>
                  <a:lnTo>
                    <a:pt x="31234" y="16094"/>
                  </a:lnTo>
                  <a:lnTo>
                    <a:pt x="31109" y="15928"/>
                  </a:lnTo>
                  <a:lnTo>
                    <a:pt x="30985" y="15762"/>
                  </a:lnTo>
                  <a:lnTo>
                    <a:pt x="30902" y="15555"/>
                  </a:lnTo>
                  <a:lnTo>
                    <a:pt x="30778" y="15182"/>
                  </a:lnTo>
                  <a:lnTo>
                    <a:pt x="30570" y="14767"/>
                  </a:lnTo>
                  <a:lnTo>
                    <a:pt x="30404" y="14559"/>
                  </a:lnTo>
                  <a:lnTo>
                    <a:pt x="30280" y="14393"/>
                  </a:lnTo>
                  <a:lnTo>
                    <a:pt x="30114" y="14186"/>
                  </a:lnTo>
                  <a:lnTo>
                    <a:pt x="29948" y="13979"/>
                  </a:lnTo>
                  <a:lnTo>
                    <a:pt x="29741" y="13481"/>
                  </a:lnTo>
                  <a:lnTo>
                    <a:pt x="29616" y="12942"/>
                  </a:lnTo>
                  <a:lnTo>
                    <a:pt x="29492" y="12403"/>
                  </a:lnTo>
                  <a:lnTo>
                    <a:pt x="29450" y="11822"/>
                  </a:lnTo>
                  <a:lnTo>
                    <a:pt x="29409" y="11241"/>
                  </a:lnTo>
                  <a:lnTo>
                    <a:pt x="29326" y="10163"/>
                  </a:lnTo>
                  <a:close/>
                  <a:moveTo>
                    <a:pt x="38534" y="11863"/>
                  </a:moveTo>
                  <a:lnTo>
                    <a:pt x="38866" y="12237"/>
                  </a:lnTo>
                  <a:lnTo>
                    <a:pt x="39115" y="12651"/>
                  </a:lnTo>
                  <a:lnTo>
                    <a:pt x="39322" y="13066"/>
                  </a:lnTo>
                  <a:lnTo>
                    <a:pt x="39488" y="13522"/>
                  </a:lnTo>
                  <a:lnTo>
                    <a:pt x="39612" y="13854"/>
                  </a:lnTo>
                  <a:lnTo>
                    <a:pt x="39695" y="14103"/>
                  </a:lnTo>
                  <a:lnTo>
                    <a:pt x="39778" y="14186"/>
                  </a:lnTo>
                  <a:lnTo>
                    <a:pt x="39903" y="14269"/>
                  </a:lnTo>
                  <a:lnTo>
                    <a:pt x="40027" y="14352"/>
                  </a:lnTo>
                  <a:lnTo>
                    <a:pt x="40193" y="14435"/>
                  </a:lnTo>
                  <a:lnTo>
                    <a:pt x="40193" y="14518"/>
                  </a:lnTo>
                  <a:lnTo>
                    <a:pt x="40193" y="14642"/>
                  </a:lnTo>
                  <a:lnTo>
                    <a:pt x="40276" y="14725"/>
                  </a:lnTo>
                  <a:lnTo>
                    <a:pt x="40359" y="14767"/>
                  </a:lnTo>
                  <a:lnTo>
                    <a:pt x="40815" y="14808"/>
                  </a:lnTo>
                  <a:lnTo>
                    <a:pt x="40898" y="15057"/>
                  </a:lnTo>
                  <a:lnTo>
                    <a:pt x="40981" y="15265"/>
                  </a:lnTo>
                  <a:lnTo>
                    <a:pt x="41313" y="15845"/>
                  </a:lnTo>
                  <a:lnTo>
                    <a:pt x="41686" y="16426"/>
                  </a:lnTo>
                  <a:lnTo>
                    <a:pt x="42143" y="17048"/>
                  </a:lnTo>
                  <a:lnTo>
                    <a:pt x="42060" y="17007"/>
                  </a:lnTo>
                  <a:lnTo>
                    <a:pt x="41977" y="17007"/>
                  </a:lnTo>
                  <a:lnTo>
                    <a:pt x="41686" y="17090"/>
                  </a:lnTo>
                  <a:lnTo>
                    <a:pt x="41355" y="17297"/>
                  </a:lnTo>
                  <a:lnTo>
                    <a:pt x="40940" y="17587"/>
                  </a:lnTo>
                  <a:lnTo>
                    <a:pt x="40193" y="18168"/>
                  </a:lnTo>
                  <a:lnTo>
                    <a:pt x="39778" y="18500"/>
                  </a:lnTo>
                  <a:lnTo>
                    <a:pt x="39447" y="18873"/>
                  </a:lnTo>
                  <a:lnTo>
                    <a:pt x="39073" y="19205"/>
                  </a:lnTo>
                  <a:lnTo>
                    <a:pt x="38949" y="19329"/>
                  </a:lnTo>
                  <a:lnTo>
                    <a:pt x="38783" y="19412"/>
                  </a:lnTo>
                  <a:lnTo>
                    <a:pt x="38617" y="19454"/>
                  </a:lnTo>
                  <a:lnTo>
                    <a:pt x="38493" y="19495"/>
                  </a:lnTo>
                  <a:lnTo>
                    <a:pt x="38327" y="19454"/>
                  </a:lnTo>
                  <a:lnTo>
                    <a:pt x="38161" y="19329"/>
                  </a:lnTo>
                  <a:lnTo>
                    <a:pt x="37995" y="19205"/>
                  </a:lnTo>
                  <a:lnTo>
                    <a:pt x="37829" y="18956"/>
                  </a:lnTo>
                  <a:lnTo>
                    <a:pt x="37622" y="18541"/>
                  </a:lnTo>
                  <a:lnTo>
                    <a:pt x="37497" y="18334"/>
                  </a:lnTo>
                  <a:lnTo>
                    <a:pt x="37373" y="18168"/>
                  </a:lnTo>
                  <a:lnTo>
                    <a:pt x="37290" y="18085"/>
                  </a:lnTo>
                  <a:lnTo>
                    <a:pt x="37290" y="18002"/>
                  </a:lnTo>
                  <a:lnTo>
                    <a:pt x="37290" y="17919"/>
                  </a:lnTo>
                  <a:lnTo>
                    <a:pt x="37331" y="17878"/>
                  </a:lnTo>
                  <a:lnTo>
                    <a:pt x="37663" y="17214"/>
                  </a:lnTo>
                  <a:lnTo>
                    <a:pt x="37912" y="16467"/>
                  </a:lnTo>
                  <a:lnTo>
                    <a:pt x="38161" y="15721"/>
                  </a:lnTo>
                  <a:lnTo>
                    <a:pt x="38327" y="14933"/>
                  </a:lnTo>
                  <a:lnTo>
                    <a:pt x="38451" y="14145"/>
                  </a:lnTo>
                  <a:lnTo>
                    <a:pt x="38534" y="13357"/>
                  </a:lnTo>
                  <a:lnTo>
                    <a:pt x="38576" y="12610"/>
                  </a:lnTo>
                  <a:lnTo>
                    <a:pt x="38534" y="11863"/>
                  </a:lnTo>
                  <a:close/>
                  <a:moveTo>
                    <a:pt x="35713" y="36668"/>
                  </a:moveTo>
                  <a:lnTo>
                    <a:pt x="35465" y="37207"/>
                  </a:lnTo>
                  <a:lnTo>
                    <a:pt x="35216" y="37704"/>
                  </a:lnTo>
                  <a:lnTo>
                    <a:pt x="34925" y="38202"/>
                  </a:lnTo>
                  <a:lnTo>
                    <a:pt x="34594" y="38700"/>
                  </a:lnTo>
                  <a:lnTo>
                    <a:pt x="34262" y="39156"/>
                  </a:lnTo>
                  <a:lnTo>
                    <a:pt x="33888" y="39612"/>
                  </a:lnTo>
                  <a:lnTo>
                    <a:pt x="33723" y="39861"/>
                  </a:lnTo>
                  <a:lnTo>
                    <a:pt x="33598" y="40110"/>
                  </a:lnTo>
                  <a:lnTo>
                    <a:pt x="33557" y="40359"/>
                  </a:lnTo>
                  <a:lnTo>
                    <a:pt x="33557" y="40649"/>
                  </a:lnTo>
                  <a:lnTo>
                    <a:pt x="33971" y="42350"/>
                  </a:lnTo>
                  <a:lnTo>
                    <a:pt x="34054" y="42599"/>
                  </a:lnTo>
                  <a:lnTo>
                    <a:pt x="34179" y="42848"/>
                  </a:lnTo>
                  <a:lnTo>
                    <a:pt x="34469" y="43387"/>
                  </a:lnTo>
                  <a:lnTo>
                    <a:pt x="34594" y="43677"/>
                  </a:lnTo>
                  <a:lnTo>
                    <a:pt x="34677" y="43926"/>
                  </a:lnTo>
                  <a:lnTo>
                    <a:pt x="34718" y="44217"/>
                  </a:lnTo>
                  <a:lnTo>
                    <a:pt x="34677" y="44507"/>
                  </a:lnTo>
                  <a:lnTo>
                    <a:pt x="34303" y="45544"/>
                  </a:lnTo>
                  <a:lnTo>
                    <a:pt x="34262" y="45668"/>
                  </a:lnTo>
                  <a:lnTo>
                    <a:pt x="34179" y="45751"/>
                  </a:lnTo>
                  <a:lnTo>
                    <a:pt x="33971" y="45876"/>
                  </a:lnTo>
                  <a:lnTo>
                    <a:pt x="33515" y="46125"/>
                  </a:lnTo>
                  <a:lnTo>
                    <a:pt x="33017" y="46374"/>
                  </a:lnTo>
                  <a:lnTo>
                    <a:pt x="32520" y="46664"/>
                  </a:lnTo>
                  <a:lnTo>
                    <a:pt x="32312" y="46788"/>
                  </a:lnTo>
                  <a:lnTo>
                    <a:pt x="32105" y="46830"/>
                  </a:lnTo>
                  <a:lnTo>
                    <a:pt x="31607" y="46830"/>
                  </a:lnTo>
                  <a:lnTo>
                    <a:pt x="31441" y="46788"/>
                  </a:lnTo>
                  <a:lnTo>
                    <a:pt x="31234" y="46788"/>
                  </a:lnTo>
                  <a:lnTo>
                    <a:pt x="31068" y="46830"/>
                  </a:lnTo>
                  <a:lnTo>
                    <a:pt x="31026" y="46871"/>
                  </a:lnTo>
                  <a:lnTo>
                    <a:pt x="30943" y="46954"/>
                  </a:lnTo>
                  <a:lnTo>
                    <a:pt x="30902" y="47120"/>
                  </a:lnTo>
                  <a:lnTo>
                    <a:pt x="30902" y="47203"/>
                  </a:lnTo>
                  <a:lnTo>
                    <a:pt x="30819" y="47245"/>
                  </a:lnTo>
                  <a:lnTo>
                    <a:pt x="30736" y="47245"/>
                  </a:lnTo>
                  <a:lnTo>
                    <a:pt x="30653" y="47203"/>
                  </a:lnTo>
                  <a:lnTo>
                    <a:pt x="30363" y="47120"/>
                  </a:lnTo>
                  <a:lnTo>
                    <a:pt x="30072" y="47037"/>
                  </a:lnTo>
                  <a:lnTo>
                    <a:pt x="29741" y="47037"/>
                  </a:lnTo>
                  <a:lnTo>
                    <a:pt x="29450" y="46996"/>
                  </a:lnTo>
                  <a:lnTo>
                    <a:pt x="29450" y="46913"/>
                  </a:lnTo>
                  <a:lnTo>
                    <a:pt x="29658" y="46664"/>
                  </a:lnTo>
                  <a:lnTo>
                    <a:pt x="29989" y="46249"/>
                  </a:lnTo>
                  <a:lnTo>
                    <a:pt x="30155" y="46042"/>
                  </a:lnTo>
                  <a:lnTo>
                    <a:pt x="30280" y="45793"/>
                  </a:lnTo>
                  <a:lnTo>
                    <a:pt x="30363" y="45502"/>
                  </a:lnTo>
                  <a:lnTo>
                    <a:pt x="30321" y="45212"/>
                  </a:lnTo>
                  <a:lnTo>
                    <a:pt x="30280" y="44963"/>
                  </a:lnTo>
                  <a:lnTo>
                    <a:pt x="30197" y="44673"/>
                  </a:lnTo>
                  <a:lnTo>
                    <a:pt x="30197" y="44548"/>
                  </a:lnTo>
                  <a:lnTo>
                    <a:pt x="30238" y="44383"/>
                  </a:lnTo>
                  <a:lnTo>
                    <a:pt x="30363" y="44092"/>
                  </a:lnTo>
                  <a:lnTo>
                    <a:pt x="30612" y="43511"/>
                  </a:lnTo>
                  <a:lnTo>
                    <a:pt x="30943" y="42889"/>
                  </a:lnTo>
                  <a:lnTo>
                    <a:pt x="31275" y="42350"/>
                  </a:lnTo>
                  <a:lnTo>
                    <a:pt x="31649" y="41811"/>
                  </a:lnTo>
                  <a:lnTo>
                    <a:pt x="32022" y="41272"/>
                  </a:lnTo>
                  <a:lnTo>
                    <a:pt x="32437" y="40732"/>
                  </a:lnTo>
                  <a:lnTo>
                    <a:pt x="33308" y="39737"/>
                  </a:lnTo>
                  <a:lnTo>
                    <a:pt x="33971" y="39032"/>
                  </a:lnTo>
                  <a:lnTo>
                    <a:pt x="34594" y="38244"/>
                  </a:lnTo>
                  <a:lnTo>
                    <a:pt x="35174" y="37456"/>
                  </a:lnTo>
                  <a:lnTo>
                    <a:pt x="35713" y="36668"/>
                  </a:lnTo>
                  <a:close/>
                  <a:moveTo>
                    <a:pt x="22067" y="0"/>
                  </a:moveTo>
                  <a:lnTo>
                    <a:pt x="21984" y="125"/>
                  </a:lnTo>
                  <a:lnTo>
                    <a:pt x="21943" y="208"/>
                  </a:lnTo>
                  <a:lnTo>
                    <a:pt x="21901" y="498"/>
                  </a:lnTo>
                  <a:lnTo>
                    <a:pt x="21943" y="747"/>
                  </a:lnTo>
                  <a:lnTo>
                    <a:pt x="22026" y="996"/>
                  </a:lnTo>
                  <a:lnTo>
                    <a:pt x="22233" y="1245"/>
                  </a:lnTo>
                  <a:lnTo>
                    <a:pt x="22399" y="1411"/>
                  </a:lnTo>
                  <a:lnTo>
                    <a:pt x="22855" y="1701"/>
                  </a:lnTo>
                  <a:lnTo>
                    <a:pt x="24182" y="2489"/>
                  </a:lnTo>
                  <a:lnTo>
                    <a:pt x="24224" y="2945"/>
                  </a:lnTo>
                  <a:lnTo>
                    <a:pt x="24099" y="3816"/>
                  </a:lnTo>
                  <a:lnTo>
                    <a:pt x="24058" y="3982"/>
                  </a:lnTo>
                  <a:lnTo>
                    <a:pt x="24017" y="4065"/>
                  </a:lnTo>
                  <a:lnTo>
                    <a:pt x="23975" y="4107"/>
                  </a:lnTo>
                  <a:lnTo>
                    <a:pt x="23892" y="4107"/>
                  </a:lnTo>
                  <a:lnTo>
                    <a:pt x="23311" y="3775"/>
                  </a:lnTo>
                  <a:lnTo>
                    <a:pt x="23104" y="3775"/>
                  </a:lnTo>
                  <a:lnTo>
                    <a:pt x="23063" y="3816"/>
                  </a:lnTo>
                  <a:lnTo>
                    <a:pt x="23021" y="3858"/>
                  </a:lnTo>
                  <a:lnTo>
                    <a:pt x="23063" y="4148"/>
                  </a:lnTo>
                  <a:lnTo>
                    <a:pt x="22897" y="4314"/>
                  </a:lnTo>
                  <a:lnTo>
                    <a:pt x="22814" y="4439"/>
                  </a:lnTo>
                  <a:lnTo>
                    <a:pt x="22814" y="4563"/>
                  </a:lnTo>
                  <a:lnTo>
                    <a:pt x="22980" y="4895"/>
                  </a:lnTo>
                  <a:lnTo>
                    <a:pt x="22606" y="4978"/>
                  </a:lnTo>
                  <a:lnTo>
                    <a:pt x="22357" y="5102"/>
                  </a:lnTo>
                  <a:lnTo>
                    <a:pt x="22026" y="4895"/>
                  </a:lnTo>
                  <a:lnTo>
                    <a:pt x="21694" y="4936"/>
                  </a:lnTo>
                  <a:lnTo>
                    <a:pt x="21362" y="5019"/>
                  </a:lnTo>
                  <a:lnTo>
                    <a:pt x="21030" y="5144"/>
                  </a:lnTo>
                  <a:lnTo>
                    <a:pt x="20698" y="5268"/>
                  </a:lnTo>
                  <a:lnTo>
                    <a:pt x="20118" y="5642"/>
                  </a:lnTo>
                  <a:lnTo>
                    <a:pt x="19993" y="5559"/>
                  </a:lnTo>
                  <a:lnTo>
                    <a:pt x="19827" y="5517"/>
                  </a:lnTo>
                  <a:lnTo>
                    <a:pt x="19703" y="5517"/>
                  </a:lnTo>
                  <a:lnTo>
                    <a:pt x="19578" y="5600"/>
                  </a:lnTo>
                  <a:lnTo>
                    <a:pt x="19412" y="5807"/>
                  </a:lnTo>
                  <a:lnTo>
                    <a:pt x="19081" y="5766"/>
                  </a:lnTo>
                  <a:lnTo>
                    <a:pt x="18749" y="5766"/>
                  </a:lnTo>
                  <a:lnTo>
                    <a:pt x="18458" y="5807"/>
                  </a:lnTo>
                  <a:lnTo>
                    <a:pt x="18168" y="5849"/>
                  </a:lnTo>
                  <a:lnTo>
                    <a:pt x="17753" y="5932"/>
                  </a:lnTo>
                  <a:lnTo>
                    <a:pt x="17629" y="5932"/>
                  </a:lnTo>
                  <a:lnTo>
                    <a:pt x="17546" y="5890"/>
                  </a:lnTo>
                  <a:lnTo>
                    <a:pt x="17214" y="5185"/>
                  </a:lnTo>
                  <a:lnTo>
                    <a:pt x="17173" y="4978"/>
                  </a:lnTo>
                  <a:lnTo>
                    <a:pt x="17131" y="4853"/>
                  </a:lnTo>
                  <a:lnTo>
                    <a:pt x="17048" y="4687"/>
                  </a:lnTo>
                  <a:lnTo>
                    <a:pt x="16924" y="4605"/>
                  </a:lnTo>
                  <a:lnTo>
                    <a:pt x="16799" y="4522"/>
                  </a:lnTo>
                  <a:lnTo>
                    <a:pt x="16592" y="4397"/>
                  </a:lnTo>
                  <a:lnTo>
                    <a:pt x="16550" y="3982"/>
                  </a:lnTo>
                  <a:lnTo>
                    <a:pt x="16592" y="3775"/>
                  </a:lnTo>
                  <a:lnTo>
                    <a:pt x="16592" y="3485"/>
                  </a:lnTo>
                  <a:lnTo>
                    <a:pt x="16509" y="2862"/>
                  </a:lnTo>
                  <a:lnTo>
                    <a:pt x="16633" y="2489"/>
                  </a:lnTo>
                  <a:lnTo>
                    <a:pt x="16799" y="2157"/>
                  </a:lnTo>
                  <a:lnTo>
                    <a:pt x="17007" y="1825"/>
                  </a:lnTo>
                  <a:lnTo>
                    <a:pt x="17256" y="1535"/>
                  </a:lnTo>
                  <a:lnTo>
                    <a:pt x="17297" y="1328"/>
                  </a:lnTo>
                  <a:lnTo>
                    <a:pt x="17297" y="1120"/>
                  </a:lnTo>
                  <a:lnTo>
                    <a:pt x="17297" y="540"/>
                  </a:lnTo>
                  <a:lnTo>
                    <a:pt x="17131" y="415"/>
                  </a:lnTo>
                  <a:lnTo>
                    <a:pt x="16924" y="291"/>
                  </a:lnTo>
                  <a:lnTo>
                    <a:pt x="16716" y="166"/>
                  </a:lnTo>
                  <a:lnTo>
                    <a:pt x="16509" y="125"/>
                  </a:lnTo>
                  <a:lnTo>
                    <a:pt x="16011" y="42"/>
                  </a:lnTo>
                  <a:lnTo>
                    <a:pt x="15430" y="42"/>
                  </a:lnTo>
                  <a:lnTo>
                    <a:pt x="15265" y="208"/>
                  </a:lnTo>
                  <a:lnTo>
                    <a:pt x="15182" y="166"/>
                  </a:lnTo>
                  <a:lnTo>
                    <a:pt x="15016" y="208"/>
                  </a:lnTo>
                  <a:lnTo>
                    <a:pt x="14850" y="540"/>
                  </a:lnTo>
                  <a:lnTo>
                    <a:pt x="14684" y="498"/>
                  </a:lnTo>
                  <a:lnTo>
                    <a:pt x="14559" y="540"/>
                  </a:lnTo>
                  <a:lnTo>
                    <a:pt x="14476" y="1203"/>
                  </a:lnTo>
                  <a:lnTo>
                    <a:pt x="14476" y="1908"/>
                  </a:lnTo>
                  <a:lnTo>
                    <a:pt x="14476" y="2572"/>
                  </a:lnTo>
                  <a:lnTo>
                    <a:pt x="14559" y="3277"/>
                  </a:lnTo>
                  <a:lnTo>
                    <a:pt x="14725" y="3733"/>
                  </a:lnTo>
                  <a:lnTo>
                    <a:pt x="14642" y="4231"/>
                  </a:lnTo>
                  <a:lnTo>
                    <a:pt x="14393" y="5683"/>
                  </a:lnTo>
                  <a:lnTo>
                    <a:pt x="14725" y="5849"/>
                  </a:lnTo>
                  <a:lnTo>
                    <a:pt x="14891" y="8255"/>
                  </a:lnTo>
                  <a:lnTo>
                    <a:pt x="16550" y="9333"/>
                  </a:lnTo>
                  <a:lnTo>
                    <a:pt x="16965" y="9333"/>
                  </a:lnTo>
                  <a:lnTo>
                    <a:pt x="18624" y="10038"/>
                  </a:lnTo>
                  <a:lnTo>
                    <a:pt x="19537" y="9955"/>
                  </a:lnTo>
                  <a:lnTo>
                    <a:pt x="20491" y="9872"/>
                  </a:lnTo>
                  <a:lnTo>
                    <a:pt x="21403" y="9789"/>
                  </a:lnTo>
                  <a:lnTo>
                    <a:pt x="22316" y="9789"/>
                  </a:lnTo>
                  <a:lnTo>
                    <a:pt x="21818" y="9955"/>
                  </a:lnTo>
                  <a:lnTo>
                    <a:pt x="21320" y="10204"/>
                  </a:lnTo>
                  <a:lnTo>
                    <a:pt x="21486" y="10453"/>
                  </a:lnTo>
                  <a:lnTo>
                    <a:pt x="21652" y="10743"/>
                  </a:lnTo>
                  <a:lnTo>
                    <a:pt x="21943" y="11324"/>
                  </a:lnTo>
                  <a:lnTo>
                    <a:pt x="22150" y="11697"/>
                  </a:lnTo>
                  <a:lnTo>
                    <a:pt x="22233" y="11863"/>
                  </a:lnTo>
                  <a:lnTo>
                    <a:pt x="22274" y="12071"/>
                  </a:lnTo>
                  <a:lnTo>
                    <a:pt x="22274" y="12320"/>
                  </a:lnTo>
                  <a:lnTo>
                    <a:pt x="22274" y="12568"/>
                  </a:lnTo>
                  <a:lnTo>
                    <a:pt x="22274" y="12776"/>
                  </a:lnTo>
                  <a:lnTo>
                    <a:pt x="22357" y="13025"/>
                  </a:lnTo>
                  <a:lnTo>
                    <a:pt x="22399" y="13191"/>
                  </a:lnTo>
                  <a:lnTo>
                    <a:pt x="22523" y="13315"/>
                  </a:lnTo>
                  <a:lnTo>
                    <a:pt x="22648" y="13439"/>
                  </a:lnTo>
                  <a:lnTo>
                    <a:pt x="22814" y="13522"/>
                  </a:lnTo>
                  <a:lnTo>
                    <a:pt x="22814" y="14020"/>
                  </a:lnTo>
                  <a:lnTo>
                    <a:pt x="22980" y="14228"/>
                  </a:lnTo>
                  <a:lnTo>
                    <a:pt x="23104" y="14352"/>
                  </a:lnTo>
                  <a:lnTo>
                    <a:pt x="23228" y="14393"/>
                  </a:lnTo>
                  <a:lnTo>
                    <a:pt x="23311" y="14684"/>
                  </a:lnTo>
                  <a:lnTo>
                    <a:pt x="23270" y="14933"/>
                  </a:lnTo>
                  <a:lnTo>
                    <a:pt x="23311" y="17131"/>
                  </a:lnTo>
                  <a:lnTo>
                    <a:pt x="23353" y="17256"/>
                  </a:lnTo>
                  <a:lnTo>
                    <a:pt x="23394" y="17256"/>
                  </a:lnTo>
                  <a:lnTo>
                    <a:pt x="23477" y="17214"/>
                  </a:lnTo>
                  <a:lnTo>
                    <a:pt x="23519" y="17048"/>
                  </a:lnTo>
                  <a:lnTo>
                    <a:pt x="23560" y="15762"/>
                  </a:lnTo>
                  <a:lnTo>
                    <a:pt x="24182" y="17007"/>
                  </a:lnTo>
                  <a:lnTo>
                    <a:pt x="24141" y="18127"/>
                  </a:lnTo>
                  <a:lnTo>
                    <a:pt x="24929" y="18832"/>
                  </a:lnTo>
                  <a:lnTo>
                    <a:pt x="23726" y="18666"/>
                  </a:lnTo>
                  <a:lnTo>
                    <a:pt x="22814" y="18666"/>
                  </a:lnTo>
                  <a:lnTo>
                    <a:pt x="21943" y="18749"/>
                  </a:lnTo>
                  <a:lnTo>
                    <a:pt x="21694" y="18998"/>
                  </a:lnTo>
                  <a:lnTo>
                    <a:pt x="21486" y="19246"/>
                  </a:lnTo>
                  <a:lnTo>
                    <a:pt x="21279" y="19537"/>
                  </a:lnTo>
                  <a:lnTo>
                    <a:pt x="21113" y="19786"/>
                  </a:lnTo>
                  <a:lnTo>
                    <a:pt x="20989" y="20076"/>
                  </a:lnTo>
                  <a:lnTo>
                    <a:pt x="20864" y="20366"/>
                  </a:lnTo>
                  <a:lnTo>
                    <a:pt x="20698" y="21030"/>
                  </a:lnTo>
                  <a:lnTo>
                    <a:pt x="20657" y="20574"/>
                  </a:lnTo>
                  <a:lnTo>
                    <a:pt x="20698" y="20118"/>
                  </a:lnTo>
                  <a:lnTo>
                    <a:pt x="20823" y="19661"/>
                  </a:lnTo>
                  <a:lnTo>
                    <a:pt x="20989" y="19246"/>
                  </a:lnTo>
                  <a:lnTo>
                    <a:pt x="21072" y="19039"/>
                  </a:lnTo>
                  <a:lnTo>
                    <a:pt x="21072" y="18956"/>
                  </a:lnTo>
                  <a:lnTo>
                    <a:pt x="21030" y="18915"/>
                  </a:lnTo>
                  <a:lnTo>
                    <a:pt x="20906" y="18832"/>
                  </a:lnTo>
                  <a:lnTo>
                    <a:pt x="20574" y="18790"/>
                  </a:lnTo>
                  <a:lnTo>
                    <a:pt x="19578" y="18790"/>
                  </a:lnTo>
                  <a:lnTo>
                    <a:pt x="18873" y="18707"/>
                  </a:lnTo>
                  <a:lnTo>
                    <a:pt x="18168" y="18624"/>
                  </a:lnTo>
                  <a:lnTo>
                    <a:pt x="17338" y="18583"/>
                  </a:lnTo>
                  <a:lnTo>
                    <a:pt x="14808" y="18583"/>
                  </a:lnTo>
                  <a:lnTo>
                    <a:pt x="13730" y="18666"/>
                  </a:lnTo>
                  <a:lnTo>
                    <a:pt x="12776" y="18790"/>
                  </a:lnTo>
                  <a:lnTo>
                    <a:pt x="11863" y="19039"/>
                  </a:lnTo>
                  <a:lnTo>
                    <a:pt x="11075" y="19329"/>
                  </a:lnTo>
                  <a:lnTo>
                    <a:pt x="10287" y="19703"/>
                  </a:lnTo>
                  <a:lnTo>
                    <a:pt x="9499" y="20159"/>
                  </a:lnTo>
                  <a:lnTo>
                    <a:pt x="8711" y="20657"/>
                  </a:lnTo>
                  <a:lnTo>
                    <a:pt x="7881" y="21196"/>
                  </a:lnTo>
                  <a:lnTo>
                    <a:pt x="7715" y="21279"/>
                  </a:lnTo>
                  <a:lnTo>
                    <a:pt x="7508" y="21279"/>
                  </a:lnTo>
                  <a:lnTo>
                    <a:pt x="6886" y="21237"/>
                  </a:lnTo>
                  <a:lnTo>
                    <a:pt x="6264" y="21196"/>
                  </a:lnTo>
                  <a:lnTo>
                    <a:pt x="5766" y="21196"/>
                  </a:lnTo>
                  <a:lnTo>
                    <a:pt x="5517" y="21279"/>
                  </a:lnTo>
                  <a:lnTo>
                    <a:pt x="5268" y="21403"/>
                  </a:lnTo>
                  <a:lnTo>
                    <a:pt x="4770" y="21694"/>
                  </a:lnTo>
                  <a:lnTo>
                    <a:pt x="4314" y="22067"/>
                  </a:lnTo>
                  <a:lnTo>
                    <a:pt x="3982" y="22482"/>
                  </a:lnTo>
                  <a:lnTo>
                    <a:pt x="3651" y="22938"/>
                  </a:lnTo>
                  <a:lnTo>
                    <a:pt x="3402" y="23436"/>
                  </a:lnTo>
                  <a:lnTo>
                    <a:pt x="3111" y="23892"/>
                  </a:lnTo>
                  <a:lnTo>
                    <a:pt x="2821" y="24348"/>
                  </a:lnTo>
                  <a:lnTo>
                    <a:pt x="2448" y="24680"/>
                  </a:lnTo>
                  <a:lnTo>
                    <a:pt x="2033" y="24971"/>
                  </a:lnTo>
                  <a:lnTo>
                    <a:pt x="1618" y="25261"/>
                  </a:lnTo>
                  <a:lnTo>
                    <a:pt x="1245" y="25593"/>
                  </a:lnTo>
                  <a:lnTo>
                    <a:pt x="996" y="25842"/>
                  </a:lnTo>
                  <a:lnTo>
                    <a:pt x="747" y="26090"/>
                  </a:lnTo>
                  <a:lnTo>
                    <a:pt x="581" y="26381"/>
                  </a:lnTo>
                  <a:lnTo>
                    <a:pt x="374" y="26671"/>
                  </a:lnTo>
                  <a:lnTo>
                    <a:pt x="249" y="27003"/>
                  </a:lnTo>
                  <a:lnTo>
                    <a:pt x="125" y="27293"/>
                  </a:lnTo>
                  <a:lnTo>
                    <a:pt x="42" y="27667"/>
                  </a:lnTo>
                  <a:lnTo>
                    <a:pt x="0" y="27998"/>
                  </a:lnTo>
                  <a:lnTo>
                    <a:pt x="0" y="27998"/>
                  </a:lnTo>
                  <a:lnTo>
                    <a:pt x="457" y="27293"/>
                  </a:lnTo>
                  <a:lnTo>
                    <a:pt x="996" y="26588"/>
                  </a:lnTo>
                  <a:lnTo>
                    <a:pt x="1577" y="26008"/>
                  </a:lnTo>
                  <a:lnTo>
                    <a:pt x="2240" y="25427"/>
                  </a:lnTo>
                  <a:lnTo>
                    <a:pt x="1743" y="26008"/>
                  </a:lnTo>
                  <a:lnTo>
                    <a:pt x="1286" y="26588"/>
                  </a:lnTo>
                  <a:lnTo>
                    <a:pt x="871" y="27210"/>
                  </a:lnTo>
                  <a:lnTo>
                    <a:pt x="457" y="27833"/>
                  </a:lnTo>
                  <a:lnTo>
                    <a:pt x="996" y="27501"/>
                  </a:lnTo>
                  <a:lnTo>
                    <a:pt x="1494" y="27086"/>
                  </a:lnTo>
                  <a:lnTo>
                    <a:pt x="1950" y="26630"/>
                  </a:lnTo>
                  <a:lnTo>
                    <a:pt x="2365" y="26173"/>
                  </a:lnTo>
                  <a:lnTo>
                    <a:pt x="1950" y="26754"/>
                  </a:lnTo>
                  <a:lnTo>
                    <a:pt x="1618" y="27335"/>
                  </a:lnTo>
                  <a:lnTo>
                    <a:pt x="1328" y="27957"/>
                  </a:lnTo>
                  <a:lnTo>
                    <a:pt x="1079" y="28621"/>
                  </a:lnTo>
                  <a:lnTo>
                    <a:pt x="913" y="29284"/>
                  </a:lnTo>
                  <a:lnTo>
                    <a:pt x="789" y="29989"/>
                  </a:lnTo>
                  <a:lnTo>
                    <a:pt x="706" y="30653"/>
                  </a:lnTo>
                  <a:lnTo>
                    <a:pt x="706" y="31358"/>
                  </a:lnTo>
                  <a:lnTo>
                    <a:pt x="830" y="30943"/>
                  </a:lnTo>
                  <a:lnTo>
                    <a:pt x="996" y="30529"/>
                  </a:lnTo>
                  <a:lnTo>
                    <a:pt x="1162" y="30114"/>
                  </a:lnTo>
                  <a:lnTo>
                    <a:pt x="1369" y="29741"/>
                  </a:lnTo>
                  <a:lnTo>
                    <a:pt x="1369" y="30321"/>
                  </a:lnTo>
                  <a:lnTo>
                    <a:pt x="1369" y="30902"/>
                  </a:lnTo>
                  <a:lnTo>
                    <a:pt x="1452" y="31524"/>
                  </a:lnTo>
                  <a:lnTo>
                    <a:pt x="1577" y="32105"/>
                  </a:lnTo>
                  <a:lnTo>
                    <a:pt x="1660" y="31649"/>
                  </a:lnTo>
                  <a:lnTo>
                    <a:pt x="1784" y="31234"/>
                  </a:lnTo>
                  <a:lnTo>
                    <a:pt x="1908" y="30819"/>
                  </a:lnTo>
                  <a:lnTo>
                    <a:pt x="2074" y="30446"/>
                  </a:lnTo>
                  <a:lnTo>
                    <a:pt x="2033" y="30612"/>
                  </a:lnTo>
                  <a:lnTo>
                    <a:pt x="2033" y="30778"/>
                  </a:lnTo>
                  <a:lnTo>
                    <a:pt x="2074" y="31151"/>
                  </a:lnTo>
                  <a:lnTo>
                    <a:pt x="2157" y="31524"/>
                  </a:lnTo>
                  <a:lnTo>
                    <a:pt x="2323" y="31856"/>
                  </a:lnTo>
                  <a:lnTo>
                    <a:pt x="2614" y="32188"/>
                  </a:lnTo>
                  <a:lnTo>
                    <a:pt x="2904" y="32520"/>
                  </a:lnTo>
                  <a:lnTo>
                    <a:pt x="3568" y="33142"/>
                  </a:lnTo>
                  <a:lnTo>
                    <a:pt x="3775" y="33432"/>
                  </a:lnTo>
                  <a:lnTo>
                    <a:pt x="4024" y="33723"/>
                  </a:lnTo>
                  <a:lnTo>
                    <a:pt x="4231" y="34054"/>
                  </a:lnTo>
                  <a:lnTo>
                    <a:pt x="4397" y="34386"/>
                  </a:lnTo>
                  <a:lnTo>
                    <a:pt x="4563" y="34718"/>
                  </a:lnTo>
                  <a:lnTo>
                    <a:pt x="4688" y="35091"/>
                  </a:lnTo>
                  <a:lnTo>
                    <a:pt x="4770" y="35465"/>
                  </a:lnTo>
                  <a:lnTo>
                    <a:pt x="4853" y="35838"/>
                  </a:lnTo>
                  <a:lnTo>
                    <a:pt x="4978" y="35423"/>
                  </a:lnTo>
                  <a:lnTo>
                    <a:pt x="5019" y="35050"/>
                  </a:lnTo>
                  <a:lnTo>
                    <a:pt x="5061" y="34635"/>
                  </a:lnTo>
                  <a:lnTo>
                    <a:pt x="5019" y="34262"/>
                  </a:lnTo>
                  <a:lnTo>
                    <a:pt x="5061" y="34386"/>
                  </a:lnTo>
                  <a:lnTo>
                    <a:pt x="5144" y="34511"/>
                  </a:lnTo>
                  <a:lnTo>
                    <a:pt x="5227" y="34594"/>
                  </a:lnTo>
                  <a:lnTo>
                    <a:pt x="5351" y="34677"/>
                  </a:lnTo>
                  <a:lnTo>
                    <a:pt x="5600" y="34842"/>
                  </a:lnTo>
                  <a:lnTo>
                    <a:pt x="5932" y="34967"/>
                  </a:lnTo>
                  <a:lnTo>
                    <a:pt x="6637" y="35133"/>
                  </a:lnTo>
                  <a:lnTo>
                    <a:pt x="7135" y="35257"/>
                  </a:lnTo>
                  <a:lnTo>
                    <a:pt x="7425" y="35423"/>
                  </a:lnTo>
                  <a:lnTo>
                    <a:pt x="7674" y="35589"/>
                  </a:lnTo>
                  <a:lnTo>
                    <a:pt x="8172" y="36004"/>
                  </a:lnTo>
                  <a:lnTo>
                    <a:pt x="8669" y="36460"/>
                  </a:lnTo>
                  <a:lnTo>
                    <a:pt x="9043" y="36916"/>
                  </a:lnTo>
                  <a:lnTo>
                    <a:pt x="9043" y="36916"/>
                  </a:lnTo>
                  <a:lnTo>
                    <a:pt x="8918" y="36668"/>
                  </a:lnTo>
                  <a:lnTo>
                    <a:pt x="8794" y="36336"/>
                  </a:lnTo>
                  <a:lnTo>
                    <a:pt x="8711" y="35962"/>
                  </a:lnTo>
                  <a:lnTo>
                    <a:pt x="8586" y="35672"/>
                  </a:lnTo>
                  <a:lnTo>
                    <a:pt x="8379" y="35382"/>
                  </a:lnTo>
                  <a:lnTo>
                    <a:pt x="8172" y="35091"/>
                  </a:lnTo>
                  <a:lnTo>
                    <a:pt x="7715" y="34511"/>
                  </a:lnTo>
                  <a:lnTo>
                    <a:pt x="7384" y="34054"/>
                  </a:lnTo>
                  <a:lnTo>
                    <a:pt x="7052" y="33515"/>
                  </a:lnTo>
                  <a:lnTo>
                    <a:pt x="6720" y="33017"/>
                  </a:lnTo>
                  <a:lnTo>
                    <a:pt x="6554" y="32810"/>
                  </a:lnTo>
                  <a:lnTo>
                    <a:pt x="6347" y="32603"/>
                  </a:lnTo>
                  <a:lnTo>
                    <a:pt x="6139" y="32437"/>
                  </a:lnTo>
                  <a:lnTo>
                    <a:pt x="5890" y="32271"/>
                  </a:lnTo>
                  <a:lnTo>
                    <a:pt x="5434" y="32022"/>
                  </a:lnTo>
                  <a:lnTo>
                    <a:pt x="4936" y="31773"/>
                  </a:lnTo>
                  <a:lnTo>
                    <a:pt x="4729" y="31607"/>
                  </a:lnTo>
                  <a:lnTo>
                    <a:pt x="4522" y="31441"/>
                  </a:lnTo>
                  <a:lnTo>
                    <a:pt x="4936" y="31566"/>
                  </a:lnTo>
                  <a:lnTo>
                    <a:pt x="5393" y="31732"/>
                  </a:lnTo>
                  <a:lnTo>
                    <a:pt x="5807" y="31939"/>
                  </a:lnTo>
                  <a:lnTo>
                    <a:pt x="6181" y="32146"/>
                  </a:lnTo>
                  <a:lnTo>
                    <a:pt x="5890" y="31856"/>
                  </a:lnTo>
                  <a:lnTo>
                    <a:pt x="5642" y="31524"/>
                  </a:lnTo>
                  <a:lnTo>
                    <a:pt x="5393" y="31192"/>
                  </a:lnTo>
                  <a:lnTo>
                    <a:pt x="5185" y="30819"/>
                  </a:lnTo>
                  <a:lnTo>
                    <a:pt x="5434" y="31109"/>
                  </a:lnTo>
                  <a:lnTo>
                    <a:pt x="5683" y="31358"/>
                  </a:lnTo>
                  <a:lnTo>
                    <a:pt x="5973" y="31566"/>
                  </a:lnTo>
                  <a:lnTo>
                    <a:pt x="6264" y="31732"/>
                  </a:lnTo>
                  <a:lnTo>
                    <a:pt x="6264" y="31732"/>
                  </a:lnTo>
                  <a:lnTo>
                    <a:pt x="5642" y="30985"/>
                  </a:lnTo>
                  <a:lnTo>
                    <a:pt x="5351" y="30612"/>
                  </a:lnTo>
                  <a:lnTo>
                    <a:pt x="5102" y="30238"/>
                  </a:lnTo>
                  <a:lnTo>
                    <a:pt x="4895" y="29782"/>
                  </a:lnTo>
                  <a:lnTo>
                    <a:pt x="4853" y="29575"/>
                  </a:lnTo>
                  <a:lnTo>
                    <a:pt x="4812" y="29367"/>
                  </a:lnTo>
                  <a:lnTo>
                    <a:pt x="4812" y="29077"/>
                  </a:lnTo>
                  <a:lnTo>
                    <a:pt x="4812" y="28787"/>
                  </a:lnTo>
                  <a:lnTo>
                    <a:pt x="4895" y="28206"/>
                  </a:lnTo>
                  <a:lnTo>
                    <a:pt x="4895" y="27916"/>
                  </a:lnTo>
                  <a:lnTo>
                    <a:pt x="4853" y="27625"/>
                  </a:lnTo>
                  <a:lnTo>
                    <a:pt x="4770" y="27376"/>
                  </a:lnTo>
                  <a:lnTo>
                    <a:pt x="4605" y="27127"/>
                  </a:lnTo>
                  <a:lnTo>
                    <a:pt x="4978" y="27625"/>
                  </a:lnTo>
                  <a:lnTo>
                    <a:pt x="5310" y="28206"/>
                  </a:lnTo>
                  <a:lnTo>
                    <a:pt x="5600" y="28787"/>
                  </a:lnTo>
                  <a:lnTo>
                    <a:pt x="5807" y="29367"/>
                  </a:lnTo>
                  <a:lnTo>
                    <a:pt x="5932" y="29906"/>
                  </a:lnTo>
                  <a:lnTo>
                    <a:pt x="6098" y="30487"/>
                  </a:lnTo>
                  <a:lnTo>
                    <a:pt x="6347" y="30943"/>
                  </a:lnTo>
                  <a:lnTo>
                    <a:pt x="6637" y="31441"/>
                  </a:lnTo>
                  <a:lnTo>
                    <a:pt x="7052" y="31897"/>
                  </a:lnTo>
                  <a:lnTo>
                    <a:pt x="7467" y="32312"/>
                  </a:lnTo>
                  <a:lnTo>
                    <a:pt x="8421" y="33183"/>
                  </a:lnTo>
                  <a:lnTo>
                    <a:pt x="9292" y="33888"/>
                  </a:lnTo>
                  <a:lnTo>
                    <a:pt x="9582" y="34262"/>
                  </a:lnTo>
                  <a:lnTo>
                    <a:pt x="9831" y="34635"/>
                  </a:lnTo>
                  <a:lnTo>
                    <a:pt x="9955" y="35050"/>
                  </a:lnTo>
                  <a:lnTo>
                    <a:pt x="9997" y="35465"/>
                  </a:lnTo>
                  <a:lnTo>
                    <a:pt x="9914" y="35921"/>
                  </a:lnTo>
                  <a:lnTo>
                    <a:pt x="9789" y="36336"/>
                  </a:lnTo>
                  <a:lnTo>
                    <a:pt x="9582" y="36833"/>
                  </a:lnTo>
                  <a:lnTo>
                    <a:pt x="9292" y="37290"/>
                  </a:lnTo>
                  <a:lnTo>
                    <a:pt x="8172" y="39820"/>
                  </a:lnTo>
                  <a:lnTo>
                    <a:pt x="8130" y="39986"/>
                  </a:lnTo>
                  <a:lnTo>
                    <a:pt x="8089" y="40152"/>
                  </a:lnTo>
                  <a:lnTo>
                    <a:pt x="8089" y="40442"/>
                  </a:lnTo>
                  <a:lnTo>
                    <a:pt x="8213" y="40732"/>
                  </a:lnTo>
                  <a:lnTo>
                    <a:pt x="8421" y="40981"/>
                  </a:lnTo>
                  <a:lnTo>
                    <a:pt x="9789" y="42267"/>
                  </a:lnTo>
                  <a:lnTo>
                    <a:pt x="11075" y="43594"/>
                  </a:lnTo>
                  <a:lnTo>
                    <a:pt x="12278" y="44963"/>
                  </a:lnTo>
                  <a:lnTo>
                    <a:pt x="13439" y="46332"/>
                  </a:lnTo>
                  <a:lnTo>
                    <a:pt x="13191" y="46747"/>
                  </a:lnTo>
                  <a:lnTo>
                    <a:pt x="13108" y="46913"/>
                  </a:lnTo>
                  <a:lnTo>
                    <a:pt x="13149" y="47079"/>
                  </a:lnTo>
                  <a:lnTo>
                    <a:pt x="13232" y="47203"/>
                  </a:lnTo>
                  <a:lnTo>
                    <a:pt x="13357" y="47286"/>
                  </a:lnTo>
                  <a:lnTo>
                    <a:pt x="13647" y="47410"/>
                  </a:lnTo>
                  <a:lnTo>
                    <a:pt x="13522" y="48862"/>
                  </a:lnTo>
                  <a:lnTo>
                    <a:pt x="14103" y="48696"/>
                  </a:lnTo>
                  <a:lnTo>
                    <a:pt x="14352" y="50107"/>
                  </a:lnTo>
                  <a:lnTo>
                    <a:pt x="14476" y="50231"/>
                  </a:lnTo>
                  <a:lnTo>
                    <a:pt x="14601" y="50314"/>
                  </a:lnTo>
                  <a:lnTo>
                    <a:pt x="14808" y="50397"/>
                  </a:lnTo>
                  <a:lnTo>
                    <a:pt x="15016" y="50397"/>
                  </a:lnTo>
                  <a:lnTo>
                    <a:pt x="15140" y="50978"/>
                  </a:lnTo>
                  <a:lnTo>
                    <a:pt x="15430" y="51061"/>
                  </a:lnTo>
                  <a:lnTo>
                    <a:pt x="15638" y="51227"/>
                  </a:lnTo>
                  <a:lnTo>
                    <a:pt x="15762" y="51392"/>
                  </a:lnTo>
                  <a:lnTo>
                    <a:pt x="15762" y="51475"/>
                  </a:lnTo>
                  <a:lnTo>
                    <a:pt x="15762" y="51558"/>
                  </a:lnTo>
                  <a:lnTo>
                    <a:pt x="16965" y="51517"/>
                  </a:lnTo>
                  <a:lnTo>
                    <a:pt x="17090" y="51268"/>
                  </a:lnTo>
                  <a:lnTo>
                    <a:pt x="17131" y="50936"/>
                  </a:lnTo>
                  <a:lnTo>
                    <a:pt x="17173" y="50604"/>
                  </a:lnTo>
                  <a:lnTo>
                    <a:pt x="17131" y="50231"/>
                  </a:lnTo>
                  <a:lnTo>
                    <a:pt x="17048" y="49401"/>
                  </a:lnTo>
                  <a:lnTo>
                    <a:pt x="16841" y="48530"/>
                  </a:lnTo>
                  <a:lnTo>
                    <a:pt x="16053" y="47079"/>
                  </a:lnTo>
                  <a:lnTo>
                    <a:pt x="16094" y="46705"/>
                  </a:lnTo>
                  <a:lnTo>
                    <a:pt x="16053" y="46332"/>
                  </a:lnTo>
                  <a:lnTo>
                    <a:pt x="16011" y="46042"/>
                  </a:lnTo>
                  <a:lnTo>
                    <a:pt x="15970" y="45917"/>
                  </a:lnTo>
                  <a:lnTo>
                    <a:pt x="15887" y="45834"/>
                  </a:lnTo>
                  <a:lnTo>
                    <a:pt x="15430" y="45793"/>
                  </a:lnTo>
                  <a:lnTo>
                    <a:pt x="14435" y="44714"/>
                  </a:lnTo>
                  <a:lnTo>
                    <a:pt x="13398" y="43636"/>
                  </a:lnTo>
                  <a:lnTo>
                    <a:pt x="12859" y="43055"/>
                  </a:lnTo>
                  <a:lnTo>
                    <a:pt x="12403" y="42516"/>
                  </a:lnTo>
                  <a:lnTo>
                    <a:pt x="11905" y="41935"/>
                  </a:lnTo>
                  <a:lnTo>
                    <a:pt x="11490" y="41355"/>
                  </a:lnTo>
                  <a:lnTo>
                    <a:pt x="11449" y="41230"/>
                  </a:lnTo>
                  <a:lnTo>
                    <a:pt x="11490" y="41147"/>
                  </a:lnTo>
                  <a:lnTo>
                    <a:pt x="12693" y="39488"/>
                  </a:lnTo>
                  <a:lnTo>
                    <a:pt x="12651" y="39737"/>
                  </a:lnTo>
                  <a:lnTo>
                    <a:pt x="12610" y="39944"/>
                  </a:lnTo>
                  <a:lnTo>
                    <a:pt x="12444" y="40359"/>
                  </a:lnTo>
                  <a:lnTo>
                    <a:pt x="12237" y="40774"/>
                  </a:lnTo>
                  <a:lnTo>
                    <a:pt x="12112" y="41189"/>
                  </a:lnTo>
                  <a:lnTo>
                    <a:pt x="12071" y="41272"/>
                  </a:lnTo>
                  <a:lnTo>
                    <a:pt x="12071" y="41355"/>
                  </a:lnTo>
                  <a:lnTo>
                    <a:pt x="12112" y="41479"/>
                  </a:lnTo>
                  <a:lnTo>
                    <a:pt x="12195" y="41562"/>
                  </a:lnTo>
                  <a:lnTo>
                    <a:pt x="13522" y="42806"/>
                  </a:lnTo>
                  <a:lnTo>
                    <a:pt x="14850" y="44051"/>
                  </a:lnTo>
                  <a:lnTo>
                    <a:pt x="15348" y="44507"/>
                  </a:lnTo>
                  <a:lnTo>
                    <a:pt x="16136" y="45254"/>
                  </a:lnTo>
                  <a:lnTo>
                    <a:pt x="16509" y="45627"/>
                  </a:lnTo>
                  <a:lnTo>
                    <a:pt x="16841" y="46000"/>
                  </a:lnTo>
                  <a:lnTo>
                    <a:pt x="17007" y="46332"/>
                  </a:lnTo>
                  <a:lnTo>
                    <a:pt x="17048" y="46456"/>
                  </a:lnTo>
                  <a:lnTo>
                    <a:pt x="17048" y="46539"/>
                  </a:lnTo>
                  <a:lnTo>
                    <a:pt x="17007" y="46788"/>
                  </a:lnTo>
                  <a:lnTo>
                    <a:pt x="17048" y="47037"/>
                  </a:lnTo>
                  <a:lnTo>
                    <a:pt x="17131" y="47286"/>
                  </a:lnTo>
                  <a:lnTo>
                    <a:pt x="17256" y="47535"/>
                  </a:lnTo>
                  <a:lnTo>
                    <a:pt x="17504" y="47701"/>
                  </a:lnTo>
                  <a:lnTo>
                    <a:pt x="17670" y="48655"/>
                  </a:lnTo>
                  <a:lnTo>
                    <a:pt x="19246" y="49609"/>
                  </a:lnTo>
                  <a:lnTo>
                    <a:pt x="19910" y="49982"/>
                  </a:lnTo>
                  <a:lnTo>
                    <a:pt x="20035" y="49982"/>
                  </a:lnTo>
                  <a:lnTo>
                    <a:pt x="20159" y="49941"/>
                  </a:lnTo>
                  <a:lnTo>
                    <a:pt x="20242" y="49858"/>
                  </a:lnTo>
                  <a:lnTo>
                    <a:pt x="20283" y="49692"/>
                  </a:lnTo>
                  <a:lnTo>
                    <a:pt x="20118" y="49318"/>
                  </a:lnTo>
                  <a:lnTo>
                    <a:pt x="20035" y="48945"/>
                  </a:lnTo>
                  <a:lnTo>
                    <a:pt x="19952" y="48572"/>
                  </a:lnTo>
                  <a:lnTo>
                    <a:pt x="19952" y="48240"/>
                  </a:lnTo>
                  <a:lnTo>
                    <a:pt x="20366" y="48157"/>
                  </a:lnTo>
                  <a:lnTo>
                    <a:pt x="20408" y="48074"/>
                  </a:lnTo>
                  <a:lnTo>
                    <a:pt x="20449" y="47950"/>
                  </a:lnTo>
                  <a:lnTo>
                    <a:pt x="20408" y="47825"/>
                  </a:lnTo>
                  <a:lnTo>
                    <a:pt x="20325" y="47742"/>
                  </a:lnTo>
                  <a:lnTo>
                    <a:pt x="19910" y="47410"/>
                  </a:lnTo>
                  <a:lnTo>
                    <a:pt x="19952" y="46747"/>
                  </a:lnTo>
                  <a:lnTo>
                    <a:pt x="19869" y="46498"/>
                  </a:lnTo>
                  <a:lnTo>
                    <a:pt x="19744" y="46291"/>
                  </a:lnTo>
                  <a:lnTo>
                    <a:pt x="19495" y="46125"/>
                  </a:lnTo>
                  <a:lnTo>
                    <a:pt x="19205" y="46000"/>
                  </a:lnTo>
                  <a:lnTo>
                    <a:pt x="19329" y="45793"/>
                  </a:lnTo>
                  <a:lnTo>
                    <a:pt x="19371" y="45544"/>
                  </a:lnTo>
                  <a:lnTo>
                    <a:pt x="19371" y="45337"/>
                  </a:lnTo>
                  <a:lnTo>
                    <a:pt x="19288" y="45088"/>
                  </a:lnTo>
                  <a:lnTo>
                    <a:pt x="14642" y="40567"/>
                  </a:lnTo>
                  <a:lnTo>
                    <a:pt x="14642" y="40193"/>
                  </a:lnTo>
                  <a:lnTo>
                    <a:pt x="14684" y="39737"/>
                  </a:lnTo>
                  <a:lnTo>
                    <a:pt x="14850" y="38700"/>
                  </a:lnTo>
                  <a:lnTo>
                    <a:pt x="15638" y="37497"/>
                  </a:lnTo>
                  <a:lnTo>
                    <a:pt x="16011" y="36875"/>
                  </a:lnTo>
                  <a:lnTo>
                    <a:pt x="16343" y="36253"/>
                  </a:lnTo>
                  <a:lnTo>
                    <a:pt x="16758" y="35506"/>
                  </a:lnTo>
                  <a:lnTo>
                    <a:pt x="16965" y="35216"/>
                  </a:lnTo>
                  <a:lnTo>
                    <a:pt x="17256" y="34884"/>
                  </a:lnTo>
                  <a:lnTo>
                    <a:pt x="16758" y="34759"/>
                  </a:lnTo>
                  <a:lnTo>
                    <a:pt x="16219" y="34635"/>
                  </a:lnTo>
                  <a:lnTo>
                    <a:pt x="15928" y="34552"/>
                  </a:lnTo>
                  <a:lnTo>
                    <a:pt x="16302" y="34552"/>
                  </a:lnTo>
                  <a:lnTo>
                    <a:pt x="16924" y="34469"/>
                  </a:lnTo>
                  <a:lnTo>
                    <a:pt x="17504" y="34386"/>
                  </a:lnTo>
                  <a:lnTo>
                    <a:pt x="18127" y="34303"/>
                  </a:lnTo>
                  <a:lnTo>
                    <a:pt x="18707" y="34220"/>
                  </a:lnTo>
                  <a:lnTo>
                    <a:pt x="18998" y="34220"/>
                  </a:lnTo>
                  <a:lnTo>
                    <a:pt x="19288" y="34262"/>
                  </a:lnTo>
                  <a:lnTo>
                    <a:pt x="19578" y="34345"/>
                  </a:lnTo>
                  <a:lnTo>
                    <a:pt x="19869" y="34428"/>
                  </a:lnTo>
                  <a:lnTo>
                    <a:pt x="20823" y="34925"/>
                  </a:lnTo>
                  <a:lnTo>
                    <a:pt x="21777" y="35423"/>
                  </a:lnTo>
                  <a:lnTo>
                    <a:pt x="22772" y="35879"/>
                  </a:lnTo>
                  <a:lnTo>
                    <a:pt x="23270" y="36128"/>
                  </a:lnTo>
                  <a:lnTo>
                    <a:pt x="23809" y="36294"/>
                  </a:lnTo>
                  <a:lnTo>
                    <a:pt x="24639" y="36460"/>
                  </a:lnTo>
                  <a:lnTo>
                    <a:pt x="25427" y="36543"/>
                  </a:lnTo>
                  <a:lnTo>
                    <a:pt x="26215" y="36543"/>
                  </a:lnTo>
                  <a:lnTo>
                    <a:pt x="26962" y="36460"/>
                  </a:lnTo>
                  <a:lnTo>
                    <a:pt x="27335" y="36336"/>
                  </a:lnTo>
                  <a:lnTo>
                    <a:pt x="27625" y="36294"/>
                  </a:lnTo>
                  <a:lnTo>
                    <a:pt x="27916" y="36377"/>
                  </a:lnTo>
                  <a:lnTo>
                    <a:pt x="28123" y="36502"/>
                  </a:lnTo>
                  <a:lnTo>
                    <a:pt x="28330" y="36709"/>
                  </a:lnTo>
                  <a:lnTo>
                    <a:pt x="28538" y="36999"/>
                  </a:lnTo>
                  <a:lnTo>
                    <a:pt x="28662" y="37290"/>
                  </a:lnTo>
                  <a:lnTo>
                    <a:pt x="28787" y="37663"/>
                  </a:lnTo>
                  <a:lnTo>
                    <a:pt x="28911" y="38036"/>
                  </a:lnTo>
                  <a:lnTo>
                    <a:pt x="28952" y="38410"/>
                  </a:lnTo>
                  <a:lnTo>
                    <a:pt x="29077" y="39156"/>
                  </a:lnTo>
                  <a:lnTo>
                    <a:pt x="29077" y="39861"/>
                  </a:lnTo>
                  <a:lnTo>
                    <a:pt x="29077" y="40401"/>
                  </a:lnTo>
                  <a:lnTo>
                    <a:pt x="28994" y="40815"/>
                  </a:lnTo>
                  <a:lnTo>
                    <a:pt x="28911" y="41230"/>
                  </a:lnTo>
                  <a:lnTo>
                    <a:pt x="28662" y="42060"/>
                  </a:lnTo>
                  <a:lnTo>
                    <a:pt x="28330" y="42889"/>
                  </a:lnTo>
                  <a:lnTo>
                    <a:pt x="27998" y="43677"/>
                  </a:lnTo>
                  <a:lnTo>
                    <a:pt x="27667" y="44341"/>
                  </a:lnTo>
                  <a:lnTo>
                    <a:pt x="27542" y="44673"/>
                  </a:lnTo>
                  <a:lnTo>
                    <a:pt x="27459" y="45005"/>
                  </a:lnTo>
                  <a:lnTo>
                    <a:pt x="27376" y="45585"/>
                  </a:lnTo>
                  <a:lnTo>
                    <a:pt x="27376" y="46166"/>
                  </a:lnTo>
                  <a:lnTo>
                    <a:pt x="27376" y="46747"/>
                  </a:lnTo>
                  <a:lnTo>
                    <a:pt x="27335" y="47328"/>
                  </a:lnTo>
                  <a:lnTo>
                    <a:pt x="27210" y="48364"/>
                  </a:lnTo>
                  <a:lnTo>
                    <a:pt x="27044" y="49401"/>
                  </a:lnTo>
                  <a:lnTo>
                    <a:pt x="27044" y="49775"/>
                  </a:lnTo>
                  <a:lnTo>
                    <a:pt x="27003" y="50065"/>
                  </a:lnTo>
                  <a:lnTo>
                    <a:pt x="26962" y="50190"/>
                  </a:lnTo>
                  <a:lnTo>
                    <a:pt x="26879" y="50314"/>
                  </a:lnTo>
                  <a:lnTo>
                    <a:pt x="26754" y="50397"/>
                  </a:lnTo>
                  <a:lnTo>
                    <a:pt x="26547" y="50438"/>
                  </a:lnTo>
                  <a:lnTo>
                    <a:pt x="26422" y="50438"/>
                  </a:lnTo>
                  <a:lnTo>
                    <a:pt x="26256" y="50521"/>
                  </a:lnTo>
                  <a:lnTo>
                    <a:pt x="26173" y="50604"/>
                  </a:lnTo>
                  <a:lnTo>
                    <a:pt x="26132" y="50729"/>
                  </a:lnTo>
                  <a:lnTo>
                    <a:pt x="26132" y="50812"/>
                  </a:lnTo>
                  <a:lnTo>
                    <a:pt x="26215" y="50895"/>
                  </a:lnTo>
                  <a:lnTo>
                    <a:pt x="26339" y="51061"/>
                  </a:lnTo>
                  <a:lnTo>
                    <a:pt x="26464" y="51185"/>
                  </a:lnTo>
                  <a:lnTo>
                    <a:pt x="26464" y="51268"/>
                  </a:lnTo>
                  <a:lnTo>
                    <a:pt x="26464" y="51351"/>
                  </a:lnTo>
                  <a:lnTo>
                    <a:pt x="26422" y="51475"/>
                  </a:lnTo>
                  <a:lnTo>
                    <a:pt x="26298" y="51517"/>
                  </a:lnTo>
                  <a:lnTo>
                    <a:pt x="25510" y="52015"/>
                  </a:lnTo>
                  <a:lnTo>
                    <a:pt x="25468" y="52098"/>
                  </a:lnTo>
                  <a:lnTo>
                    <a:pt x="25385" y="52181"/>
                  </a:lnTo>
                  <a:lnTo>
                    <a:pt x="25427" y="52305"/>
                  </a:lnTo>
                  <a:lnTo>
                    <a:pt x="25634" y="52720"/>
                  </a:lnTo>
                  <a:lnTo>
                    <a:pt x="25842" y="53135"/>
                  </a:lnTo>
                  <a:lnTo>
                    <a:pt x="26132" y="53508"/>
                  </a:lnTo>
                  <a:lnTo>
                    <a:pt x="26422" y="53840"/>
                  </a:lnTo>
                  <a:lnTo>
                    <a:pt x="26505" y="53923"/>
                  </a:lnTo>
                  <a:lnTo>
                    <a:pt x="26630" y="53964"/>
                  </a:lnTo>
                  <a:lnTo>
                    <a:pt x="26713" y="53964"/>
                  </a:lnTo>
                  <a:lnTo>
                    <a:pt x="26796" y="53923"/>
                  </a:lnTo>
                  <a:lnTo>
                    <a:pt x="26920" y="53840"/>
                  </a:lnTo>
                  <a:lnTo>
                    <a:pt x="28579" y="52181"/>
                  </a:lnTo>
                  <a:lnTo>
                    <a:pt x="28662" y="52056"/>
                  </a:lnTo>
                  <a:lnTo>
                    <a:pt x="28745" y="51932"/>
                  </a:lnTo>
                  <a:lnTo>
                    <a:pt x="28787" y="51724"/>
                  </a:lnTo>
                  <a:lnTo>
                    <a:pt x="28787" y="51558"/>
                  </a:lnTo>
                  <a:lnTo>
                    <a:pt x="28787" y="51144"/>
                  </a:lnTo>
                  <a:lnTo>
                    <a:pt x="28828" y="50355"/>
                  </a:lnTo>
                  <a:lnTo>
                    <a:pt x="28952" y="49650"/>
                  </a:lnTo>
                  <a:lnTo>
                    <a:pt x="28994" y="49401"/>
                  </a:lnTo>
                  <a:lnTo>
                    <a:pt x="29035" y="49360"/>
                  </a:lnTo>
                  <a:lnTo>
                    <a:pt x="29077" y="49318"/>
                  </a:lnTo>
                  <a:lnTo>
                    <a:pt x="30736" y="49526"/>
                  </a:lnTo>
                  <a:lnTo>
                    <a:pt x="30943" y="49526"/>
                  </a:lnTo>
                  <a:lnTo>
                    <a:pt x="31192" y="49484"/>
                  </a:lnTo>
                  <a:lnTo>
                    <a:pt x="31400" y="49360"/>
                  </a:lnTo>
                  <a:lnTo>
                    <a:pt x="31566" y="49236"/>
                  </a:lnTo>
                  <a:lnTo>
                    <a:pt x="31732" y="49070"/>
                  </a:lnTo>
                  <a:lnTo>
                    <a:pt x="31939" y="48945"/>
                  </a:lnTo>
                  <a:lnTo>
                    <a:pt x="32146" y="48821"/>
                  </a:lnTo>
                  <a:lnTo>
                    <a:pt x="32354" y="48738"/>
                  </a:lnTo>
                  <a:lnTo>
                    <a:pt x="32644" y="48530"/>
                  </a:lnTo>
                  <a:lnTo>
                    <a:pt x="33017" y="48282"/>
                  </a:lnTo>
                  <a:lnTo>
                    <a:pt x="33432" y="48033"/>
                  </a:lnTo>
                  <a:lnTo>
                    <a:pt x="33930" y="47825"/>
                  </a:lnTo>
                  <a:lnTo>
                    <a:pt x="35050" y="47328"/>
                  </a:lnTo>
                  <a:lnTo>
                    <a:pt x="36253" y="46830"/>
                  </a:lnTo>
                  <a:lnTo>
                    <a:pt x="36377" y="46539"/>
                  </a:lnTo>
                  <a:lnTo>
                    <a:pt x="36502" y="46291"/>
                  </a:lnTo>
                  <a:lnTo>
                    <a:pt x="36668" y="46042"/>
                  </a:lnTo>
                  <a:lnTo>
                    <a:pt x="36833" y="45876"/>
                  </a:lnTo>
                  <a:lnTo>
                    <a:pt x="36999" y="45710"/>
                  </a:lnTo>
                  <a:lnTo>
                    <a:pt x="37082" y="45502"/>
                  </a:lnTo>
                  <a:lnTo>
                    <a:pt x="37165" y="45295"/>
                  </a:lnTo>
                  <a:lnTo>
                    <a:pt x="37165" y="45088"/>
                  </a:lnTo>
                  <a:lnTo>
                    <a:pt x="37290" y="44590"/>
                  </a:lnTo>
                  <a:lnTo>
                    <a:pt x="37290" y="44424"/>
                  </a:lnTo>
                  <a:lnTo>
                    <a:pt x="37290" y="44175"/>
                  </a:lnTo>
                  <a:lnTo>
                    <a:pt x="37248" y="43719"/>
                  </a:lnTo>
                  <a:lnTo>
                    <a:pt x="37124" y="43221"/>
                  </a:lnTo>
                  <a:lnTo>
                    <a:pt x="37082" y="42765"/>
                  </a:lnTo>
                  <a:lnTo>
                    <a:pt x="36999" y="41686"/>
                  </a:lnTo>
                  <a:lnTo>
                    <a:pt x="36958" y="40567"/>
                  </a:lnTo>
                  <a:lnTo>
                    <a:pt x="36916" y="39612"/>
                  </a:lnTo>
                  <a:lnTo>
                    <a:pt x="36916" y="39156"/>
                  </a:lnTo>
                  <a:lnTo>
                    <a:pt x="36958" y="38658"/>
                  </a:lnTo>
                  <a:lnTo>
                    <a:pt x="37041" y="38244"/>
                  </a:lnTo>
                  <a:lnTo>
                    <a:pt x="37124" y="38036"/>
                  </a:lnTo>
                  <a:lnTo>
                    <a:pt x="37248" y="37870"/>
                  </a:lnTo>
                  <a:lnTo>
                    <a:pt x="37373" y="37663"/>
                  </a:lnTo>
                  <a:lnTo>
                    <a:pt x="37539" y="37497"/>
                  </a:lnTo>
                  <a:lnTo>
                    <a:pt x="37704" y="37373"/>
                  </a:lnTo>
                  <a:lnTo>
                    <a:pt x="37953" y="37248"/>
                  </a:lnTo>
                  <a:lnTo>
                    <a:pt x="38493" y="36916"/>
                  </a:lnTo>
                  <a:lnTo>
                    <a:pt x="38990" y="36543"/>
                  </a:lnTo>
                  <a:lnTo>
                    <a:pt x="39239" y="36336"/>
                  </a:lnTo>
                  <a:lnTo>
                    <a:pt x="39488" y="36128"/>
                  </a:lnTo>
                  <a:lnTo>
                    <a:pt x="39695" y="35879"/>
                  </a:lnTo>
                  <a:lnTo>
                    <a:pt x="39737" y="35714"/>
                  </a:lnTo>
                  <a:lnTo>
                    <a:pt x="39778" y="35589"/>
                  </a:lnTo>
                  <a:lnTo>
                    <a:pt x="39820" y="35382"/>
                  </a:lnTo>
                  <a:lnTo>
                    <a:pt x="39861" y="35299"/>
                  </a:lnTo>
                  <a:lnTo>
                    <a:pt x="39944" y="35257"/>
                  </a:lnTo>
                  <a:lnTo>
                    <a:pt x="40442" y="34842"/>
                  </a:lnTo>
                  <a:lnTo>
                    <a:pt x="40774" y="34635"/>
                  </a:lnTo>
                  <a:lnTo>
                    <a:pt x="41106" y="34428"/>
                  </a:lnTo>
                  <a:lnTo>
                    <a:pt x="41438" y="34303"/>
                  </a:lnTo>
                  <a:lnTo>
                    <a:pt x="41728" y="34303"/>
                  </a:lnTo>
                  <a:lnTo>
                    <a:pt x="41852" y="34386"/>
                  </a:lnTo>
                  <a:lnTo>
                    <a:pt x="41935" y="34469"/>
                  </a:lnTo>
                  <a:lnTo>
                    <a:pt x="42018" y="34594"/>
                  </a:lnTo>
                  <a:lnTo>
                    <a:pt x="42060" y="34801"/>
                  </a:lnTo>
                  <a:lnTo>
                    <a:pt x="43760" y="34179"/>
                  </a:lnTo>
                  <a:lnTo>
                    <a:pt x="43802" y="33930"/>
                  </a:lnTo>
                  <a:lnTo>
                    <a:pt x="43843" y="33805"/>
                  </a:lnTo>
                  <a:lnTo>
                    <a:pt x="43885" y="33723"/>
                  </a:lnTo>
                  <a:lnTo>
                    <a:pt x="43968" y="33640"/>
                  </a:lnTo>
                  <a:lnTo>
                    <a:pt x="44092" y="33598"/>
                  </a:lnTo>
                  <a:lnTo>
                    <a:pt x="44300" y="33723"/>
                  </a:lnTo>
                  <a:lnTo>
                    <a:pt x="44548" y="33805"/>
                  </a:lnTo>
                  <a:lnTo>
                    <a:pt x="45088" y="33888"/>
                  </a:lnTo>
                  <a:lnTo>
                    <a:pt x="45627" y="33930"/>
                  </a:lnTo>
                  <a:lnTo>
                    <a:pt x="46208" y="33888"/>
                  </a:lnTo>
                  <a:lnTo>
                    <a:pt x="46830" y="33764"/>
                  </a:lnTo>
                  <a:lnTo>
                    <a:pt x="47203" y="33681"/>
                  </a:lnTo>
                  <a:lnTo>
                    <a:pt x="47328" y="33598"/>
                  </a:lnTo>
                  <a:lnTo>
                    <a:pt x="47410" y="33515"/>
                  </a:lnTo>
                  <a:lnTo>
                    <a:pt x="47493" y="33391"/>
                  </a:lnTo>
                  <a:lnTo>
                    <a:pt x="47535" y="33266"/>
                  </a:lnTo>
                  <a:lnTo>
                    <a:pt x="47493" y="33183"/>
                  </a:lnTo>
                  <a:lnTo>
                    <a:pt x="47452" y="33100"/>
                  </a:lnTo>
                  <a:lnTo>
                    <a:pt x="47369" y="33017"/>
                  </a:lnTo>
                  <a:lnTo>
                    <a:pt x="47245" y="32934"/>
                  </a:lnTo>
                  <a:lnTo>
                    <a:pt x="46954" y="32851"/>
                  </a:lnTo>
                  <a:lnTo>
                    <a:pt x="46291" y="32727"/>
                  </a:lnTo>
                  <a:lnTo>
                    <a:pt x="45544" y="32437"/>
                  </a:lnTo>
                  <a:lnTo>
                    <a:pt x="45171" y="32271"/>
                  </a:lnTo>
                  <a:lnTo>
                    <a:pt x="44839" y="32063"/>
                  </a:lnTo>
                  <a:lnTo>
                    <a:pt x="44548" y="31856"/>
                  </a:lnTo>
                  <a:lnTo>
                    <a:pt x="44300" y="31649"/>
                  </a:lnTo>
                  <a:lnTo>
                    <a:pt x="44051" y="31275"/>
                  </a:lnTo>
                  <a:lnTo>
                    <a:pt x="43843" y="30902"/>
                  </a:lnTo>
                  <a:lnTo>
                    <a:pt x="43636" y="30446"/>
                  </a:lnTo>
                  <a:lnTo>
                    <a:pt x="43429" y="30072"/>
                  </a:lnTo>
                  <a:lnTo>
                    <a:pt x="46456" y="25800"/>
                  </a:lnTo>
                  <a:lnTo>
                    <a:pt x="46622" y="25551"/>
                  </a:lnTo>
                  <a:lnTo>
                    <a:pt x="46830" y="25302"/>
                  </a:lnTo>
                  <a:lnTo>
                    <a:pt x="47245" y="24888"/>
                  </a:lnTo>
                  <a:lnTo>
                    <a:pt x="47410" y="24639"/>
                  </a:lnTo>
                  <a:lnTo>
                    <a:pt x="47535" y="24431"/>
                  </a:lnTo>
                  <a:lnTo>
                    <a:pt x="47576" y="24141"/>
                  </a:lnTo>
                  <a:lnTo>
                    <a:pt x="47576" y="23851"/>
                  </a:lnTo>
                  <a:lnTo>
                    <a:pt x="47493" y="23353"/>
                  </a:lnTo>
                  <a:lnTo>
                    <a:pt x="47493" y="23104"/>
                  </a:lnTo>
                  <a:lnTo>
                    <a:pt x="47576" y="22855"/>
                  </a:lnTo>
                  <a:lnTo>
                    <a:pt x="47991" y="24224"/>
                  </a:lnTo>
                  <a:lnTo>
                    <a:pt x="48447" y="25551"/>
                  </a:lnTo>
                  <a:lnTo>
                    <a:pt x="49194" y="25551"/>
                  </a:lnTo>
                  <a:lnTo>
                    <a:pt x="49236" y="25302"/>
                  </a:lnTo>
                  <a:lnTo>
                    <a:pt x="49775" y="25427"/>
                  </a:lnTo>
                  <a:lnTo>
                    <a:pt x="50355" y="25593"/>
                  </a:lnTo>
                  <a:lnTo>
                    <a:pt x="50480" y="25634"/>
                  </a:lnTo>
                  <a:lnTo>
                    <a:pt x="50604" y="25759"/>
                  </a:lnTo>
                  <a:lnTo>
                    <a:pt x="52346" y="27086"/>
                  </a:lnTo>
                  <a:lnTo>
                    <a:pt x="52720" y="27376"/>
                  </a:lnTo>
                  <a:lnTo>
                    <a:pt x="53052" y="27708"/>
                  </a:lnTo>
                  <a:lnTo>
                    <a:pt x="53383" y="28040"/>
                  </a:lnTo>
                  <a:lnTo>
                    <a:pt x="53715" y="28330"/>
                  </a:lnTo>
                  <a:lnTo>
                    <a:pt x="53798" y="28911"/>
                  </a:lnTo>
                  <a:lnTo>
                    <a:pt x="54213" y="29201"/>
                  </a:lnTo>
                  <a:lnTo>
                    <a:pt x="54669" y="29492"/>
                  </a:lnTo>
                  <a:lnTo>
                    <a:pt x="54877" y="29616"/>
                  </a:lnTo>
                  <a:lnTo>
                    <a:pt x="55125" y="29699"/>
                  </a:lnTo>
                  <a:lnTo>
                    <a:pt x="55374" y="29741"/>
                  </a:lnTo>
                  <a:lnTo>
                    <a:pt x="55623" y="29782"/>
                  </a:lnTo>
                  <a:lnTo>
                    <a:pt x="55789" y="29782"/>
                  </a:lnTo>
                  <a:lnTo>
                    <a:pt x="55955" y="29741"/>
                  </a:lnTo>
                  <a:lnTo>
                    <a:pt x="56079" y="29658"/>
                  </a:lnTo>
                  <a:lnTo>
                    <a:pt x="56162" y="29575"/>
                  </a:lnTo>
                  <a:lnTo>
                    <a:pt x="56162" y="29492"/>
                  </a:lnTo>
                  <a:lnTo>
                    <a:pt x="56162" y="29367"/>
                  </a:lnTo>
                  <a:lnTo>
                    <a:pt x="56038" y="29284"/>
                  </a:lnTo>
                  <a:lnTo>
                    <a:pt x="55831" y="29160"/>
                  </a:lnTo>
                  <a:lnTo>
                    <a:pt x="55540" y="29035"/>
                  </a:lnTo>
                  <a:lnTo>
                    <a:pt x="55457" y="28911"/>
                  </a:lnTo>
                  <a:lnTo>
                    <a:pt x="55374" y="28787"/>
                  </a:lnTo>
                  <a:lnTo>
                    <a:pt x="55955" y="28994"/>
                  </a:lnTo>
                  <a:lnTo>
                    <a:pt x="56743" y="29284"/>
                  </a:lnTo>
                  <a:lnTo>
                    <a:pt x="57116" y="29367"/>
                  </a:lnTo>
                  <a:lnTo>
                    <a:pt x="57490" y="29409"/>
                  </a:lnTo>
                  <a:lnTo>
                    <a:pt x="57822" y="29409"/>
                  </a:lnTo>
                  <a:lnTo>
                    <a:pt x="57946" y="29367"/>
                  </a:lnTo>
                  <a:lnTo>
                    <a:pt x="58029" y="29284"/>
                  </a:lnTo>
                  <a:lnTo>
                    <a:pt x="58112" y="29160"/>
                  </a:lnTo>
                  <a:lnTo>
                    <a:pt x="58112" y="28994"/>
                  </a:lnTo>
                  <a:lnTo>
                    <a:pt x="58112" y="28828"/>
                  </a:lnTo>
                  <a:lnTo>
                    <a:pt x="58070" y="28662"/>
                  </a:lnTo>
                  <a:lnTo>
                    <a:pt x="57988" y="28330"/>
                  </a:lnTo>
                  <a:lnTo>
                    <a:pt x="57946" y="28164"/>
                  </a:lnTo>
                  <a:lnTo>
                    <a:pt x="57946" y="28040"/>
                  </a:lnTo>
                  <a:lnTo>
                    <a:pt x="57988" y="27916"/>
                  </a:lnTo>
                  <a:lnTo>
                    <a:pt x="58029" y="27874"/>
                  </a:lnTo>
                  <a:lnTo>
                    <a:pt x="58070" y="27874"/>
                  </a:lnTo>
                  <a:lnTo>
                    <a:pt x="58112" y="27916"/>
                  </a:lnTo>
                  <a:lnTo>
                    <a:pt x="58153" y="27957"/>
                  </a:lnTo>
                  <a:lnTo>
                    <a:pt x="58195" y="28206"/>
                  </a:lnTo>
                  <a:lnTo>
                    <a:pt x="58236" y="28413"/>
                  </a:lnTo>
                  <a:lnTo>
                    <a:pt x="58278" y="28621"/>
                  </a:lnTo>
                  <a:lnTo>
                    <a:pt x="58278" y="28870"/>
                  </a:lnTo>
                  <a:lnTo>
                    <a:pt x="58444" y="28413"/>
                  </a:lnTo>
                  <a:lnTo>
                    <a:pt x="58610" y="27998"/>
                  </a:lnTo>
                  <a:lnTo>
                    <a:pt x="58651" y="27791"/>
                  </a:lnTo>
                  <a:lnTo>
                    <a:pt x="58651" y="27542"/>
                  </a:lnTo>
                  <a:lnTo>
                    <a:pt x="58651" y="27335"/>
                  </a:lnTo>
                  <a:lnTo>
                    <a:pt x="58610" y="27044"/>
                  </a:lnTo>
                  <a:lnTo>
                    <a:pt x="58568" y="26837"/>
                  </a:lnTo>
                  <a:lnTo>
                    <a:pt x="58485" y="26671"/>
                  </a:lnTo>
                  <a:lnTo>
                    <a:pt x="58402" y="26547"/>
                  </a:lnTo>
                  <a:lnTo>
                    <a:pt x="58278" y="26464"/>
                  </a:lnTo>
                  <a:lnTo>
                    <a:pt x="58070" y="26256"/>
                  </a:lnTo>
                  <a:lnTo>
                    <a:pt x="57988" y="26215"/>
                  </a:lnTo>
                  <a:lnTo>
                    <a:pt x="57822" y="26049"/>
                  </a:lnTo>
                  <a:lnTo>
                    <a:pt x="57656" y="25842"/>
                  </a:lnTo>
                  <a:lnTo>
                    <a:pt x="57448" y="25427"/>
                  </a:lnTo>
                  <a:lnTo>
                    <a:pt x="57282" y="24971"/>
                  </a:lnTo>
                  <a:lnTo>
                    <a:pt x="57075" y="24514"/>
                  </a:lnTo>
                  <a:lnTo>
                    <a:pt x="56743" y="23934"/>
                  </a:lnTo>
                  <a:lnTo>
                    <a:pt x="56411" y="23394"/>
                  </a:lnTo>
                  <a:lnTo>
                    <a:pt x="55706" y="22274"/>
                  </a:lnTo>
                  <a:lnTo>
                    <a:pt x="54379" y="20035"/>
                  </a:lnTo>
                  <a:lnTo>
                    <a:pt x="54047" y="19578"/>
                  </a:lnTo>
                  <a:lnTo>
                    <a:pt x="53632" y="18956"/>
                  </a:lnTo>
                  <a:lnTo>
                    <a:pt x="53425" y="18666"/>
                  </a:lnTo>
                  <a:lnTo>
                    <a:pt x="53259" y="18375"/>
                  </a:lnTo>
                  <a:lnTo>
                    <a:pt x="53135" y="18127"/>
                  </a:lnTo>
                  <a:lnTo>
                    <a:pt x="53093" y="17878"/>
                  </a:lnTo>
                  <a:lnTo>
                    <a:pt x="52969" y="17712"/>
                  </a:lnTo>
                  <a:lnTo>
                    <a:pt x="52969" y="17587"/>
                  </a:lnTo>
                  <a:lnTo>
                    <a:pt x="52969" y="17504"/>
                  </a:lnTo>
                  <a:lnTo>
                    <a:pt x="53010" y="17338"/>
                  </a:lnTo>
                  <a:lnTo>
                    <a:pt x="53093" y="17214"/>
                  </a:lnTo>
                  <a:lnTo>
                    <a:pt x="53176" y="16924"/>
                  </a:lnTo>
                  <a:lnTo>
                    <a:pt x="53259" y="16426"/>
                  </a:lnTo>
                  <a:lnTo>
                    <a:pt x="53425" y="15016"/>
                  </a:lnTo>
                  <a:lnTo>
                    <a:pt x="53591" y="13647"/>
                  </a:lnTo>
                  <a:lnTo>
                    <a:pt x="53674" y="13232"/>
                  </a:lnTo>
                  <a:lnTo>
                    <a:pt x="53757" y="13149"/>
                  </a:lnTo>
                  <a:lnTo>
                    <a:pt x="53798" y="13108"/>
                  </a:lnTo>
                  <a:lnTo>
                    <a:pt x="53508" y="13066"/>
                  </a:lnTo>
                  <a:lnTo>
                    <a:pt x="53176" y="13108"/>
                  </a:lnTo>
                  <a:lnTo>
                    <a:pt x="52886" y="13232"/>
                  </a:lnTo>
                  <a:lnTo>
                    <a:pt x="52637" y="13398"/>
                  </a:lnTo>
                  <a:lnTo>
                    <a:pt x="52429" y="13605"/>
                  </a:lnTo>
                  <a:lnTo>
                    <a:pt x="52222" y="13854"/>
                  </a:lnTo>
                  <a:lnTo>
                    <a:pt x="52056" y="14103"/>
                  </a:lnTo>
                  <a:lnTo>
                    <a:pt x="51932" y="14186"/>
                  </a:lnTo>
                  <a:lnTo>
                    <a:pt x="51807" y="14269"/>
                  </a:lnTo>
                  <a:lnTo>
                    <a:pt x="51724" y="14269"/>
                  </a:lnTo>
                  <a:lnTo>
                    <a:pt x="51641" y="14228"/>
                  </a:lnTo>
                  <a:lnTo>
                    <a:pt x="51475" y="14062"/>
                  </a:lnTo>
                  <a:lnTo>
                    <a:pt x="51351" y="13854"/>
                  </a:lnTo>
                  <a:lnTo>
                    <a:pt x="51226" y="13564"/>
                  </a:lnTo>
                  <a:lnTo>
                    <a:pt x="51061" y="13066"/>
                  </a:lnTo>
                  <a:lnTo>
                    <a:pt x="50978" y="12942"/>
                  </a:lnTo>
                  <a:lnTo>
                    <a:pt x="50936" y="12900"/>
                  </a:lnTo>
                  <a:lnTo>
                    <a:pt x="50853" y="12900"/>
                  </a:lnTo>
                  <a:lnTo>
                    <a:pt x="50521" y="13108"/>
                  </a:lnTo>
                  <a:lnTo>
                    <a:pt x="50272" y="13398"/>
                  </a:lnTo>
                  <a:lnTo>
                    <a:pt x="50065" y="13688"/>
                  </a:lnTo>
                  <a:lnTo>
                    <a:pt x="49899" y="13979"/>
                  </a:lnTo>
                  <a:lnTo>
                    <a:pt x="49443" y="13979"/>
                  </a:lnTo>
                  <a:lnTo>
                    <a:pt x="49028" y="14062"/>
                  </a:lnTo>
                  <a:lnTo>
                    <a:pt x="48655" y="14186"/>
                  </a:lnTo>
                  <a:lnTo>
                    <a:pt x="48282" y="14311"/>
                  </a:lnTo>
                  <a:lnTo>
                    <a:pt x="47908" y="14518"/>
                  </a:lnTo>
                  <a:lnTo>
                    <a:pt x="47576" y="14725"/>
                  </a:lnTo>
                  <a:lnTo>
                    <a:pt x="46871" y="15265"/>
                  </a:lnTo>
                  <a:lnTo>
                    <a:pt x="46456" y="15223"/>
                  </a:lnTo>
                  <a:lnTo>
                    <a:pt x="46042" y="15265"/>
                  </a:lnTo>
                  <a:lnTo>
                    <a:pt x="45585" y="15348"/>
                  </a:lnTo>
                  <a:lnTo>
                    <a:pt x="45129" y="15472"/>
                  </a:lnTo>
                  <a:lnTo>
                    <a:pt x="44797" y="16011"/>
                  </a:lnTo>
                  <a:lnTo>
                    <a:pt x="44548" y="16053"/>
                  </a:lnTo>
                  <a:lnTo>
                    <a:pt x="44341" y="16136"/>
                  </a:lnTo>
                  <a:lnTo>
                    <a:pt x="43843" y="16343"/>
                  </a:lnTo>
                  <a:lnTo>
                    <a:pt x="43346" y="16675"/>
                  </a:lnTo>
                  <a:lnTo>
                    <a:pt x="42806" y="17007"/>
                  </a:lnTo>
                  <a:lnTo>
                    <a:pt x="40981" y="14352"/>
                  </a:lnTo>
                  <a:lnTo>
                    <a:pt x="40981" y="13979"/>
                  </a:lnTo>
                  <a:lnTo>
                    <a:pt x="40566" y="13398"/>
                  </a:lnTo>
                  <a:lnTo>
                    <a:pt x="40649" y="13025"/>
                  </a:lnTo>
                  <a:lnTo>
                    <a:pt x="40649" y="12693"/>
                  </a:lnTo>
                  <a:lnTo>
                    <a:pt x="40608" y="12361"/>
                  </a:lnTo>
                  <a:lnTo>
                    <a:pt x="40484" y="12071"/>
                  </a:lnTo>
                  <a:lnTo>
                    <a:pt x="40276" y="11780"/>
                  </a:lnTo>
                  <a:lnTo>
                    <a:pt x="40069" y="11531"/>
                  </a:lnTo>
                  <a:lnTo>
                    <a:pt x="39778" y="11241"/>
                  </a:lnTo>
                  <a:lnTo>
                    <a:pt x="39488" y="10992"/>
                  </a:lnTo>
                  <a:lnTo>
                    <a:pt x="39695" y="10619"/>
                  </a:lnTo>
                  <a:lnTo>
                    <a:pt x="39695" y="10412"/>
                  </a:lnTo>
                  <a:lnTo>
                    <a:pt x="39654" y="10204"/>
                  </a:lnTo>
                  <a:lnTo>
                    <a:pt x="39530" y="9665"/>
                  </a:lnTo>
                  <a:lnTo>
                    <a:pt x="39281" y="9458"/>
                  </a:lnTo>
                  <a:lnTo>
                    <a:pt x="38907" y="9416"/>
                  </a:lnTo>
                  <a:lnTo>
                    <a:pt x="38576" y="9416"/>
                  </a:lnTo>
                  <a:lnTo>
                    <a:pt x="38244" y="9499"/>
                  </a:lnTo>
                  <a:lnTo>
                    <a:pt x="37953" y="9582"/>
                  </a:lnTo>
                  <a:lnTo>
                    <a:pt x="36294" y="10204"/>
                  </a:lnTo>
                  <a:lnTo>
                    <a:pt x="34718" y="10785"/>
                  </a:lnTo>
                  <a:lnTo>
                    <a:pt x="34013" y="11034"/>
                  </a:lnTo>
                  <a:lnTo>
                    <a:pt x="33391" y="11241"/>
                  </a:lnTo>
                  <a:lnTo>
                    <a:pt x="32851" y="11324"/>
                  </a:lnTo>
                  <a:lnTo>
                    <a:pt x="32437" y="11366"/>
                  </a:lnTo>
                  <a:lnTo>
                    <a:pt x="31773" y="10329"/>
                  </a:lnTo>
                  <a:lnTo>
                    <a:pt x="31483" y="10287"/>
                  </a:lnTo>
                  <a:lnTo>
                    <a:pt x="31234" y="10080"/>
                  </a:lnTo>
                  <a:lnTo>
                    <a:pt x="30985" y="9914"/>
                  </a:lnTo>
                  <a:lnTo>
                    <a:pt x="30570" y="9458"/>
                  </a:lnTo>
                  <a:lnTo>
                    <a:pt x="30238" y="8960"/>
                  </a:lnTo>
                  <a:lnTo>
                    <a:pt x="29948" y="8421"/>
                  </a:lnTo>
                  <a:lnTo>
                    <a:pt x="29948" y="7508"/>
                  </a:lnTo>
                  <a:lnTo>
                    <a:pt x="29824" y="7135"/>
                  </a:lnTo>
                  <a:lnTo>
                    <a:pt x="29658" y="6844"/>
                  </a:lnTo>
                  <a:lnTo>
                    <a:pt x="29450" y="6554"/>
                  </a:lnTo>
                  <a:lnTo>
                    <a:pt x="29243" y="6347"/>
                  </a:lnTo>
                  <a:lnTo>
                    <a:pt x="28952" y="6181"/>
                  </a:lnTo>
                  <a:lnTo>
                    <a:pt x="28579" y="6056"/>
                  </a:lnTo>
                  <a:lnTo>
                    <a:pt x="28206" y="5973"/>
                  </a:lnTo>
                  <a:lnTo>
                    <a:pt x="27708" y="5932"/>
                  </a:lnTo>
                  <a:lnTo>
                    <a:pt x="27833" y="5766"/>
                  </a:lnTo>
                  <a:lnTo>
                    <a:pt x="27998" y="5351"/>
                  </a:lnTo>
                  <a:lnTo>
                    <a:pt x="28206" y="4936"/>
                  </a:lnTo>
                  <a:lnTo>
                    <a:pt x="28247" y="4687"/>
                  </a:lnTo>
                  <a:lnTo>
                    <a:pt x="28247" y="4439"/>
                  </a:lnTo>
                  <a:lnTo>
                    <a:pt x="28247" y="4273"/>
                  </a:lnTo>
                  <a:lnTo>
                    <a:pt x="28372" y="4148"/>
                  </a:lnTo>
                  <a:lnTo>
                    <a:pt x="28496" y="4107"/>
                  </a:lnTo>
                  <a:lnTo>
                    <a:pt x="28662" y="4107"/>
                  </a:lnTo>
                  <a:lnTo>
                    <a:pt x="28870" y="4148"/>
                  </a:lnTo>
                  <a:lnTo>
                    <a:pt x="29326" y="4190"/>
                  </a:lnTo>
                  <a:lnTo>
                    <a:pt x="29865" y="4148"/>
                  </a:lnTo>
                  <a:lnTo>
                    <a:pt x="30404" y="4107"/>
                  </a:lnTo>
                  <a:lnTo>
                    <a:pt x="30943" y="3982"/>
                  </a:lnTo>
                  <a:lnTo>
                    <a:pt x="31483" y="3858"/>
                  </a:lnTo>
                  <a:lnTo>
                    <a:pt x="31649" y="3775"/>
                  </a:lnTo>
                  <a:lnTo>
                    <a:pt x="31773" y="3692"/>
                  </a:lnTo>
                  <a:lnTo>
                    <a:pt x="31815" y="3609"/>
                  </a:lnTo>
                  <a:lnTo>
                    <a:pt x="31856" y="3485"/>
                  </a:lnTo>
                  <a:lnTo>
                    <a:pt x="31815" y="3402"/>
                  </a:lnTo>
                  <a:lnTo>
                    <a:pt x="31773" y="3360"/>
                  </a:lnTo>
                  <a:lnTo>
                    <a:pt x="31649" y="3319"/>
                  </a:lnTo>
                  <a:lnTo>
                    <a:pt x="31234" y="3319"/>
                  </a:lnTo>
                  <a:lnTo>
                    <a:pt x="30861" y="3277"/>
                  </a:lnTo>
                  <a:lnTo>
                    <a:pt x="30529" y="3236"/>
                  </a:lnTo>
                  <a:lnTo>
                    <a:pt x="30197" y="3153"/>
                  </a:lnTo>
                  <a:lnTo>
                    <a:pt x="29865" y="3028"/>
                  </a:lnTo>
                  <a:lnTo>
                    <a:pt x="29533" y="2904"/>
                  </a:lnTo>
                  <a:lnTo>
                    <a:pt x="29201" y="2738"/>
                  </a:lnTo>
                  <a:lnTo>
                    <a:pt x="28911" y="2572"/>
                  </a:lnTo>
                  <a:lnTo>
                    <a:pt x="28870" y="2199"/>
                  </a:lnTo>
                  <a:lnTo>
                    <a:pt x="28870" y="1743"/>
                  </a:lnTo>
                  <a:lnTo>
                    <a:pt x="28828" y="1328"/>
                  </a:lnTo>
                  <a:lnTo>
                    <a:pt x="28787" y="954"/>
                  </a:lnTo>
                  <a:lnTo>
                    <a:pt x="28704" y="747"/>
                  </a:lnTo>
                  <a:lnTo>
                    <a:pt x="28621" y="581"/>
                  </a:lnTo>
                  <a:lnTo>
                    <a:pt x="28538" y="415"/>
                  </a:lnTo>
                  <a:lnTo>
                    <a:pt x="28372" y="291"/>
                  </a:lnTo>
                  <a:lnTo>
                    <a:pt x="28206" y="208"/>
                  </a:lnTo>
                  <a:lnTo>
                    <a:pt x="28040" y="125"/>
                  </a:lnTo>
                  <a:lnTo>
                    <a:pt x="27791" y="83"/>
                  </a:lnTo>
                  <a:lnTo>
                    <a:pt x="27501" y="42"/>
                  </a:lnTo>
                  <a:lnTo>
                    <a:pt x="26008" y="42"/>
                  </a:lnTo>
                  <a:lnTo>
                    <a:pt x="25634" y="83"/>
                  </a:lnTo>
                  <a:lnTo>
                    <a:pt x="25302" y="208"/>
                  </a:lnTo>
                  <a:lnTo>
                    <a:pt x="25053" y="374"/>
                  </a:lnTo>
                  <a:lnTo>
                    <a:pt x="24846" y="581"/>
                  </a:lnTo>
                  <a:lnTo>
                    <a:pt x="24888" y="457"/>
                  </a:lnTo>
                  <a:lnTo>
                    <a:pt x="24722" y="623"/>
                  </a:lnTo>
                  <a:lnTo>
                    <a:pt x="24556" y="830"/>
                  </a:lnTo>
                  <a:lnTo>
                    <a:pt x="24431" y="1037"/>
                  </a:lnTo>
                  <a:lnTo>
                    <a:pt x="24307" y="1328"/>
                  </a:lnTo>
                  <a:lnTo>
                    <a:pt x="24224" y="1328"/>
                  </a:lnTo>
                  <a:lnTo>
                    <a:pt x="24099" y="1286"/>
                  </a:lnTo>
                  <a:lnTo>
                    <a:pt x="23809" y="1203"/>
                  </a:lnTo>
                  <a:lnTo>
                    <a:pt x="23519" y="1120"/>
                  </a:lnTo>
                  <a:lnTo>
                    <a:pt x="23228" y="996"/>
                  </a:lnTo>
                  <a:lnTo>
                    <a:pt x="22980" y="830"/>
                  </a:lnTo>
                  <a:lnTo>
                    <a:pt x="22731" y="664"/>
                  </a:lnTo>
                  <a:lnTo>
                    <a:pt x="22482" y="457"/>
                  </a:lnTo>
                  <a:lnTo>
                    <a:pt x="22274" y="249"/>
                  </a:lnTo>
                  <a:lnTo>
                    <a:pt x="22067" y="0"/>
                  </a:lnTo>
                  <a:close/>
                </a:path>
              </a:pathLst>
            </a:custGeom>
            <a:solidFill>
              <a:srgbClr val="D87F55"/>
            </a:solidFill>
            <a:ln>
              <a:noFill/>
            </a:ln>
          </p:spPr>
          <p:txBody>
            <a:bodyPr spcFirstLastPara="1" wrap="square" lIns="91425" tIns="91425" rIns="91425" bIns="91425" anchor="ctr" anchorCtr="0">
              <a:noAutofit/>
            </a:bodyPr>
            <a:lstStyle/>
            <a:p>
              <a:pPr marL="0" marR="0" lvl="0" indent="0" defTabSz="914400" eaLnBrk="1" fontAlgn="auto" latinLnBrk="0" hangingPunct="1">
                <a:lnSpc>
                  <a:spcPct val="100000"/>
                </a:lnSpc>
                <a:spcBef>
                  <a:spcPts val="0"/>
                </a:spcBef>
                <a:spcAft>
                  <a:spcPts val="0"/>
                </a:spcAft>
                <a:buClr>
                  <a:srgbClr val="000000"/>
                </a:buClr>
                <a:buSzTx/>
                <a:buFont typeface="Arial"/>
                <a:buNone/>
                <a:tabLst/>
                <a:defRPr/>
              </a:pPr>
              <a:endParaRPr kumimoji="0" sz="1400" b="0" i="0" u="none" strike="noStrike" kern="0" cap="none" spc="0" normalizeH="0" baseline="0" noProof="0">
                <a:ln>
                  <a:noFill/>
                </a:ln>
                <a:solidFill>
                  <a:srgbClr val="000000"/>
                </a:solidFill>
                <a:effectLst/>
                <a:uLnTx/>
                <a:uFillTx/>
                <a:latin typeface="Arial"/>
                <a:cs typeface="Arial"/>
                <a:sym typeface="Arial"/>
              </a:endParaRPr>
            </a:p>
          </p:txBody>
        </p:sp>
      </p:grpSp>
    </p:spTree>
    <p:extLst>
      <p:ext uri="{BB962C8B-B14F-4D97-AF65-F5344CB8AC3E}">
        <p14:creationId xmlns:p14="http://schemas.microsoft.com/office/powerpoint/2010/main" val="1842776271"/>
      </p:ext>
    </p:extLst>
  </p:cSld>
  <p:clrMapOvr>
    <a:masterClrMapping/>
  </p:clrMapOvr>
  <p:transition spd="slow">
    <p:push dir="u"/>
  </p:transition>
</p:sld>
</file>

<file path=ppt/slides/slide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grpSp>
        <p:nvGrpSpPr>
          <p:cNvPr id="5" name="Group 4">
            <a:extLst>
              <a:ext uri="{FF2B5EF4-FFF2-40B4-BE49-F238E27FC236}">
                <a16:creationId xmlns:a16="http://schemas.microsoft.com/office/drawing/2014/main" id="{8C0FD668-A425-115A-7DCB-D3D3BCB7287E}"/>
              </a:ext>
            </a:extLst>
          </p:cNvPr>
          <p:cNvGrpSpPr/>
          <p:nvPr/>
        </p:nvGrpSpPr>
        <p:grpSpPr>
          <a:xfrm>
            <a:off x="10432660" y="7947870"/>
            <a:ext cx="1695745" cy="1655529"/>
            <a:chOff x="5623716" y="4583523"/>
            <a:chExt cx="1013227" cy="1020370"/>
          </a:xfrm>
        </p:grpSpPr>
        <p:grpSp>
          <p:nvGrpSpPr>
            <p:cNvPr id="7" name="Group 6">
              <a:extLst>
                <a:ext uri="{FF2B5EF4-FFF2-40B4-BE49-F238E27FC236}">
                  <a16:creationId xmlns:a16="http://schemas.microsoft.com/office/drawing/2014/main" id="{FD452409-E75A-567E-91BD-F1B19F835347}"/>
                </a:ext>
              </a:extLst>
            </p:cNvPr>
            <p:cNvGrpSpPr/>
            <p:nvPr/>
          </p:nvGrpSpPr>
          <p:grpSpPr>
            <a:xfrm>
              <a:off x="6168396" y="4583523"/>
              <a:ext cx="468547" cy="520808"/>
              <a:chOff x="1504591" y="2624109"/>
              <a:chExt cx="602513" cy="669717"/>
            </a:xfrm>
          </p:grpSpPr>
          <p:sp>
            <p:nvSpPr>
              <p:cNvPr id="32" name="Graphic 13">
                <a:extLst>
                  <a:ext uri="{FF2B5EF4-FFF2-40B4-BE49-F238E27FC236}">
                    <a16:creationId xmlns:a16="http://schemas.microsoft.com/office/drawing/2014/main" id="{3E3165A4-CC8A-BBC7-2742-C6E139DC6ADA}"/>
                  </a:ext>
                </a:extLst>
              </p:cNvPr>
              <p:cNvSpPr/>
              <p:nvPr/>
            </p:nvSpPr>
            <p:spPr>
              <a:xfrm>
                <a:off x="1504591" y="2624109"/>
                <a:ext cx="602513" cy="669717"/>
              </a:xfrm>
              <a:custGeom>
                <a:avLst/>
                <a:gdLst>
                  <a:gd name="connsiteX0" fmla="*/ 602514 w 602513"/>
                  <a:gd name="connsiteY0" fmla="*/ 463263 h 669717"/>
                  <a:gd name="connsiteX1" fmla="*/ 602514 w 602513"/>
                  <a:gd name="connsiteY1" fmla="*/ 206456 h 669717"/>
                  <a:gd name="connsiteX2" fmla="*/ 563383 w 602513"/>
                  <a:gd name="connsiteY2" fmla="*/ 138860 h 669717"/>
                  <a:gd name="connsiteX3" fmla="*/ 340387 w 602513"/>
                  <a:gd name="connsiteY3" fmla="*/ 10457 h 669717"/>
                  <a:gd name="connsiteX4" fmla="*/ 262126 w 602513"/>
                  <a:gd name="connsiteY4" fmla="*/ 10457 h 669717"/>
                  <a:gd name="connsiteX5" fmla="*/ 39131 w 602513"/>
                  <a:gd name="connsiteY5" fmla="*/ 138860 h 669717"/>
                  <a:gd name="connsiteX6" fmla="*/ 0 w 602513"/>
                  <a:gd name="connsiteY6" fmla="*/ 206456 h 669717"/>
                  <a:gd name="connsiteX7" fmla="*/ 0 w 602513"/>
                  <a:gd name="connsiteY7" fmla="*/ 463263 h 669717"/>
                  <a:gd name="connsiteX8" fmla="*/ 39131 w 602513"/>
                  <a:gd name="connsiteY8" fmla="*/ 530858 h 669717"/>
                  <a:gd name="connsiteX9" fmla="*/ 262126 w 602513"/>
                  <a:gd name="connsiteY9" fmla="*/ 659260 h 669717"/>
                  <a:gd name="connsiteX10" fmla="*/ 340387 w 602513"/>
                  <a:gd name="connsiteY10" fmla="*/ 659260 h 669717"/>
                  <a:gd name="connsiteX11" fmla="*/ 563383 w 602513"/>
                  <a:gd name="connsiteY11" fmla="*/ 530858 h 669717"/>
                  <a:gd name="connsiteX12" fmla="*/ 602514 w 602513"/>
                  <a:gd name="connsiteY12" fmla="*/ 463263 h 6697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602513" h="669717">
                    <a:moveTo>
                      <a:pt x="602514" y="463263"/>
                    </a:moveTo>
                    <a:lnTo>
                      <a:pt x="602514" y="206456"/>
                    </a:lnTo>
                    <a:cubicBezTo>
                      <a:pt x="602514" y="178570"/>
                      <a:pt x="587599" y="152803"/>
                      <a:pt x="563383" y="138860"/>
                    </a:cubicBezTo>
                    <a:lnTo>
                      <a:pt x="340387" y="10457"/>
                    </a:lnTo>
                    <a:cubicBezTo>
                      <a:pt x="316173" y="-3486"/>
                      <a:pt x="286340" y="-3486"/>
                      <a:pt x="262126" y="10457"/>
                    </a:cubicBezTo>
                    <a:lnTo>
                      <a:pt x="39131" y="138860"/>
                    </a:lnTo>
                    <a:cubicBezTo>
                      <a:pt x="14917" y="152803"/>
                      <a:pt x="0" y="178570"/>
                      <a:pt x="0" y="206456"/>
                    </a:cubicBezTo>
                    <a:lnTo>
                      <a:pt x="0" y="463263"/>
                    </a:lnTo>
                    <a:cubicBezTo>
                      <a:pt x="0" y="491148"/>
                      <a:pt x="14917" y="516916"/>
                      <a:pt x="39131" y="530858"/>
                    </a:cubicBezTo>
                    <a:lnTo>
                      <a:pt x="262126" y="659260"/>
                    </a:lnTo>
                    <a:cubicBezTo>
                      <a:pt x="286340" y="673203"/>
                      <a:pt x="316173" y="673203"/>
                      <a:pt x="340387" y="659260"/>
                    </a:cubicBezTo>
                    <a:lnTo>
                      <a:pt x="563383" y="530858"/>
                    </a:lnTo>
                    <a:cubicBezTo>
                      <a:pt x="587599" y="516916"/>
                      <a:pt x="602514" y="491148"/>
                      <a:pt x="602514" y="463263"/>
                    </a:cubicBezTo>
                    <a:close/>
                  </a:path>
                </a:pathLst>
              </a:custGeom>
              <a:solidFill>
                <a:sysClr val="window" lastClr="FFFFFF"/>
              </a:solidFill>
              <a:ln w="0" cap="flat">
                <a:solidFill>
                  <a:srgbClr val="F76C6C"/>
                </a:solidFill>
                <a:prstDash val="solid"/>
                <a:miter/>
              </a:ln>
            </p:spPr>
            <p:txBody>
              <a:bodyPr rtlCol="0" anchor="ctr"/>
              <a:lstStyle/>
              <a:p>
                <a:pPr defTabSz="914400" eaLnBrk="1" fontAlgn="auto" hangingPunct="1">
                  <a:spcBef>
                    <a:spcPts val="0"/>
                  </a:spcBef>
                  <a:spcAft>
                    <a:spcPts val="0"/>
                  </a:spcAft>
                  <a:defRPr/>
                </a:pPr>
                <a:endParaRPr lang="en-US" sz="1800">
                  <a:solidFill>
                    <a:prstClr val="black"/>
                  </a:solidFill>
                  <a:latin typeface="Calibri" panose="020F0502020204030204"/>
                  <a:cs typeface="Arial"/>
                  <a:sym typeface="Arial"/>
                </a:endParaRPr>
              </a:p>
            </p:txBody>
          </p:sp>
          <p:sp>
            <p:nvSpPr>
              <p:cNvPr id="35" name="Freeform 106">
                <a:extLst>
                  <a:ext uri="{FF2B5EF4-FFF2-40B4-BE49-F238E27FC236}">
                    <a16:creationId xmlns:a16="http://schemas.microsoft.com/office/drawing/2014/main" id="{D234DF74-601F-02CA-3ED6-023031823CBF}"/>
                  </a:ext>
                </a:extLst>
              </p:cNvPr>
              <p:cNvSpPr/>
              <p:nvPr/>
            </p:nvSpPr>
            <p:spPr>
              <a:xfrm>
                <a:off x="1680991" y="2983688"/>
                <a:ext cx="249179" cy="124765"/>
              </a:xfrm>
              <a:custGeom>
                <a:avLst/>
                <a:gdLst>
                  <a:gd name="connsiteX0" fmla="*/ 114300 w 190500"/>
                  <a:gd name="connsiteY0" fmla="*/ 0 h 95384"/>
                  <a:gd name="connsiteX1" fmla="*/ 76200 w 190500"/>
                  <a:gd name="connsiteY1" fmla="*/ 0 h 95384"/>
                  <a:gd name="connsiteX2" fmla="*/ 0 w 190500"/>
                  <a:gd name="connsiteY2" fmla="*/ 76200 h 95384"/>
                  <a:gd name="connsiteX3" fmla="*/ 6620 w 190500"/>
                  <a:gd name="connsiteY3" fmla="*/ 85277 h 95384"/>
                  <a:gd name="connsiteX4" fmla="*/ 95250 w 190500"/>
                  <a:gd name="connsiteY4" fmla="*/ 95250 h 95384"/>
                  <a:gd name="connsiteX5" fmla="*/ 183880 w 190500"/>
                  <a:gd name="connsiteY5" fmla="*/ 85277 h 95384"/>
                  <a:gd name="connsiteX6" fmla="*/ 190500 w 190500"/>
                  <a:gd name="connsiteY6" fmla="*/ 76200 h 95384"/>
                  <a:gd name="connsiteX7" fmla="*/ 114300 w 190500"/>
                  <a:gd name="connsiteY7" fmla="*/ 0 h 953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90500" h="95384">
                    <a:moveTo>
                      <a:pt x="114300" y="0"/>
                    </a:moveTo>
                    <a:lnTo>
                      <a:pt x="76200" y="0"/>
                    </a:lnTo>
                    <a:cubicBezTo>
                      <a:pt x="34136" y="48"/>
                      <a:pt x="47" y="34136"/>
                      <a:pt x="0" y="76200"/>
                    </a:cubicBezTo>
                    <a:cubicBezTo>
                      <a:pt x="-3" y="80343"/>
                      <a:pt x="2674" y="84013"/>
                      <a:pt x="6620" y="85277"/>
                    </a:cubicBezTo>
                    <a:cubicBezTo>
                      <a:pt x="35546" y="92761"/>
                      <a:pt x="65384" y="96119"/>
                      <a:pt x="95250" y="95250"/>
                    </a:cubicBezTo>
                    <a:cubicBezTo>
                      <a:pt x="125116" y="96119"/>
                      <a:pt x="154955" y="92761"/>
                      <a:pt x="183880" y="85277"/>
                    </a:cubicBezTo>
                    <a:cubicBezTo>
                      <a:pt x="187826" y="84013"/>
                      <a:pt x="190503" y="80343"/>
                      <a:pt x="190500" y="76200"/>
                    </a:cubicBezTo>
                    <a:cubicBezTo>
                      <a:pt x="190452" y="34136"/>
                      <a:pt x="156364" y="48"/>
                      <a:pt x="114300" y="0"/>
                    </a:cubicBezTo>
                    <a:close/>
                  </a:path>
                </a:pathLst>
              </a:custGeom>
              <a:solidFill>
                <a:srgbClr val="114B5F"/>
              </a:solidFill>
              <a:ln w="0" cap="flat">
                <a:solidFill>
                  <a:srgbClr val="F76C6C"/>
                </a:solidFill>
                <a:prstDash val="solid"/>
                <a:miter/>
              </a:ln>
            </p:spPr>
            <p:txBody>
              <a:bodyPr rtlCol="0" anchor="ctr"/>
              <a:lstStyle/>
              <a:p>
                <a:pPr defTabSz="914400" eaLnBrk="1" fontAlgn="auto" hangingPunct="1">
                  <a:spcBef>
                    <a:spcPts val="0"/>
                  </a:spcBef>
                  <a:spcAft>
                    <a:spcPts val="0"/>
                  </a:spcAft>
                  <a:defRPr/>
                </a:pPr>
                <a:endParaRPr lang="en-US" sz="1800">
                  <a:solidFill>
                    <a:prstClr val="black"/>
                  </a:solidFill>
                  <a:latin typeface="Calibri" panose="020F0502020204030204"/>
                  <a:cs typeface="Arial"/>
                  <a:sym typeface="Arial"/>
                </a:endParaRPr>
              </a:p>
            </p:txBody>
          </p:sp>
          <p:sp>
            <p:nvSpPr>
              <p:cNvPr id="36" name="Freeform 107">
                <a:extLst>
                  <a:ext uri="{FF2B5EF4-FFF2-40B4-BE49-F238E27FC236}">
                    <a16:creationId xmlns:a16="http://schemas.microsoft.com/office/drawing/2014/main" id="{C318FC39-BB4C-5E9A-3FEE-84F9D0E6897B}"/>
                  </a:ext>
                </a:extLst>
              </p:cNvPr>
              <p:cNvSpPr/>
              <p:nvPr/>
            </p:nvSpPr>
            <p:spPr>
              <a:xfrm>
                <a:off x="1737057" y="2809824"/>
                <a:ext cx="137048" cy="148946"/>
              </a:xfrm>
              <a:custGeom>
                <a:avLst/>
                <a:gdLst>
                  <a:gd name="connsiteX0" fmla="*/ 52388 w 104775"/>
                  <a:gd name="connsiteY0" fmla="*/ 113871 h 113871"/>
                  <a:gd name="connsiteX1" fmla="*/ 104775 w 104775"/>
                  <a:gd name="connsiteY1" fmla="*/ 52388 h 113871"/>
                  <a:gd name="connsiteX2" fmla="*/ 52388 w 104775"/>
                  <a:gd name="connsiteY2" fmla="*/ 0 h 113871"/>
                  <a:gd name="connsiteX3" fmla="*/ 0 w 104775"/>
                  <a:gd name="connsiteY3" fmla="*/ 52388 h 113871"/>
                  <a:gd name="connsiteX4" fmla="*/ 52388 w 104775"/>
                  <a:gd name="connsiteY4" fmla="*/ 113871 h 11387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4775" h="113871">
                    <a:moveTo>
                      <a:pt x="52388" y="113871"/>
                    </a:moveTo>
                    <a:cubicBezTo>
                      <a:pt x="81915" y="113871"/>
                      <a:pt x="104775" y="80820"/>
                      <a:pt x="104775" y="52388"/>
                    </a:cubicBezTo>
                    <a:cubicBezTo>
                      <a:pt x="104775" y="23455"/>
                      <a:pt x="81321" y="0"/>
                      <a:pt x="52388" y="0"/>
                    </a:cubicBezTo>
                    <a:cubicBezTo>
                      <a:pt x="23455" y="0"/>
                      <a:pt x="0" y="23455"/>
                      <a:pt x="0" y="52388"/>
                    </a:cubicBezTo>
                    <a:cubicBezTo>
                      <a:pt x="0" y="80820"/>
                      <a:pt x="22860" y="113871"/>
                      <a:pt x="52388" y="113871"/>
                    </a:cubicBezTo>
                    <a:close/>
                  </a:path>
                </a:pathLst>
              </a:custGeom>
              <a:solidFill>
                <a:srgbClr val="114B5F"/>
              </a:solidFill>
              <a:ln w="0" cap="flat">
                <a:solidFill>
                  <a:srgbClr val="F76C6C"/>
                </a:solidFill>
                <a:prstDash val="solid"/>
                <a:miter/>
              </a:ln>
            </p:spPr>
            <p:txBody>
              <a:bodyPr rtlCol="0" anchor="ctr"/>
              <a:lstStyle/>
              <a:p>
                <a:pPr defTabSz="914400" eaLnBrk="1" fontAlgn="auto" hangingPunct="1">
                  <a:spcBef>
                    <a:spcPts val="0"/>
                  </a:spcBef>
                  <a:spcAft>
                    <a:spcPts val="0"/>
                  </a:spcAft>
                  <a:defRPr/>
                </a:pPr>
                <a:endParaRPr lang="en-US" sz="1800">
                  <a:solidFill>
                    <a:prstClr val="black"/>
                  </a:solidFill>
                  <a:latin typeface="Calibri" panose="020F0502020204030204"/>
                  <a:cs typeface="Arial"/>
                  <a:sym typeface="Arial"/>
                </a:endParaRPr>
              </a:p>
            </p:txBody>
          </p:sp>
        </p:grpSp>
        <p:grpSp>
          <p:nvGrpSpPr>
            <p:cNvPr id="10" name="Group 9">
              <a:extLst>
                <a:ext uri="{FF2B5EF4-FFF2-40B4-BE49-F238E27FC236}">
                  <a16:creationId xmlns:a16="http://schemas.microsoft.com/office/drawing/2014/main" id="{CEEE02D9-D70A-0629-D94A-154C65593BA4}"/>
                </a:ext>
              </a:extLst>
            </p:cNvPr>
            <p:cNvGrpSpPr/>
            <p:nvPr/>
          </p:nvGrpSpPr>
          <p:grpSpPr>
            <a:xfrm>
              <a:off x="5623716" y="4604374"/>
              <a:ext cx="468547" cy="520808"/>
              <a:chOff x="1504591" y="2624109"/>
              <a:chExt cx="602513" cy="669717"/>
            </a:xfrm>
          </p:grpSpPr>
          <p:sp>
            <p:nvSpPr>
              <p:cNvPr id="27" name="Graphic 13">
                <a:extLst>
                  <a:ext uri="{FF2B5EF4-FFF2-40B4-BE49-F238E27FC236}">
                    <a16:creationId xmlns:a16="http://schemas.microsoft.com/office/drawing/2014/main" id="{024816CF-3AD1-B133-03E7-6429ABC8D6EC}"/>
                  </a:ext>
                </a:extLst>
              </p:cNvPr>
              <p:cNvSpPr/>
              <p:nvPr/>
            </p:nvSpPr>
            <p:spPr>
              <a:xfrm>
                <a:off x="1504591" y="2624109"/>
                <a:ext cx="602513" cy="669717"/>
              </a:xfrm>
              <a:custGeom>
                <a:avLst/>
                <a:gdLst>
                  <a:gd name="connsiteX0" fmla="*/ 602514 w 602513"/>
                  <a:gd name="connsiteY0" fmla="*/ 463263 h 669717"/>
                  <a:gd name="connsiteX1" fmla="*/ 602514 w 602513"/>
                  <a:gd name="connsiteY1" fmla="*/ 206456 h 669717"/>
                  <a:gd name="connsiteX2" fmla="*/ 563383 w 602513"/>
                  <a:gd name="connsiteY2" fmla="*/ 138860 h 669717"/>
                  <a:gd name="connsiteX3" fmla="*/ 340387 w 602513"/>
                  <a:gd name="connsiteY3" fmla="*/ 10457 h 669717"/>
                  <a:gd name="connsiteX4" fmla="*/ 262126 w 602513"/>
                  <a:gd name="connsiteY4" fmla="*/ 10457 h 669717"/>
                  <a:gd name="connsiteX5" fmla="*/ 39131 w 602513"/>
                  <a:gd name="connsiteY5" fmla="*/ 138860 h 669717"/>
                  <a:gd name="connsiteX6" fmla="*/ 0 w 602513"/>
                  <a:gd name="connsiteY6" fmla="*/ 206456 h 669717"/>
                  <a:gd name="connsiteX7" fmla="*/ 0 w 602513"/>
                  <a:gd name="connsiteY7" fmla="*/ 463263 h 669717"/>
                  <a:gd name="connsiteX8" fmla="*/ 39131 w 602513"/>
                  <a:gd name="connsiteY8" fmla="*/ 530858 h 669717"/>
                  <a:gd name="connsiteX9" fmla="*/ 262126 w 602513"/>
                  <a:gd name="connsiteY9" fmla="*/ 659260 h 669717"/>
                  <a:gd name="connsiteX10" fmla="*/ 340387 w 602513"/>
                  <a:gd name="connsiteY10" fmla="*/ 659260 h 669717"/>
                  <a:gd name="connsiteX11" fmla="*/ 563383 w 602513"/>
                  <a:gd name="connsiteY11" fmla="*/ 530858 h 669717"/>
                  <a:gd name="connsiteX12" fmla="*/ 602514 w 602513"/>
                  <a:gd name="connsiteY12" fmla="*/ 463263 h 6697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602513" h="669717">
                    <a:moveTo>
                      <a:pt x="602514" y="463263"/>
                    </a:moveTo>
                    <a:lnTo>
                      <a:pt x="602514" y="206456"/>
                    </a:lnTo>
                    <a:cubicBezTo>
                      <a:pt x="602514" y="178570"/>
                      <a:pt x="587599" y="152803"/>
                      <a:pt x="563383" y="138860"/>
                    </a:cubicBezTo>
                    <a:lnTo>
                      <a:pt x="340387" y="10457"/>
                    </a:lnTo>
                    <a:cubicBezTo>
                      <a:pt x="316173" y="-3486"/>
                      <a:pt x="286340" y="-3486"/>
                      <a:pt x="262126" y="10457"/>
                    </a:cubicBezTo>
                    <a:lnTo>
                      <a:pt x="39131" y="138860"/>
                    </a:lnTo>
                    <a:cubicBezTo>
                      <a:pt x="14917" y="152803"/>
                      <a:pt x="0" y="178570"/>
                      <a:pt x="0" y="206456"/>
                    </a:cubicBezTo>
                    <a:lnTo>
                      <a:pt x="0" y="463263"/>
                    </a:lnTo>
                    <a:cubicBezTo>
                      <a:pt x="0" y="491148"/>
                      <a:pt x="14917" y="516916"/>
                      <a:pt x="39131" y="530858"/>
                    </a:cubicBezTo>
                    <a:lnTo>
                      <a:pt x="262126" y="659260"/>
                    </a:lnTo>
                    <a:cubicBezTo>
                      <a:pt x="286340" y="673203"/>
                      <a:pt x="316173" y="673203"/>
                      <a:pt x="340387" y="659260"/>
                    </a:cubicBezTo>
                    <a:lnTo>
                      <a:pt x="563383" y="530858"/>
                    </a:lnTo>
                    <a:cubicBezTo>
                      <a:pt x="587599" y="516916"/>
                      <a:pt x="602514" y="491148"/>
                      <a:pt x="602514" y="463263"/>
                    </a:cubicBezTo>
                    <a:close/>
                  </a:path>
                </a:pathLst>
              </a:custGeom>
              <a:solidFill>
                <a:sysClr val="window" lastClr="FFFFFF"/>
              </a:solidFill>
              <a:ln w="0" cap="flat">
                <a:solidFill>
                  <a:srgbClr val="F76C6C"/>
                </a:solidFill>
                <a:prstDash val="solid"/>
                <a:miter/>
              </a:ln>
            </p:spPr>
            <p:txBody>
              <a:bodyPr rtlCol="0" anchor="ctr"/>
              <a:lstStyle/>
              <a:p>
                <a:pPr defTabSz="914400" eaLnBrk="1" fontAlgn="auto" hangingPunct="1">
                  <a:spcBef>
                    <a:spcPts val="0"/>
                  </a:spcBef>
                  <a:spcAft>
                    <a:spcPts val="0"/>
                  </a:spcAft>
                  <a:defRPr/>
                </a:pPr>
                <a:endParaRPr lang="en-US" sz="1800">
                  <a:solidFill>
                    <a:prstClr val="black"/>
                  </a:solidFill>
                  <a:latin typeface="Calibri" panose="020F0502020204030204"/>
                  <a:cs typeface="Arial"/>
                  <a:sym typeface="Arial"/>
                </a:endParaRPr>
              </a:p>
            </p:txBody>
          </p:sp>
          <p:sp>
            <p:nvSpPr>
              <p:cNvPr id="28" name="Freeform 110">
                <a:extLst>
                  <a:ext uri="{FF2B5EF4-FFF2-40B4-BE49-F238E27FC236}">
                    <a16:creationId xmlns:a16="http://schemas.microsoft.com/office/drawing/2014/main" id="{72EE0C99-9041-4B63-7741-0A8DF96C80BF}"/>
                  </a:ext>
                </a:extLst>
              </p:cNvPr>
              <p:cNvSpPr/>
              <p:nvPr/>
            </p:nvSpPr>
            <p:spPr>
              <a:xfrm>
                <a:off x="1680991" y="2983688"/>
                <a:ext cx="249179" cy="124765"/>
              </a:xfrm>
              <a:custGeom>
                <a:avLst/>
                <a:gdLst>
                  <a:gd name="connsiteX0" fmla="*/ 114300 w 190500"/>
                  <a:gd name="connsiteY0" fmla="*/ 0 h 95384"/>
                  <a:gd name="connsiteX1" fmla="*/ 76200 w 190500"/>
                  <a:gd name="connsiteY1" fmla="*/ 0 h 95384"/>
                  <a:gd name="connsiteX2" fmla="*/ 0 w 190500"/>
                  <a:gd name="connsiteY2" fmla="*/ 76200 h 95384"/>
                  <a:gd name="connsiteX3" fmla="*/ 6620 w 190500"/>
                  <a:gd name="connsiteY3" fmla="*/ 85277 h 95384"/>
                  <a:gd name="connsiteX4" fmla="*/ 95250 w 190500"/>
                  <a:gd name="connsiteY4" fmla="*/ 95250 h 95384"/>
                  <a:gd name="connsiteX5" fmla="*/ 183880 w 190500"/>
                  <a:gd name="connsiteY5" fmla="*/ 85277 h 95384"/>
                  <a:gd name="connsiteX6" fmla="*/ 190500 w 190500"/>
                  <a:gd name="connsiteY6" fmla="*/ 76200 h 95384"/>
                  <a:gd name="connsiteX7" fmla="*/ 114300 w 190500"/>
                  <a:gd name="connsiteY7" fmla="*/ 0 h 953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90500" h="95384">
                    <a:moveTo>
                      <a:pt x="114300" y="0"/>
                    </a:moveTo>
                    <a:lnTo>
                      <a:pt x="76200" y="0"/>
                    </a:lnTo>
                    <a:cubicBezTo>
                      <a:pt x="34136" y="48"/>
                      <a:pt x="47" y="34136"/>
                      <a:pt x="0" y="76200"/>
                    </a:cubicBezTo>
                    <a:cubicBezTo>
                      <a:pt x="-3" y="80343"/>
                      <a:pt x="2674" y="84013"/>
                      <a:pt x="6620" y="85277"/>
                    </a:cubicBezTo>
                    <a:cubicBezTo>
                      <a:pt x="35546" y="92761"/>
                      <a:pt x="65384" y="96119"/>
                      <a:pt x="95250" y="95250"/>
                    </a:cubicBezTo>
                    <a:cubicBezTo>
                      <a:pt x="125116" y="96119"/>
                      <a:pt x="154955" y="92761"/>
                      <a:pt x="183880" y="85277"/>
                    </a:cubicBezTo>
                    <a:cubicBezTo>
                      <a:pt x="187826" y="84013"/>
                      <a:pt x="190503" y="80343"/>
                      <a:pt x="190500" y="76200"/>
                    </a:cubicBezTo>
                    <a:cubicBezTo>
                      <a:pt x="190452" y="34136"/>
                      <a:pt x="156364" y="48"/>
                      <a:pt x="114300" y="0"/>
                    </a:cubicBezTo>
                    <a:close/>
                  </a:path>
                </a:pathLst>
              </a:custGeom>
              <a:solidFill>
                <a:srgbClr val="114B5F"/>
              </a:solidFill>
              <a:ln w="0" cap="flat">
                <a:solidFill>
                  <a:srgbClr val="F76C6C"/>
                </a:solidFill>
                <a:prstDash val="solid"/>
                <a:miter/>
              </a:ln>
            </p:spPr>
            <p:txBody>
              <a:bodyPr rtlCol="0" anchor="ctr"/>
              <a:lstStyle/>
              <a:p>
                <a:pPr defTabSz="914400" eaLnBrk="1" fontAlgn="auto" hangingPunct="1">
                  <a:spcBef>
                    <a:spcPts val="0"/>
                  </a:spcBef>
                  <a:spcAft>
                    <a:spcPts val="0"/>
                  </a:spcAft>
                  <a:defRPr/>
                </a:pPr>
                <a:endParaRPr lang="en-US" sz="1800">
                  <a:solidFill>
                    <a:prstClr val="black"/>
                  </a:solidFill>
                  <a:latin typeface="Calibri" panose="020F0502020204030204"/>
                  <a:cs typeface="Arial"/>
                  <a:sym typeface="Arial"/>
                </a:endParaRPr>
              </a:p>
            </p:txBody>
          </p:sp>
          <p:sp>
            <p:nvSpPr>
              <p:cNvPr id="29" name="Freeform 111">
                <a:extLst>
                  <a:ext uri="{FF2B5EF4-FFF2-40B4-BE49-F238E27FC236}">
                    <a16:creationId xmlns:a16="http://schemas.microsoft.com/office/drawing/2014/main" id="{E0AF2A51-06BC-B6D0-5B8E-0A1E21A5685C}"/>
                  </a:ext>
                </a:extLst>
              </p:cNvPr>
              <p:cNvSpPr/>
              <p:nvPr/>
            </p:nvSpPr>
            <p:spPr>
              <a:xfrm>
                <a:off x="1737057" y="2809824"/>
                <a:ext cx="137048" cy="148946"/>
              </a:xfrm>
              <a:custGeom>
                <a:avLst/>
                <a:gdLst>
                  <a:gd name="connsiteX0" fmla="*/ 52388 w 104775"/>
                  <a:gd name="connsiteY0" fmla="*/ 113871 h 113871"/>
                  <a:gd name="connsiteX1" fmla="*/ 104775 w 104775"/>
                  <a:gd name="connsiteY1" fmla="*/ 52388 h 113871"/>
                  <a:gd name="connsiteX2" fmla="*/ 52388 w 104775"/>
                  <a:gd name="connsiteY2" fmla="*/ 0 h 113871"/>
                  <a:gd name="connsiteX3" fmla="*/ 0 w 104775"/>
                  <a:gd name="connsiteY3" fmla="*/ 52388 h 113871"/>
                  <a:gd name="connsiteX4" fmla="*/ 52388 w 104775"/>
                  <a:gd name="connsiteY4" fmla="*/ 113871 h 11387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4775" h="113871">
                    <a:moveTo>
                      <a:pt x="52388" y="113871"/>
                    </a:moveTo>
                    <a:cubicBezTo>
                      <a:pt x="81915" y="113871"/>
                      <a:pt x="104775" y="80820"/>
                      <a:pt x="104775" y="52388"/>
                    </a:cubicBezTo>
                    <a:cubicBezTo>
                      <a:pt x="104775" y="23455"/>
                      <a:pt x="81321" y="0"/>
                      <a:pt x="52388" y="0"/>
                    </a:cubicBezTo>
                    <a:cubicBezTo>
                      <a:pt x="23455" y="0"/>
                      <a:pt x="0" y="23455"/>
                      <a:pt x="0" y="52388"/>
                    </a:cubicBezTo>
                    <a:cubicBezTo>
                      <a:pt x="0" y="80820"/>
                      <a:pt x="22860" y="113871"/>
                      <a:pt x="52388" y="113871"/>
                    </a:cubicBezTo>
                    <a:close/>
                  </a:path>
                </a:pathLst>
              </a:custGeom>
              <a:solidFill>
                <a:srgbClr val="114B5F"/>
              </a:solidFill>
              <a:ln w="0" cap="flat">
                <a:solidFill>
                  <a:srgbClr val="F76C6C"/>
                </a:solidFill>
                <a:prstDash val="solid"/>
                <a:miter/>
              </a:ln>
            </p:spPr>
            <p:txBody>
              <a:bodyPr rtlCol="0" anchor="ctr"/>
              <a:lstStyle/>
              <a:p>
                <a:pPr defTabSz="914400" eaLnBrk="1" fontAlgn="auto" hangingPunct="1">
                  <a:spcBef>
                    <a:spcPts val="0"/>
                  </a:spcBef>
                  <a:spcAft>
                    <a:spcPts val="0"/>
                  </a:spcAft>
                  <a:defRPr/>
                </a:pPr>
                <a:endParaRPr lang="en-US" sz="1800">
                  <a:solidFill>
                    <a:prstClr val="black"/>
                  </a:solidFill>
                  <a:latin typeface="Calibri" panose="020F0502020204030204"/>
                  <a:cs typeface="Arial"/>
                  <a:sym typeface="Arial"/>
                </a:endParaRPr>
              </a:p>
            </p:txBody>
          </p:sp>
        </p:grpSp>
        <p:grpSp>
          <p:nvGrpSpPr>
            <p:cNvPr id="12" name="Group 11">
              <a:extLst>
                <a:ext uri="{FF2B5EF4-FFF2-40B4-BE49-F238E27FC236}">
                  <a16:creationId xmlns:a16="http://schemas.microsoft.com/office/drawing/2014/main" id="{DE7AB36A-29ED-C69F-87BF-4DEB2557ADD4}"/>
                </a:ext>
              </a:extLst>
            </p:cNvPr>
            <p:cNvGrpSpPr/>
            <p:nvPr/>
          </p:nvGrpSpPr>
          <p:grpSpPr>
            <a:xfrm>
              <a:off x="5923950" y="5083085"/>
              <a:ext cx="468547" cy="520808"/>
              <a:chOff x="1504591" y="2624109"/>
              <a:chExt cx="602513" cy="669717"/>
            </a:xfrm>
          </p:grpSpPr>
          <p:sp>
            <p:nvSpPr>
              <p:cNvPr id="16" name="Graphic 13">
                <a:extLst>
                  <a:ext uri="{FF2B5EF4-FFF2-40B4-BE49-F238E27FC236}">
                    <a16:creationId xmlns:a16="http://schemas.microsoft.com/office/drawing/2014/main" id="{2144D231-6FDD-6165-39D5-ADC0A4478A09}"/>
                  </a:ext>
                </a:extLst>
              </p:cNvPr>
              <p:cNvSpPr/>
              <p:nvPr/>
            </p:nvSpPr>
            <p:spPr>
              <a:xfrm>
                <a:off x="1504591" y="2624109"/>
                <a:ext cx="602513" cy="669717"/>
              </a:xfrm>
              <a:custGeom>
                <a:avLst/>
                <a:gdLst>
                  <a:gd name="connsiteX0" fmla="*/ 602514 w 602513"/>
                  <a:gd name="connsiteY0" fmla="*/ 463263 h 669717"/>
                  <a:gd name="connsiteX1" fmla="*/ 602514 w 602513"/>
                  <a:gd name="connsiteY1" fmla="*/ 206456 h 669717"/>
                  <a:gd name="connsiteX2" fmla="*/ 563383 w 602513"/>
                  <a:gd name="connsiteY2" fmla="*/ 138860 h 669717"/>
                  <a:gd name="connsiteX3" fmla="*/ 340387 w 602513"/>
                  <a:gd name="connsiteY3" fmla="*/ 10457 h 669717"/>
                  <a:gd name="connsiteX4" fmla="*/ 262126 w 602513"/>
                  <a:gd name="connsiteY4" fmla="*/ 10457 h 669717"/>
                  <a:gd name="connsiteX5" fmla="*/ 39131 w 602513"/>
                  <a:gd name="connsiteY5" fmla="*/ 138860 h 669717"/>
                  <a:gd name="connsiteX6" fmla="*/ 0 w 602513"/>
                  <a:gd name="connsiteY6" fmla="*/ 206456 h 669717"/>
                  <a:gd name="connsiteX7" fmla="*/ 0 w 602513"/>
                  <a:gd name="connsiteY7" fmla="*/ 463263 h 669717"/>
                  <a:gd name="connsiteX8" fmla="*/ 39131 w 602513"/>
                  <a:gd name="connsiteY8" fmla="*/ 530858 h 669717"/>
                  <a:gd name="connsiteX9" fmla="*/ 262126 w 602513"/>
                  <a:gd name="connsiteY9" fmla="*/ 659260 h 669717"/>
                  <a:gd name="connsiteX10" fmla="*/ 340387 w 602513"/>
                  <a:gd name="connsiteY10" fmla="*/ 659260 h 669717"/>
                  <a:gd name="connsiteX11" fmla="*/ 563383 w 602513"/>
                  <a:gd name="connsiteY11" fmla="*/ 530858 h 669717"/>
                  <a:gd name="connsiteX12" fmla="*/ 602514 w 602513"/>
                  <a:gd name="connsiteY12" fmla="*/ 463263 h 6697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602513" h="669717">
                    <a:moveTo>
                      <a:pt x="602514" y="463263"/>
                    </a:moveTo>
                    <a:lnTo>
                      <a:pt x="602514" y="206456"/>
                    </a:lnTo>
                    <a:cubicBezTo>
                      <a:pt x="602514" y="178570"/>
                      <a:pt x="587599" y="152803"/>
                      <a:pt x="563383" y="138860"/>
                    </a:cubicBezTo>
                    <a:lnTo>
                      <a:pt x="340387" y="10457"/>
                    </a:lnTo>
                    <a:cubicBezTo>
                      <a:pt x="316173" y="-3486"/>
                      <a:pt x="286340" y="-3486"/>
                      <a:pt x="262126" y="10457"/>
                    </a:cubicBezTo>
                    <a:lnTo>
                      <a:pt x="39131" y="138860"/>
                    </a:lnTo>
                    <a:cubicBezTo>
                      <a:pt x="14917" y="152803"/>
                      <a:pt x="0" y="178570"/>
                      <a:pt x="0" y="206456"/>
                    </a:cubicBezTo>
                    <a:lnTo>
                      <a:pt x="0" y="463263"/>
                    </a:lnTo>
                    <a:cubicBezTo>
                      <a:pt x="0" y="491148"/>
                      <a:pt x="14917" y="516916"/>
                      <a:pt x="39131" y="530858"/>
                    </a:cubicBezTo>
                    <a:lnTo>
                      <a:pt x="262126" y="659260"/>
                    </a:lnTo>
                    <a:cubicBezTo>
                      <a:pt x="286340" y="673203"/>
                      <a:pt x="316173" y="673203"/>
                      <a:pt x="340387" y="659260"/>
                    </a:cubicBezTo>
                    <a:lnTo>
                      <a:pt x="563383" y="530858"/>
                    </a:lnTo>
                    <a:cubicBezTo>
                      <a:pt x="587599" y="516916"/>
                      <a:pt x="602514" y="491148"/>
                      <a:pt x="602514" y="463263"/>
                    </a:cubicBezTo>
                    <a:close/>
                  </a:path>
                </a:pathLst>
              </a:custGeom>
              <a:solidFill>
                <a:sysClr val="window" lastClr="FFFFFF"/>
              </a:solidFill>
              <a:ln w="0" cap="flat">
                <a:solidFill>
                  <a:srgbClr val="F76C6C"/>
                </a:solidFill>
                <a:prstDash val="solid"/>
                <a:miter/>
              </a:ln>
            </p:spPr>
            <p:txBody>
              <a:bodyPr rtlCol="0" anchor="ctr"/>
              <a:lstStyle/>
              <a:p>
                <a:pPr defTabSz="914400" eaLnBrk="1" fontAlgn="auto" hangingPunct="1">
                  <a:spcBef>
                    <a:spcPts val="0"/>
                  </a:spcBef>
                  <a:spcAft>
                    <a:spcPts val="0"/>
                  </a:spcAft>
                  <a:defRPr/>
                </a:pPr>
                <a:endParaRPr lang="en-US" sz="1800">
                  <a:solidFill>
                    <a:prstClr val="black"/>
                  </a:solidFill>
                  <a:latin typeface="Calibri" panose="020F0502020204030204"/>
                  <a:cs typeface="Arial"/>
                  <a:sym typeface="Arial"/>
                </a:endParaRPr>
              </a:p>
            </p:txBody>
          </p:sp>
          <p:sp>
            <p:nvSpPr>
              <p:cNvPr id="18" name="Freeform 114">
                <a:extLst>
                  <a:ext uri="{FF2B5EF4-FFF2-40B4-BE49-F238E27FC236}">
                    <a16:creationId xmlns:a16="http://schemas.microsoft.com/office/drawing/2014/main" id="{E7B5BF01-FBD2-7CAA-9E52-2CA30EDEC5FA}"/>
                  </a:ext>
                </a:extLst>
              </p:cNvPr>
              <p:cNvSpPr/>
              <p:nvPr/>
            </p:nvSpPr>
            <p:spPr>
              <a:xfrm>
                <a:off x="1680991" y="2983688"/>
                <a:ext cx="249179" cy="124765"/>
              </a:xfrm>
              <a:custGeom>
                <a:avLst/>
                <a:gdLst>
                  <a:gd name="connsiteX0" fmla="*/ 114300 w 190500"/>
                  <a:gd name="connsiteY0" fmla="*/ 0 h 95384"/>
                  <a:gd name="connsiteX1" fmla="*/ 76200 w 190500"/>
                  <a:gd name="connsiteY1" fmla="*/ 0 h 95384"/>
                  <a:gd name="connsiteX2" fmla="*/ 0 w 190500"/>
                  <a:gd name="connsiteY2" fmla="*/ 76200 h 95384"/>
                  <a:gd name="connsiteX3" fmla="*/ 6620 w 190500"/>
                  <a:gd name="connsiteY3" fmla="*/ 85277 h 95384"/>
                  <a:gd name="connsiteX4" fmla="*/ 95250 w 190500"/>
                  <a:gd name="connsiteY4" fmla="*/ 95250 h 95384"/>
                  <a:gd name="connsiteX5" fmla="*/ 183880 w 190500"/>
                  <a:gd name="connsiteY5" fmla="*/ 85277 h 95384"/>
                  <a:gd name="connsiteX6" fmla="*/ 190500 w 190500"/>
                  <a:gd name="connsiteY6" fmla="*/ 76200 h 95384"/>
                  <a:gd name="connsiteX7" fmla="*/ 114300 w 190500"/>
                  <a:gd name="connsiteY7" fmla="*/ 0 h 953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90500" h="95384">
                    <a:moveTo>
                      <a:pt x="114300" y="0"/>
                    </a:moveTo>
                    <a:lnTo>
                      <a:pt x="76200" y="0"/>
                    </a:lnTo>
                    <a:cubicBezTo>
                      <a:pt x="34136" y="48"/>
                      <a:pt x="47" y="34136"/>
                      <a:pt x="0" y="76200"/>
                    </a:cubicBezTo>
                    <a:cubicBezTo>
                      <a:pt x="-3" y="80343"/>
                      <a:pt x="2674" y="84013"/>
                      <a:pt x="6620" y="85277"/>
                    </a:cubicBezTo>
                    <a:cubicBezTo>
                      <a:pt x="35546" y="92761"/>
                      <a:pt x="65384" y="96119"/>
                      <a:pt x="95250" y="95250"/>
                    </a:cubicBezTo>
                    <a:cubicBezTo>
                      <a:pt x="125116" y="96119"/>
                      <a:pt x="154955" y="92761"/>
                      <a:pt x="183880" y="85277"/>
                    </a:cubicBezTo>
                    <a:cubicBezTo>
                      <a:pt x="187826" y="84013"/>
                      <a:pt x="190503" y="80343"/>
                      <a:pt x="190500" y="76200"/>
                    </a:cubicBezTo>
                    <a:cubicBezTo>
                      <a:pt x="190452" y="34136"/>
                      <a:pt x="156364" y="48"/>
                      <a:pt x="114300" y="0"/>
                    </a:cubicBezTo>
                    <a:close/>
                  </a:path>
                </a:pathLst>
              </a:custGeom>
              <a:solidFill>
                <a:srgbClr val="114B5F"/>
              </a:solidFill>
              <a:ln w="0" cap="flat">
                <a:solidFill>
                  <a:srgbClr val="F76C6C"/>
                </a:solidFill>
                <a:prstDash val="solid"/>
                <a:miter/>
              </a:ln>
            </p:spPr>
            <p:txBody>
              <a:bodyPr rtlCol="0" anchor="ctr"/>
              <a:lstStyle/>
              <a:p>
                <a:pPr defTabSz="914400" eaLnBrk="1" fontAlgn="auto" hangingPunct="1">
                  <a:spcBef>
                    <a:spcPts val="0"/>
                  </a:spcBef>
                  <a:spcAft>
                    <a:spcPts val="0"/>
                  </a:spcAft>
                  <a:defRPr/>
                </a:pPr>
                <a:endParaRPr lang="en-US" sz="1800">
                  <a:solidFill>
                    <a:prstClr val="black"/>
                  </a:solidFill>
                  <a:latin typeface="Calibri" panose="020F0502020204030204"/>
                  <a:cs typeface="Arial"/>
                  <a:sym typeface="Arial"/>
                </a:endParaRPr>
              </a:p>
            </p:txBody>
          </p:sp>
          <p:sp>
            <p:nvSpPr>
              <p:cNvPr id="25" name="Freeform 115">
                <a:extLst>
                  <a:ext uri="{FF2B5EF4-FFF2-40B4-BE49-F238E27FC236}">
                    <a16:creationId xmlns:a16="http://schemas.microsoft.com/office/drawing/2014/main" id="{FF9F6D95-2476-64E8-93B2-ECDA6D3A2399}"/>
                  </a:ext>
                </a:extLst>
              </p:cNvPr>
              <p:cNvSpPr/>
              <p:nvPr/>
            </p:nvSpPr>
            <p:spPr>
              <a:xfrm>
                <a:off x="1737057" y="2809824"/>
                <a:ext cx="137048" cy="148946"/>
              </a:xfrm>
              <a:custGeom>
                <a:avLst/>
                <a:gdLst>
                  <a:gd name="connsiteX0" fmla="*/ 52388 w 104775"/>
                  <a:gd name="connsiteY0" fmla="*/ 113871 h 113871"/>
                  <a:gd name="connsiteX1" fmla="*/ 104775 w 104775"/>
                  <a:gd name="connsiteY1" fmla="*/ 52388 h 113871"/>
                  <a:gd name="connsiteX2" fmla="*/ 52388 w 104775"/>
                  <a:gd name="connsiteY2" fmla="*/ 0 h 113871"/>
                  <a:gd name="connsiteX3" fmla="*/ 0 w 104775"/>
                  <a:gd name="connsiteY3" fmla="*/ 52388 h 113871"/>
                  <a:gd name="connsiteX4" fmla="*/ 52388 w 104775"/>
                  <a:gd name="connsiteY4" fmla="*/ 113871 h 11387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4775" h="113871">
                    <a:moveTo>
                      <a:pt x="52388" y="113871"/>
                    </a:moveTo>
                    <a:cubicBezTo>
                      <a:pt x="81915" y="113871"/>
                      <a:pt x="104775" y="80820"/>
                      <a:pt x="104775" y="52388"/>
                    </a:cubicBezTo>
                    <a:cubicBezTo>
                      <a:pt x="104775" y="23455"/>
                      <a:pt x="81321" y="0"/>
                      <a:pt x="52388" y="0"/>
                    </a:cubicBezTo>
                    <a:cubicBezTo>
                      <a:pt x="23455" y="0"/>
                      <a:pt x="0" y="23455"/>
                      <a:pt x="0" y="52388"/>
                    </a:cubicBezTo>
                    <a:cubicBezTo>
                      <a:pt x="0" y="80820"/>
                      <a:pt x="22860" y="113871"/>
                      <a:pt x="52388" y="113871"/>
                    </a:cubicBezTo>
                    <a:close/>
                  </a:path>
                </a:pathLst>
              </a:custGeom>
              <a:solidFill>
                <a:srgbClr val="114B5F"/>
              </a:solidFill>
              <a:ln w="0" cap="flat">
                <a:solidFill>
                  <a:srgbClr val="F76C6C"/>
                </a:solidFill>
                <a:prstDash val="solid"/>
                <a:miter/>
              </a:ln>
            </p:spPr>
            <p:txBody>
              <a:bodyPr rtlCol="0" anchor="ctr"/>
              <a:lstStyle/>
              <a:p>
                <a:pPr defTabSz="914400" eaLnBrk="1" fontAlgn="auto" hangingPunct="1">
                  <a:spcBef>
                    <a:spcPts val="0"/>
                  </a:spcBef>
                  <a:spcAft>
                    <a:spcPts val="0"/>
                  </a:spcAft>
                  <a:defRPr/>
                </a:pPr>
                <a:endParaRPr lang="en-US" sz="1800">
                  <a:solidFill>
                    <a:prstClr val="black"/>
                  </a:solidFill>
                  <a:latin typeface="Calibri" panose="020F0502020204030204"/>
                  <a:cs typeface="Arial"/>
                  <a:sym typeface="Arial"/>
                </a:endParaRPr>
              </a:p>
            </p:txBody>
          </p:sp>
        </p:grpSp>
      </p:grpSp>
      <p:grpSp>
        <p:nvGrpSpPr>
          <p:cNvPr id="37" name="Group 36">
            <a:extLst>
              <a:ext uri="{FF2B5EF4-FFF2-40B4-BE49-F238E27FC236}">
                <a16:creationId xmlns:a16="http://schemas.microsoft.com/office/drawing/2014/main" id="{3BB2536C-630A-82C8-3664-33183A8A51E8}"/>
              </a:ext>
            </a:extLst>
          </p:cNvPr>
          <p:cNvGrpSpPr/>
          <p:nvPr/>
        </p:nvGrpSpPr>
        <p:grpSpPr>
          <a:xfrm>
            <a:off x="6120768" y="7138536"/>
            <a:ext cx="2393985" cy="2463170"/>
            <a:chOff x="2182104" y="3970955"/>
            <a:chExt cx="1503367" cy="1448734"/>
          </a:xfrm>
        </p:grpSpPr>
        <p:grpSp>
          <p:nvGrpSpPr>
            <p:cNvPr id="38" name="Group 37">
              <a:extLst>
                <a:ext uri="{FF2B5EF4-FFF2-40B4-BE49-F238E27FC236}">
                  <a16:creationId xmlns:a16="http://schemas.microsoft.com/office/drawing/2014/main" id="{A5A5C96A-B1C7-9087-A64D-DECE4FBAF1C0}"/>
                </a:ext>
              </a:extLst>
            </p:cNvPr>
            <p:cNvGrpSpPr/>
            <p:nvPr/>
          </p:nvGrpSpPr>
          <p:grpSpPr>
            <a:xfrm>
              <a:off x="2798961" y="4898881"/>
              <a:ext cx="468547" cy="520808"/>
              <a:chOff x="1504591" y="2624109"/>
              <a:chExt cx="602513" cy="669717"/>
            </a:xfrm>
          </p:grpSpPr>
          <p:sp>
            <p:nvSpPr>
              <p:cNvPr id="52" name="Graphic 13">
                <a:extLst>
                  <a:ext uri="{FF2B5EF4-FFF2-40B4-BE49-F238E27FC236}">
                    <a16:creationId xmlns:a16="http://schemas.microsoft.com/office/drawing/2014/main" id="{082DFEB0-DEB8-D966-D42D-7615C273656A}"/>
                  </a:ext>
                </a:extLst>
              </p:cNvPr>
              <p:cNvSpPr/>
              <p:nvPr/>
            </p:nvSpPr>
            <p:spPr>
              <a:xfrm>
                <a:off x="1504591" y="2624109"/>
                <a:ext cx="602513" cy="669717"/>
              </a:xfrm>
              <a:custGeom>
                <a:avLst/>
                <a:gdLst>
                  <a:gd name="connsiteX0" fmla="*/ 602514 w 602513"/>
                  <a:gd name="connsiteY0" fmla="*/ 463263 h 669717"/>
                  <a:gd name="connsiteX1" fmla="*/ 602514 w 602513"/>
                  <a:gd name="connsiteY1" fmla="*/ 206456 h 669717"/>
                  <a:gd name="connsiteX2" fmla="*/ 563383 w 602513"/>
                  <a:gd name="connsiteY2" fmla="*/ 138860 h 669717"/>
                  <a:gd name="connsiteX3" fmla="*/ 340387 w 602513"/>
                  <a:gd name="connsiteY3" fmla="*/ 10457 h 669717"/>
                  <a:gd name="connsiteX4" fmla="*/ 262126 w 602513"/>
                  <a:gd name="connsiteY4" fmla="*/ 10457 h 669717"/>
                  <a:gd name="connsiteX5" fmla="*/ 39131 w 602513"/>
                  <a:gd name="connsiteY5" fmla="*/ 138860 h 669717"/>
                  <a:gd name="connsiteX6" fmla="*/ 0 w 602513"/>
                  <a:gd name="connsiteY6" fmla="*/ 206456 h 669717"/>
                  <a:gd name="connsiteX7" fmla="*/ 0 w 602513"/>
                  <a:gd name="connsiteY7" fmla="*/ 463263 h 669717"/>
                  <a:gd name="connsiteX8" fmla="*/ 39131 w 602513"/>
                  <a:gd name="connsiteY8" fmla="*/ 530858 h 669717"/>
                  <a:gd name="connsiteX9" fmla="*/ 262126 w 602513"/>
                  <a:gd name="connsiteY9" fmla="*/ 659260 h 669717"/>
                  <a:gd name="connsiteX10" fmla="*/ 340387 w 602513"/>
                  <a:gd name="connsiteY10" fmla="*/ 659260 h 669717"/>
                  <a:gd name="connsiteX11" fmla="*/ 563383 w 602513"/>
                  <a:gd name="connsiteY11" fmla="*/ 530858 h 669717"/>
                  <a:gd name="connsiteX12" fmla="*/ 602514 w 602513"/>
                  <a:gd name="connsiteY12" fmla="*/ 463263 h 6697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602513" h="669717">
                    <a:moveTo>
                      <a:pt x="602514" y="463263"/>
                    </a:moveTo>
                    <a:lnTo>
                      <a:pt x="602514" y="206456"/>
                    </a:lnTo>
                    <a:cubicBezTo>
                      <a:pt x="602514" y="178570"/>
                      <a:pt x="587599" y="152803"/>
                      <a:pt x="563383" y="138860"/>
                    </a:cubicBezTo>
                    <a:lnTo>
                      <a:pt x="340387" y="10457"/>
                    </a:lnTo>
                    <a:cubicBezTo>
                      <a:pt x="316173" y="-3486"/>
                      <a:pt x="286340" y="-3486"/>
                      <a:pt x="262126" y="10457"/>
                    </a:cubicBezTo>
                    <a:lnTo>
                      <a:pt x="39131" y="138860"/>
                    </a:lnTo>
                    <a:cubicBezTo>
                      <a:pt x="14917" y="152803"/>
                      <a:pt x="0" y="178570"/>
                      <a:pt x="0" y="206456"/>
                    </a:cubicBezTo>
                    <a:lnTo>
                      <a:pt x="0" y="463263"/>
                    </a:lnTo>
                    <a:cubicBezTo>
                      <a:pt x="0" y="491148"/>
                      <a:pt x="14917" y="516916"/>
                      <a:pt x="39131" y="530858"/>
                    </a:cubicBezTo>
                    <a:lnTo>
                      <a:pt x="262126" y="659260"/>
                    </a:lnTo>
                    <a:cubicBezTo>
                      <a:pt x="286340" y="673203"/>
                      <a:pt x="316173" y="673203"/>
                      <a:pt x="340387" y="659260"/>
                    </a:cubicBezTo>
                    <a:lnTo>
                      <a:pt x="563383" y="530858"/>
                    </a:lnTo>
                    <a:cubicBezTo>
                      <a:pt x="587599" y="516916"/>
                      <a:pt x="602514" y="491148"/>
                      <a:pt x="602514" y="463263"/>
                    </a:cubicBezTo>
                    <a:close/>
                  </a:path>
                </a:pathLst>
              </a:custGeom>
              <a:solidFill>
                <a:sysClr val="window" lastClr="FFFFFF"/>
              </a:solidFill>
              <a:ln w="0" cap="flat">
                <a:solidFill>
                  <a:srgbClr val="114B5F"/>
                </a:solidFill>
                <a:prstDash val="solid"/>
                <a:miter/>
              </a:ln>
            </p:spPr>
            <p:txBody>
              <a:bodyPr rtlCol="0" anchor="ctr"/>
              <a:lstStyle/>
              <a:p>
                <a:pPr defTabSz="914400" eaLnBrk="1" fontAlgn="auto" hangingPunct="1">
                  <a:spcBef>
                    <a:spcPts val="0"/>
                  </a:spcBef>
                  <a:spcAft>
                    <a:spcPts val="0"/>
                  </a:spcAft>
                  <a:defRPr/>
                </a:pPr>
                <a:endParaRPr lang="en-US" sz="1800">
                  <a:solidFill>
                    <a:prstClr val="black"/>
                  </a:solidFill>
                  <a:latin typeface="Calibri" panose="020F0502020204030204"/>
                  <a:cs typeface="Arial"/>
                  <a:sym typeface="Arial"/>
                </a:endParaRPr>
              </a:p>
            </p:txBody>
          </p:sp>
          <p:sp>
            <p:nvSpPr>
              <p:cNvPr id="53" name="Freeform 126">
                <a:extLst>
                  <a:ext uri="{FF2B5EF4-FFF2-40B4-BE49-F238E27FC236}">
                    <a16:creationId xmlns:a16="http://schemas.microsoft.com/office/drawing/2014/main" id="{4B899445-DCE3-E41E-5DBD-0FF5F59B3C41}"/>
                  </a:ext>
                </a:extLst>
              </p:cNvPr>
              <p:cNvSpPr/>
              <p:nvPr/>
            </p:nvSpPr>
            <p:spPr>
              <a:xfrm>
                <a:off x="1680991" y="2983688"/>
                <a:ext cx="249179" cy="124765"/>
              </a:xfrm>
              <a:custGeom>
                <a:avLst/>
                <a:gdLst>
                  <a:gd name="connsiteX0" fmla="*/ 114300 w 190500"/>
                  <a:gd name="connsiteY0" fmla="*/ 0 h 95384"/>
                  <a:gd name="connsiteX1" fmla="*/ 76200 w 190500"/>
                  <a:gd name="connsiteY1" fmla="*/ 0 h 95384"/>
                  <a:gd name="connsiteX2" fmla="*/ 0 w 190500"/>
                  <a:gd name="connsiteY2" fmla="*/ 76200 h 95384"/>
                  <a:gd name="connsiteX3" fmla="*/ 6620 w 190500"/>
                  <a:gd name="connsiteY3" fmla="*/ 85277 h 95384"/>
                  <a:gd name="connsiteX4" fmla="*/ 95250 w 190500"/>
                  <a:gd name="connsiteY4" fmla="*/ 95250 h 95384"/>
                  <a:gd name="connsiteX5" fmla="*/ 183880 w 190500"/>
                  <a:gd name="connsiteY5" fmla="*/ 85277 h 95384"/>
                  <a:gd name="connsiteX6" fmla="*/ 190500 w 190500"/>
                  <a:gd name="connsiteY6" fmla="*/ 76200 h 95384"/>
                  <a:gd name="connsiteX7" fmla="*/ 114300 w 190500"/>
                  <a:gd name="connsiteY7" fmla="*/ 0 h 953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90500" h="95384">
                    <a:moveTo>
                      <a:pt x="114300" y="0"/>
                    </a:moveTo>
                    <a:lnTo>
                      <a:pt x="76200" y="0"/>
                    </a:lnTo>
                    <a:cubicBezTo>
                      <a:pt x="34136" y="48"/>
                      <a:pt x="47" y="34136"/>
                      <a:pt x="0" y="76200"/>
                    </a:cubicBezTo>
                    <a:cubicBezTo>
                      <a:pt x="-3" y="80343"/>
                      <a:pt x="2674" y="84013"/>
                      <a:pt x="6620" y="85277"/>
                    </a:cubicBezTo>
                    <a:cubicBezTo>
                      <a:pt x="35546" y="92761"/>
                      <a:pt x="65384" y="96119"/>
                      <a:pt x="95250" y="95250"/>
                    </a:cubicBezTo>
                    <a:cubicBezTo>
                      <a:pt x="125116" y="96119"/>
                      <a:pt x="154955" y="92761"/>
                      <a:pt x="183880" y="85277"/>
                    </a:cubicBezTo>
                    <a:cubicBezTo>
                      <a:pt x="187826" y="84013"/>
                      <a:pt x="190503" y="80343"/>
                      <a:pt x="190500" y="76200"/>
                    </a:cubicBezTo>
                    <a:cubicBezTo>
                      <a:pt x="190452" y="34136"/>
                      <a:pt x="156364" y="48"/>
                      <a:pt x="114300" y="0"/>
                    </a:cubicBezTo>
                    <a:close/>
                  </a:path>
                </a:pathLst>
              </a:custGeom>
              <a:solidFill>
                <a:srgbClr val="F76C6C"/>
              </a:solidFill>
              <a:ln w="0" cap="flat">
                <a:solidFill>
                  <a:srgbClr val="114B5F"/>
                </a:solidFill>
                <a:prstDash val="solid"/>
                <a:miter/>
              </a:ln>
            </p:spPr>
            <p:txBody>
              <a:bodyPr rtlCol="0" anchor="ctr"/>
              <a:lstStyle/>
              <a:p>
                <a:pPr defTabSz="914400" eaLnBrk="1" fontAlgn="auto" hangingPunct="1">
                  <a:spcBef>
                    <a:spcPts val="0"/>
                  </a:spcBef>
                  <a:spcAft>
                    <a:spcPts val="0"/>
                  </a:spcAft>
                  <a:defRPr/>
                </a:pPr>
                <a:endParaRPr lang="en-US" sz="1800">
                  <a:solidFill>
                    <a:prstClr val="black"/>
                  </a:solidFill>
                  <a:latin typeface="Calibri" panose="020F0502020204030204"/>
                  <a:cs typeface="Arial"/>
                  <a:sym typeface="Arial"/>
                </a:endParaRPr>
              </a:p>
            </p:txBody>
          </p:sp>
          <p:sp>
            <p:nvSpPr>
              <p:cNvPr id="54" name="Freeform 127">
                <a:extLst>
                  <a:ext uri="{FF2B5EF4-FFF2-40B4-BE49-F238E27FC236}">
                    <a16:creationId xmlns:a16="http://schemas.microsoft.com/office/drawing/2014/main" id="{D53C3B5A-35B9-46DD-9508-6EDE18CD90C9}"/>
                  </a:ext>
                </a:extLst>
              </p:cNvPr>
              <p:cNvSpPr/>
              <p:nvPr/>
            </p:nvSpPr>
            <p:spPr>
              <a:xfrm>
                <a:off x="1737057" y="2809824"/>
                <a:ext cx="137048" cy="148946"/>
              </a:xfrm>
              <a:custGeom>
                <a:avLst/>
                <a:gdLst>
                  <a:gd name="connsiteX0" fmla="*/ 52388 w 104775"/>
                  <a:gd name="connsiteY0" fmla="*/ 113871 h 113871"/>
                  <a:gd name="connsiteX1" fmla="*/ 104775 w 104775"/>
                  <a:gd name="connsiteY1" fmla="*/ 52388 h 113871"/>
                  <a:gd name="connsiteX2" fmla="*/ 52388 w 104775"/>
                  <a:gd name="connsiteY2" fmla="*/ 0 h 113871"/>
                  <a:gd name="connsiteX3" fmla="*/ 0 w 104775"/>
                  <a:gd name="connsiteY3" fmla="*/ 52388 h 113871"/>
                  <a:gd name="connsiteX4" fmla="*/ 52388 w 104775"/>
                  <a:gd name="connsiteY4" fmla="*/ 113871 h 11387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4775" h="113871">
                    <a:moveTo>
                      <a:pt x="52388" y="113871"/>
                    </a:moveTo>
                    <a:cubicBezTo>
                      <a:pt x="81915" y="113871"/>
                      <a:pt x="104775" y="80820"/>
                      <a:pt x="104775" y="52388"/>
                    </a:cubicBezTo>
                    <a:cubicBezTo>
                      <a:pt x="104775" y="23455"/>
                      <a:pt x="81321" y="0"/>
                      <a:pt x="52388" y="0"/>
                    </a:cubicBezTo>
                    <a:cubicBezTo>
                      <a:pt x="23455" y="0"/>
                      <a:pt x="0" y="23455"/>
                      <a:pt x="0" y="52388"/>
                    </a:cubicBezTo>
                    <a:cubicBezTo>
                      <a:pt x="0" y="80820"/>
                      <a:pt x="22860" y="113871"/>
                      <a:pt x="52388" y="113871"/>
                    </a:cubicBezTo>
                    <a:close/>
                  </a:path>
                </a:pathLst>
              </a:custGeom>
              <a:solidFill>
                <a:srgbClr val="F76C6C"/>
              </a:solidFill>
              <a:ln w="0" cap="flat">
                <a:solidFill>
                  <a:srgbClr val="114B5F"/>
                </a:solidFill>
                <a:prstDash val="solid"/>
                <a:miter/>
              </a:ln>
            </p:spPr>
            <p:txBody>
              <a:bodyPr rtlCol="0" anchor="ctr"/>
              <a:lstStyle/>
              <a:p>
                <a:pPr defTabSz="914400" eaLnBrk="1" fontAlgn="auto" hangingPunct="1">
                  <a:spcBef>
                    <a:spcPts val="0"/>
                  </a:spcBef>
                  <a:spcAft>
                    <a:spcPts val="0"/>
                  </a:spcAft>
                  <a:defRPr/>
                </a:pPr>
                <a:endParaRPr lang="en-US" sz="1800">
                  <a:solidFill>
                    <a:prstClr val="black"/>
                  </a:solidFill>
                  <a:latin typeface="Calibri" panose="020F0502020204030204"/>
                  <a:cs typeface="Arial"/>
                  <a:sym typeface="Arial"/>
                </a:endParaRPr>
              </a:p>
            </p:txBody>
          </p:sp>
        </p:grpSp>
        <p:grpSp>
          <p:nvGrpSpPr>
            <p:cNvPr id="39" name="Group 38">
              <a:extLst>
                <a:ext uri="{FF2B5EF4-FFF2-40B4-BE49-F238E27FC236}">
                  <a16:creationId xmlns:a16="http://schemas.microsoft.com/office/drawing/2014/main" id="{6F7FF366-CB6A-EBC8-9E65-AA1B8D93E0C9}"/>
                </a:ext>
              </a:extLst>
            </p:cNvPr>
            <p:cNvGrpSpPr/>
            <p:nvPr/>
          </p:nvGrpSpPr>
          <p:grpSpPr>
            <a:xfrm>
              <a:off x="2182104" y="3970955"/>
              <a:ext cx="468547" cy="520808"/>
              <a:chOff x="-847410" y="2317708"/>
              <a:chExt cx="602513" cy="669717"/>
            </a:xfrm>
          </p:grpSpPr>
          <p:sp>
            <p:nvSpPr>
              <p:cNvPr id="49" name="Graphic 13">
                <a:extLst>
                  <a:ext uri="{FF2B5EF4-FFF2-40B4-BE49-F238E27FC236}">
                    <a16:creationId xmlns:a16="http://schemas.microsoft.com/office/drawing/2014/main" id="{76C6F5F3-231C-098F-C091-50102F5BE75D}"/>
                  </a:ext>
                </a:extLst>
              </p:cNvPr>
              <p:cNvSpPr/>
              <p:nvPr/>
            </p:nvSpPr>
            <p:spPr>
              <a:xfrm>
                <a:off x="-847410" y="2317708"/>
                <a:ext cx="602513" cy="669717"/>
              </a:xfrm>
              <a:custGeom>
                <a:avLst/>
                <a:gdLst>
                  <a:gd name="connsiteX0" fmla="*/ 602514 w 602513"/>
                  <a:gd name="connsiteY0" fmla="*/ 463263 h 669717"/>
                  <a:gd name="connsiteX1" fmla="*/ 602514 w 602513"/>
                  <a:gd name="connsiteY1" fmla="*/ 206456 h 669717"/>
                  <a:gd name="connsiteX2" fmla="*/ 563383 w 602513"/>
                  <a:gd name="connsiteY2" fmla="*/ 138860 h 669717"/>
                  <a:gd name="connsiteX3" fmla="*/ 340387 w 602513"/>
                  <a:gd name="connsiteY3" fmla="*/ 10457 h 669717"/>
                  <a:gd name="connsiteX4" fmla="*/ 262126 w 602513"/>
                  <a:gd name="connsiteY4" fmla="*/ 10457 h 669717"/>
                  <a:gd name="connsiteX5" fmla="*/ 39131 w 602513"/>
                  <a:gd name="connsiteY5" fmla="*/ 138860 h 669717"/>
                  <a:gd name="connsiteX6" fmla="*/ 0 w 602513"/>
                  <a:gd name="connsiteY6" fmla="*/ 206456 h 669717"/>
                  <a:gd name="connsiteX7" fmla="*/ 0 w 602513"/>
                  <a:gd name="connsiteY7" fmla="*/ 463263 h 669717"/>
                  <a:gd name="connsiteX8" fmla="*/ 39131 w 602513"/>
                  <a:gd name="connsiteY8" fmla="*/ 530858 h 669717"/>
                  <a:gd name="connsiteX9" fmla="*/ 262126 w 602513"/>
                  <a:gd name="connsiteY9" fmla="*/ 659260 h 669717"/>
                  <a:gd name="connsiteX10" fmla="*/ 340387 w 602513"/>
                  <a:gd name="connsiteY10" fmla="*/ 659260 h 669717"/>
                  <a:gd name="connsiteX11" fmla="*/ 563383 w 602513"/>
                  <a:gd name="connsiteY11" fmla="*/ 530858 h 669717"/>
                  <a:gd name="connsiteX12" fmla="*/ 602514 w 602513"/>
                  <a:gd name="connsiteY12" fmla="*/ 463263 h 6697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602513" h="669717">
                    <a:moveTo>
                      <a:pt x="602514" y="463263"/>
                    </a:moveTo>
                    <a:lnTo>
                      <a:pt x="602514" y="206456"/>
                    </a:lnTo>
                    <a:cubicBezTo>
                      <a:pt x="602514" y="178570"/>
                      <a:pt x="587599" y="152803"/>
                      <a:pt x="563383" y="138860"/>
                    </a:cubicBezTo>
                    <a:lnTo>
                      <a:pt x="340387" y="10457"/>
                    </a:lnTo>
                    <a:cubicBezTo>
                      <a:pt x="316173" y="-3486"/>
                      <a:pt x="286340" y="-3486"/>
                      <a:pt x="262126" y="10457"/>
                    </a:cubicBezTo>
                    <a:lnTo>
                      <a:pt x="39131" y="138860"/>
                    </a:lnTo>
                    <a:cubicBezTo>
                      <a:pt x="14917" y="152803"/>
                      <a:pt x="0" y="178570"/>
                      <a:pt x="0" y="206456"/>
                    </a:cubicBezTo>
                    <a:lnTo>
                      <a:pt x="0" y="463263"/>
                    </a:lnTo>
                    <a:cubicBezTo>
                      <a:pt x="0" y="491148"/>
                      <a:pt x="14917" y="516916"/>
                      <a:pt x="39131" y="530858"/>
                    </a:cubicBezTo>
                    <a:lnTo>
                      <a:pt x="262126" y="659260"/>
                    </a:lnTo>
                    <a:cubicBezTo>
                      <a:pt x="286340" y="673203"/>
                      <a:pt x="316173" y="673203"/>
                      <a:pt x="340387" y="659260"/>
                    </a:cubicBezTo>
                    <a:lnTo>
                      <a:pt x="563383" y="530858"/>
                    </a:lnTo>
                    <a:cubicBezTo>
                      <a:pt x="587599" y="516916"/>
                      <a:pt x="602514" y="491148"/>
                      <a:pt x="602514" y="463263"/>
                    </a:cubicBezTo>
                    <a:close/>
                  </a:path>
                </a:pathLst>
              </a:custGeom>
              <a:solidFill>
                <a:sysClr val="window" lastClr="FFFFFF"/>
              </a:solidFill>
              <a:ln w="0" cap="flat">
                <a:solidFill>
                  <a:srgbClr val="114B5F"/>
                </a:solidFill>
                <a:prstDash val="solid"/>
                <a:miter/>
              </a:ln>
            </p:spPr>
            <p:txBody>
              <a:bodyPr rtlCol="0" anchor="ctr"/>
              <a:lstStyle/>
              <a:p>
                <a:pPr defTabSz="914400" eaLnBrk="1" fontAlgn="auto" hangingPunct="1">
                  <a:spcBef>
                    <a:spcPts val="0"/>
                  </a:spcBef>
                  <a:spcAft>
                    <a:spcPts val="0"/>
                  </a:spcAft>
                  <a:defRPr/>
                </a:pPr>
                <a:endParaRPr lang="en-US" sz="1800">
                  <a:solidFill>
                    <a:prstClr val="black"/>
                  </a:solidFill>
                  <a:latin typeface="Calibri" panose="020F0502020204030204"/>
                  <a:cs typeface="Arial"/>
                  <a:sym typeface="Arial"/>
                </a:endParaRPr>
              </a:p>
            </p:txBody>
          </p:sp>
          <p:sp>
            <p:nvSpPr>
              <p:cNvPr id="50" name="Freeform 130">
                <a:extLst>
                  <a:ext uri="{FF2B5EF4-FFF2-40B4-BE49-F238E27FC236}">
                    <a16:creationId xmlns:a16="http://schemas.microsoft.com/office/drawing/2014/main" id="{66CD9D22-AF48-55D2-82B3-818143EA09DA}"/>
                  </a:ext>
                </a:extLst>
              </p:cNvPr>
              <p:cNvSpPr/>
              <p:nvPr/>
            </p:nvSpPr>
            <p:spPr>
              <a:xfrm>
                <a:off x="-671010" y="2677287"/>
                <a:ext cx="249179" cy="124765"/>
              </a:xfrm>
              <a:custGeom>
                <a:avLst/>
                <a:gdLst>
                  <a:gd name="connsiteX0" fmla="*/ 114300 w 190500"/>
                  <a:gd name="connsiteY0" fmla="*/ 0 h 95384"/>
                  <a:gd name="connsiteX1" fmla="*/ 76200 w 190500"/>
                  <a:gd name="connsiteY1" fmla="*/ 0 h 95384"/>
                  <a:gd name="connsiteX2" fmla="*/ 0 w 190500"/>
                  <a:gd name="connsiteY2" fmla="*/ 76200 h 95384"/>
                  <a:gd name="connsiteX3" fmla="*/ 6620 w 190500"/>
                  <a:gd name="connsiteY3" fmla="*/ 85277 h 95384"/>
                  <a:gd name="connsiteX4" fmla="*/ 95250 w 190500"/>
                  <a:gd name="connsiteY4" fmla="*/ 95250 h 95384"/>
                  <a:gd name="connsiteX5" fmla="*/ 183880 w 190500"/>
                  <a:gd name="connsiteY5" fmla="*/ 85277 h 95384"/>
                  <a:gd name="connsiteX6" fmla="*/ 190500 w 190500"/>
                  <a:gd name="connsiteY6" fmla="*/ 76200 h 95384"/>
                  <a:gd name="connsiteX7" fmla="*/ 114300 w 190500"/>
                  <a:gd name="connsiteY7" fmla="*/ 0 h 953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90500" h="95384">
                    <a:moveTo>
                      <a:pt x="114300" y="0"/>
                    </a:moveTo>
                    <a:lnTo>
                      <a:pt x="76200" y="0"/>
                    </a:lnTo>
                    <a:cubicBezTo>
                      <a:pt x="34136" y="48"/>
                      <a:pt x="47" y="34136"/>
                      <a:pt x="0" y="76200"/>
                    </a:cubicBezTo>
                    <a:cubicBezTo>
                      <a:pt x="-3" y="80343"/>
                      <a:pt x="2674" y="84013"/>
                      <a:pt x="6620" y="85277"/>
                    </a:cubicBezTo>
                    <a:cubicBezTo>
                      <a:pt x="35546" y="92761"/>
                      <a:pt x="65384" y="96119"/>
                      <a:pt x="95250" y="95250"/>
                    </a:cubicBezTo>
                    <a:cubicBezTo>
                      <a:pt x="125116" y="96119"/>
                      <a:pt x="154955" y="92761"/>
                      <a:pt x="183880" y="85277"/>
                    </a:cubicBezTo>
                    <a:cubicBezTo>
                      <a:pt x="187826" y="84013"/>
                      <a:pt x="190503" y="80343"/>
                      <a:pt x="190500" y="76200"/>
                    </a:cubicBezTo>
                    <a:cubicBezTo>
                      <a:pt x="190452" y="34136"/>
                      <a:pt x="156364" y="48"/>
                      <a:pt x="114300" y="0"/>
                    </a:cubicBezTo>
                    <a:close/>
                  </a:path>
                </a:pathLst>
              </a:custGeom>
              <a:solidFill>
                <a:srgbClr val="F76C6C"/>
              </a:solidFill>
              <a:ln w="0" cap="flat">
                <a:solidFill>
                  <a:srgbClr val="114B5F"/>
                </a:solidFill>
                <a:prstDash val="solid"/>
                <a:miter/>
              </a:ln>
            </p:spPr>
            <p:txBody>
              <a:bodyPr rtlCol="0" anchor="ctr"/>
              <a:lstStyle/>
              <a:p>
                <a:pPr defTabSz="914400" eaLnBrk="1" fontAlgn="auto" hangingPunct="1">
                  <a:spcBef>
                    <a:spcPts val="0"/>
                  </a:spcBef>
                  <a:spcAft>
                    <a:spcPts val="0"/>
                  </a:spcAft>
                  <a:defRPr/>
                </a:pPr>
                <a:endParaRPr lang="en-US" sz="1800">
                  <a:solidFill>
                    <a:prstClr val="black"/>
                  </a:solidFill>
                  <a:latin typeface="Calibri" panose="020F0502020204030204"/>
                  <a:cs typeface="Arial"/>
                  <a:sym typeface="Arial"/>
                </a:endParaRPr>
              </a:p>
            </p:txBody>
          </p:sp>
          <p:sp>
            <p:nvSpPr>
              <p:cNvPr id="51" name="Freeform 131">
                <a:extLst>
                  <a:ext uri="{FF2B5EF4-FFF2-40B4-BE49-F238E27FC236}">
                    <a16:creationId xmlns:a16="http://schemas.microsoft.com/office/drawing/2014/main" id="{D61E8F63-A7A3-D31B-D193-675EFF8350E3}"/>
                  </a:ext>
                </a:extLst>
              </p:cNvPr>
              <p:cNvSpPr/>
              <p:nvPr/>
            </p:nvSpPr>
            <p:spPr>
              <a:xfrm>
                <a:off x="-614944" y="2503423"/>
                <a:ext cx="137048" cy="148945"/>
              </a:xfrm>
              <a:custGeom>
                <a:avLst/>
                <a:gdLst>
                  <a:gd name="connsiteX0" fmla="*/ 52388 w 104775"/>
                  <a:gd name="connsiteY0" fmla="*/ 113871 h 113871"/>
                  <a:gd name="connsiteX1" fmla="*/ 104775 w 104775"/>
                  <a:gd name="connsiteY1" fmla="*/ 52388 h 113871"/>
                  <a:gd name="connsiteX2" fmla="*/ 52388 w 104775"/>
                  <a:gd name="connsiteY2" fmla="*/ 0 h 113871"/>
                  <a:gd name="connsiteX3" fmla="*/ 0 w 104775"/>
                  <a:gd name="connsiteY3" fmla="*/ 52388 h 113871"/>
                  <a:gd name="connsiteX4" fmla="*/ 52388 w 104775"/>
                  <a:gd name="connsiteY4" fmla="*/ 113871 h 11387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4775" h="113871">
                    <a:moveTo>
                      <a:pt x="52388" y="113871"/>
                    </a:moveTo>
                    <a:cubicBezTo>
                      <a:pt x="81915" y="113871"/>
                      <a:pt x="104775" y="80820"/>
                      <a:pt x="104775" y="52388"/>
                    </a:cubicBezTo>
                    <a:cubicBezTo>
                      <a:pt x="104775" y="23455"/>
                      <a:pt x="81321" y="0"/>
                      <a:pt x="52388" y="0"/>
                    </a:cubicBezTo>
                    <a:cubicBezTo>
                      <a:pt x="23455" y="0"/>
                      <a:pt x="0" y="23455"/>
                      <a:pt x="0" y="52388"/>
                    </a:cubicBezTo>
                    <a:cubicBezTo>
                      <a:pt x="0" y="80820"/>
                      <a:pt x="22860" y="113871"/>
                      <a:pt x="52388" y="113871"/>
                    </a:cubicBezTo>
                    <a:close/>
                  </a:path>
                </a:pathLst>
              </a:custGeom>
              <a:solidFill>
                <a:srgbClr val="F76C6C"/>
              </a:solidFill>
              <a:ln w="0" cap="flat">
                <a:solidFill>
                  <a:srgbClr val="114B5F"/>
                </a:solidFill>
                <a:prstDash val="solid"/>
                <a:miter/>
              </a:ln>
            </p:spPr>
            <p:txBody>
              <a:bodyPr rtlCol="0" anchor="ctr"/>
              <a:lstStyle/>
              <a:p>
                <a:pPr defTabSz="914400" eaLnBrk="1" fontAlgn="auto" hangingPunct="1">
                  <a:spcBef>
                    <a:spcPts val="0"/>
                  </a:spcBef>
                  <a:spcAft>
                    <a:spcPts val="0"/>
                  </a:spcAft>
                  <a:defRPr/>
                </a:pPr>
                <a:endParaRPr lang="en-US" sz="1800">
                  <a:solidFill>
                    <a:prstClr val="black"/>
                  </a:solidFill>
                  <a:latin typeface="Calibri" panose="020F0502020204030204"/>
                  <a:cs typeface="Arial"/>
                  <a:sym typeface="Arial"/>
                </a:endParaRPr>
              </a:p>
            </p:txBody>
          </p:sp>
        </p:grpSp>
        <p:grpSp>
          <p:nvGrpSpPr>
            <p:cNvPr id="40" name="Group 39">
              <a:extLst>
                <a:ext uri="{FF2B5EF4-FFF2-40B4-BE49-F238E27FC236}">
                  <a16:creationId xmlns:a16="http://schemas.microsoft.com/office/drawing/2014/main" id="{30D23EF4-D638-AAD8-3650-484BFF725E48}"/>
                </a:ext>
              </a:extLst>
            </p:cNvPr>
            <p:cNvGrpSpPr/>
            <p:nvPr/>
          </p:nvGrpSpPr>
          <p:grpSpPr>
            <a:xfrm>
              <a:off x="2469918" y="4434918"/>
              <a:ext cx="468547" cy="520808"/>
              <a:chOff x="1504591" y="2624109"/>
              <a:chExt cx="602513" cy="669717"/>
            </a:xfrm>
          </p:grpSpPr>
          <p:sp>
            <p:nvSpPr>
              <p:cNvPr id="45" name="Graphic 13">
                <a:extLst>
                  <a:ext uri="{FF2B5EF4-FFF2-40B4-BE49-F238E27FC236}">
                    <a16:creationId xmlns:a16="http://schemas.microsoft.com/office/drawing/2014/main" id="{492D874A-38C3-F722-BB9F-8866E2C17213}"/>
                  </a:ext>
                </a:extLst>
              </p:cNvPr>
              <p:cNvSpPr/>
              <p:nvPr/>
            </p:nvSpPr>
            <p:spPr>
              <a:xfrm>
                <a:off x="1504591" y="2624109"/>
                <a:ext cx="602513" cy="669717"/>
              </a:xfrm>
              <a:custGeom>
                <a:avLst/>
                <a:gdLst>
                  <a:gd name="connsiteX0" fmla="*/ 602514 w 602513"/>
                  <a:gd name="connsiteY0" fmla="*/ 463263 h 669717"/>
                  <a:gd name="connsiteX1" fmla="*/ 602514 w 602513"/>
                  <a:gd name="connsiteY1" fmla="*/ 206456 h 669717"/>
                  <a:gd name="connsiteX2" fmla="*/ 563383 w 602513"/>
                  <a:gd name="connsiteY2" fmla="*/ 138860 h 669717"/>
                  <a:gd name="connsiteX3" fmla="*/ 340387 w 602513"/>
                  <a:gd name="connsiteY3" fmla="*/ 10457 h 669717"/>
                  <a:gd name="connsiteX4" fmla="*/ 262126 w 602513"/>
                  <a:gd name="connsiteY4" fmla="*/ 10457 h 669717"/>
                  <a:gd name="connsiteX5" fmla="*/ 39131 w 602513"/>
                  <a:gd name="connsiteY5" fmla="*/ 138860 h 669717"/>
                  <a:gd name="connsiteX6" fmla="*/ 0 w 602513"/>
                  <a:gd name="connsiteY6" fmla="*/ 206456 h 669717"/>
                  <a:gd name="connsiteX7" fmla="*/ 0 w 602513"/>
                  <a:gd name="connsiteY7" fmla="*/ 463263 h 669717"/>
                  <a:gd name="connsiteX8" fmla="*/ 39131 w 602513"/>
                  <a:gd name="connsiteY8" fmla="*/ 530858 h 669717"/>
                  <a:gd name="connsiteX9" fmla="*/ 262126 w 602513"/>
                  <a:gd name="connsiteY9" fmla="*/ 659260 h 669717"/>
                  <a:gd name="connsiteX10" fmla="*/ 340387 w 602513"/>
                  <a:gd name="connsiteY10" fmla="*/ 659260 h 669717"/>
                  <a:gd name="connsiteX11" fmla="*/ 563383 w 602513"/>
                  <a:gd name="connsiteY11" fmla="*/ 530858 h 669717"/>
                  <a:gd name="connsiteX12" fmla="*/ 602514 w 602513"/>
                  <a:gd name="connsiteY12" fmla="*/ 463263 h 6697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602513" h="669717">
                    <a:moveTo>
                      <a:pt x="602514" y="463263"/>
                    </a:moveTo>
                    <a:lnTo>
                      <a:pt x="602514" y="206456"/>
                    </a:lnTo>
                    <a:cubicBezTo>
                      <a:pt x="602514" y="178570"/>
                      <a:pt x="587599" y="152803"/>
                      <a:pt x="563383" y="138860"/>
                    </a:cubicBezTo>
                    <a:lnTo>
                      <a:pt x="340387" y="10457"/>
                    </a:lnTo>
                    <a:cubicBezTo>
                      <a:pt x="316173" y="-3486"/>
                      <a:pt x="286340" y="-3486"/>
                      <a:pt x="262126" y="10457"/>
                    </a:cubicBezTo>
                    <a:lnTo>
                      <a:pt x="39131" y="138860"/>
                    </a:lnTo>
                    <a:cubicBezTo>
                      <a:pt x="14917" y="152803"/>
                      <a:pt x="0" y="178570"/>
                      <a:pt x="0" y="206456"/>
                    </a:cubicBezTo>
                    <a:lnTo>
                      <a:pt x="0" y="463263"/>
                    </a:lnTo>
                    <a:cubicBezTo>
                      <a:pt x="0" y="491148"/>
                      <a:pt x="14917" y="516916"/>
                      <a:pt x="39131" y="530858"/>
                    </a:cubicBezTo>
                    <a:lnTo>
                      <a:pt x="262126" y="659260"/>
                    </a:lnTo>
                    <a:cubicBezTo>
                      <a:pt x="286340" y="673203"/>
                      <a:pt x="316173" y="673203"/>
                      <a:pt x="340387" y="659260"/>
                    </a:cubicBezTo>
                    <a:lnTo>
                      <a:pt x="563383" y="530858"/>
                    </a:lnTo>
                    <a:cubicBezTo>
                      <a:pt x="587599" y="516916"/>
                      <a:pt x="602514" y="491148"/>
                      <a:pt x="602514" y="463263"/>
                    </a:cubicBezTo>
                    <a:close/>
                  </a:path>
                </a:pathLst>
              </a:custGeom>
              <a:solidFill>
                <a:sysClr val="window" lastClr="FFFFFF"/>
              </a:solidFill>
              <a:ln w="0" cap="flat">
                <a:solidFill>
                  <a:srgbClr val="114B5F"/>
                </a:solidFill>
                <a:prstDash val="solid"/>
                <a:miter/>
              </a:ln>
            </p:spPr>
            <p:txBody>
              <a:bodyPr rtlCol="0" anchor="ctr"/>
              <a:lstStyle/>
              <a:p>
                <a:pPr defTabSz="914400" eaLnBrk="1" fontAlgn="auto" hangingPunct="1">
                  <a:spcBef>
                    <a:spcPts val="0"/>
                  </a:spcBef>
                  <a:spcAft>
                    <a:spcPts val="0"/>
                  </a:spcAft>
                  <a:defRPr/>
                </a:pPr>
                <a:endParaRPr lang="en-US" sz="1800">
                  <a:solidFill>
                    <a:prstClr val="black"/>
                  </a:solidFill>
                  <a:latin typeface="Calibri" panose="020F0502020204030204"/>
                  <a:cs typeface="Arial"/>
                  <a:sym typeface="Arial"/>
                </a:endParaRPr>
              </a:p>
            </p:txBody>
          </p:sp>
          <p:sp>
            <p:nvSpPr>
              <p:cNvPr id="46" name="Freeform 66">
                <a:extLst>
                  <a:ext uri="{FF2B5EF4-FFF2-40B4-BE49-F238E27FC236}">
                    <a16:creationId xmlns:a16="http://schemas.microsoft.com/office/drawing/2014/main" id="{143551BB-E30C-03AA-ACE9-787C3ABC6349}"/>
                  </a:ext>
                </a:extLst>
              </p:cNvPr>
              <p:cNvSpPr/>
              <p:nvPr/>
            </p:nvSpPr>
            <p:spPr>
              <a:xfrm>
                <a:off x="1680991" y="2983688"/>
                <a:ext cx="249179" cy="124765"/>
              </a:xfrm>
              <a:custGeom>
                <a:avLst/>
                <a:gdLst>
                  <a:gd name="connsiteX0" fmla="*/ 114300 w 190500"/>
                  <a:gd name="connsiteY0" fmla="*/ 0 h 95384"/>
                  <a:gd name="connsiteX1" fmla="*/ 76200 w 190500"/>
                  <a:gd name="connsiteY1" fmla="*/ 0 h 95384"/>
                  <a:gd name="connsiteX2" fmla="*/ 0 w 190500"/>
                  <a:gd name="connsiteY2" fmla="*/ 76200 h 95384"/>
                  <a:gd name="connsiteX3" fmla="*/ 6620 w 190500"/>
                  <a:gd name="connsiteY3" fmla="*/ 85277 h 95384"/>
                  <a:gd name="connsiteX4" fmla="*/ 95250 w 190500"/>
                  <a:gd name="connsiteY4" fmla="*/ 95250 h 95384"/>
                  <a:gd name="connsiteX5" fmla="*/ 183880 w 190500"/>
                  <a:gd name="connsiteY5" fmla="*/ 85277 h 95384"/>
                  <a:gd name="connsiteX6" fmla="*/ 190500 w 190500"/>
                  <a:gd name="connsiteY6" fmla="*/ 76200 h 95384"/>
                  <a:gd name="connsiteX7" fmla="*/ 114300 w 190500"/>
                  <a:gd name="connsiteY7" fmla="*/ 0 h 953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90500" h="95384">
                    <a:moveTo>
                      <a:pt x="114300" y="0"/>
                    </a:moveTo>
                    <a:lnTo>
                      <a:pt x="76200" y="0"/>
                    </a:lnTo>
                    <a:cubicBezTo>
                      <a:pt x="34136" y="48"/>
                      <a:pt x="47" y="34136"/>
                      <a:pt x="0" y="76200"/>
                    </a:cubicBezTo>
                    <a:cubicBezTo>
                      <a:pt x="-3" y="80343"/>
                      <a:pt x="2674" y="84013"/>
                      <a:pt x="6620" y="85277"/>
                    </a:cubicBezTo>
                    <a:cubicBezTo>
                      <a:pt x="35546" y="92761"/>
                      <a:pt x="65384" y="96119"/>
                      <a:pt x="95250" y="95250"/>
                    </a:cubicBezTo>
                    <a:cubicBezTo>
                      <a:pt x="125116" y="96119"/>
                      <a:pt x="154955" y="92761"/>
                      <a:pt x="183880" y="85277"/>
                    </a:cubicBezTo>
                    <a:cubicBezTo>
                      <a:pt x="187826" y="84013"/>
                      <a:pt x="190503" y="80343"/>
                      <a:pt x="190500" y="76200"/>
                    </a:cubicBezTo>
                    <a:cubicBezTo>
                      <a:pt x="190452" y="34136"/>
                      <a:pt x="156364" y="48"/>
                      <a:pt x="114300" y="0"/>
                    </a:cubicBezTo>
                    <a:close/>
                  </a:path>
                </a:pathLst>
              </a:custGeom>
              <a:solidFill>
                <a:srgbClr val="F76C6C"/>
              </a:solidFill>
              <a:ln w="0" cap="flat">
                <a:solidFill>
                  <a:srgbClr val="114B5F"/>
                </a:solidFill>
                <a:prstDash val="solid"/>
                <a:miter/>
              </a:ln>
            </p:spPr>
            <p:txBody>
              <a:bodyPr rtlCol="0" anchor="ctr"/>
              <a:lstStyle/>
              <a:p>
                <a:pPr defTabSz="914400" eaLnBrk="1" fontAlgn="auto" hangingPunct="1">
                  <a:spcBef>
                    <a:spcPts val="0"/>
                  </a:spcBef>
                  <a:spcAft>
                    <a:spcPts val="0"/>
                  </a:spcAft>
                  <a:defRPr/>
                </a:pPr>
                <a:endParaRPr lang="en-US" sz="1800">
                  <a:solidFill>
                    <a:prstClr val="black"/>
                  </a:solidFill>
                  <a:latin typeface="Calibri" panose="020F0502020204030204"/>
                  <a:cs typeface="Arial"/>
                  <a:sym typeface="Arial"/>
                </a:endParaRPr>
              </a:p>
            </p:txBody>
          </p:sp>
          <p:sp>
            <p:nvSpPr>
              <p:cNvPr id="47" name="Freeform 67">
                <a:extLst>
                  <a:ext uri="{FF2B5EF4-FFF2-40B4-BE49-F238E27FC236}">
                    <a16:creationId xmlns:a16="http://schemas.microsoft.com/office/drawing/2014/main" id="{A353DB85-1430-5AF4-693D-8A044AFEDC4C}"/>
                  </a:ext>
                </a:extLst>
              </p:cNvPr>
              <p:cNvSpPr/>
              <p:nvPr/>
            </p:nvSpPr>
            <p:spPr>
              <a:xfrm>
                <a:off x="1737057" y="2809824"/>
                <a:ext cx="137048" cy="148946"/>
              </a:xfrm>
              <a:custGeom>
                <a:avLst/>
                <a:gdLst>
                  <a:gd name="connsiteX0" fmla="*/ 52388 w 104775"/>
                  <a:gd name="connsiteY0" fmla="*/ 113871 h 113871"/>
                  <a:gd name="connsiteX1" fmla="*/ 104775 w 104775"/>
                  <a:gd name="connsiteY1" fmla="*/ 52388 h 113871"/>
                  <a:gd name="connsiteX2" fmla="*/ 52388 w 104775"/>
                  <a:gd name="connsiteY2" fmla="*/ 0 h 113871"/>
                  <a:gd name="connsiteX3" fmla="*/ 0 w 104775"/>
                  <a:gd name="connsiteY3" fmla="*/ 52388 h 113871"/>
                  <a:gd name="connsiteX4" fmla="*/ 52388 w 104775"/>
                  <a:gd name="connsiteY4" fmla="*/ 113871 h 11387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4775" h="113871">
                    <a:moveTo>
                      <a:pt x="52388" y="113871"/>
                    </a:moveTo>
                    <a:cubicBezTo>
                      <a:pt x="81915" y="113871"/>
                      <a:pt x="104775" y="80820"/>
                      <a:pt x="104775" y="52388"/>
                    </a:cubicBezTo>
                    <a:cubicBezTo>
                      <a:pt x="104775" y="23455"/>
                      <a:pt x="81321" y="0"/>
                      <a:pt x="52388" y="0"/>
                    </a:cubicBezTo>
                    <a:cubicBezTo>
                      <a:pt x="23455" y="0"/>
                      <a:pt x="0" y="23455"/>
                      <a:pt x="0" y="52388"/>
                    </a:cubicBezTo>
                    <a:cubicBezTo>
                      <a:pt x="0" y="80820"/>
                      <a:pt x="22860" y="113871"/>
                      <a:pt x="52388" y="113871"/>
                    </a:cubicBezTo>
                    <a:close/>
                  </a:path>
                </a:pathLst>
              </a:custGeom>
              <a:solidFill>
                <a:srgbClr val="F76C6C"/>
              </a:solidFill>
              <a:ln w="0" cap="flat">
                <a:solidFill>
                  <a:srgbClr val="114B5F"/>
                </a:solidFill>
                <a:prstDash val="solid"/>
                <a:miter/>
              </a:ln>
            </p:spPr>
            <p:txBody>
              <a:bodyPr rtlCol="0" anchor="ctr"/>
              <a:lstStyle/>
              <a:p>
                <a:pPr defTabSz="914400" eaLnBrk="1" fontAlgn="auto" hangingPunct="1">
                  <a:spcBef>
                    <a:spcPts val="0"/>
                  </a:spcBef>
                  <a:spcAft>
                    <a:spcPts val="0"/>
                  </a:spcAft>
                  <a:defRPr/>
                </a:pPr>
                <a:endParaRPr lang="en-US" sz="1800">
                  <a:solidFill>
                    <a:prstClr val="black"/>
                  </a:solidFill>
                  <a:latin typeface="Calibri" panose="020F0502020204030204"/>
                  <a:cs typeface="Arial"/>
                  <a:sym typeface="Arial"/>
                </a:endParaRPr>
              </a:p>
            </p:txBody>
          </p:sp>
        </p:grpSp>
        <p:grpSp>
          <p:nvGrpSpPr>
            <p:cNvPr id="41" name="Group 40">
              <a:extLst>
                <a:ext uri="{FF2B5EF4-FFF2-40B4-BE49-F238E27FC236}">
                  <a16:creationId xmlns:a16="http://schemas.microsoft.com/office/drawing/2014/main" id="{BF1B153C-65C7-2CA9-4F76-98A1D9A88381}"/>
                </a:ext>
              </a:extLst>
            </p:cNvPr>
            <p:cNvGrpSpPr/>
            <p:nvPr/>
          </p:nvGrpSpPr>
          <p:grpSpPr>
            <a:xfrm>
              <a:off x="3216924" y="4530382"/>
              <a:ext cx="468547" cy="520808"/>
              <a:chOff x="1504591" y="2624109"/>
              <a:chExt cx="602513" cy="669717"/>
            </a:xfrm>
          </p:grpSpPr>
          <p:sp>
            <p:nvSpPr>
              <p:cNvPr id="42" name="Graphic 13">
                <a:extLst>
                  <a:ext uri="{FF2B5EF4-FFF2-40B4-BE49-F238E27FC236}">
                    <a16:creationId xmlns:a16="http://schemas.microsoft.com/office/drawing/2014/main" id="{48C3B877-BC36-BE3A-2AEE-9B7CABB571E5}"/>
                  </a:ext>
                </a:extLst>
              </p:cNvPr>
              <p:cNvSpPr/>
              <p:nvPr/>
            </p:nvSpPr>
            <p:spPr>
              <a:xfrm>
                <a:off x="1504591" y="2624109"/>
                <a:ext cx="602513" cy="669717"/>
              </a:xfrm>
              <a:custGeom>
                <a:avLst/>
                <a:gdLst>
                  <a:gd name="connsiteX0" fmla="*/ 602514 w 602513"/>
                  <a:gd name="connsiteY0" fmla="*/ 463263 h 669717"/>
                  <a:gd name="connsiteX1" fmla="*/ 602514 w 602513"/>
                  <a:gd name="connsiteY1" fmla="*/ 206456 h 669717"/>
                  <a:gd name="connsiteX2" fmla="*/ 563383 w 602513"/>
                  <a:gd name="connsiteY2" fmla="*/ 138860 h 669717"/>
                  <a:gd name="connsiteX3" fmla="*/ 340387 w 602513"/>
                  <a:gd name="connsiteY3" fmla="*/ 10457 h 669717"/>
                  <a:gd name="connsiteX4" fmla="*/ 262126 w 602513"/>
                  <a:gd name="connsiteY4" fmla="*/ 10457 h 669717"/>
                  <a:gd name="connsiteX5" fmla="*/ 39131 w 602513"/>
                  <a:gd name="connsiteY5" fmla="*/ 138860 h 669717"/>
                  <a:gd name="connsiteX6" fmla="*/ 0 w 602513"/>
                  <a:gd name="connsiteY6" fmla="*/ 206456 h 669717"/>
                  <a:gd name="connsiteX7" fmla="*/ 0 w 602513"/>
                  <a:gd name="connsiteY7" fmla="*/ 463263 h 669717"/>
                  <a:gd name="connsiteX8" fmla="*/ 39131 w 602513"/>
                  <a:gd name="connsiteY8" fmla="*/ 530858 h 669717"/>
                  <a:gd name="connsiteX9" fmla="*/ 262126 w 602513"/>
                  <a:gd name="connsiteY9" fmla="*/ 659260 h 669717"/>
                  <a:gd name="connsiteX10" fmla="*/ 340387 w 602513"/>
                  <a:gd name="connsiteY10" fmla="*/ 659260 h 669717"/>
                  <a:gd name="connsiteX11" fmla="*/ 563383 w 602513"/>
                  <a:gd name="connsiteY11" fmla="*/ 530858 h 669717"/>
                  <a:gd name="connsiteX12" fmla="*/ 602514 w 602513"/>
                  <a:gd name="connsiteY12" fmla="*/ 463263 h 66971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602513" h="669717">
                    <a:moveTo>
                      <a:pt x="602514" y="463263"/>
                    </a:moveTo>
                    <a:lnTo>
                      <a:pt x="602514" y="206456"/>
                    </a:lnTo>
                    <a:cubicBezTo>
                      <a:pt x="602514" y="178570"/>
                      <a:pt x="587599" y="152803"/>
                      <a:pt x="563383" y="138860"/>
                    </a:cubicBezTo>
                    <a:lnTo>
                      <a:pt x="340387" y="10457"/>
                    </a:lnTo>
                    <a:cubicBezTo>
                      <a:pt x="316173" y="-3486"/>
                      <a:pt x="286340" y="-3486"/>
                      <a:pt x="262126" y="10457"/>
                    </a:cubicBezTo>
                    <a:lnTo>
                      <a:pt x="39131" y="138860"/>
                    </a:lnTo>
                    <a:cubicBezTo>
                      <a:pt x="14917" y="152803"/>
                      <a:pt x="0" y="178570"/>
                      <a:pt x="0" y="206456"/>
                    </a:cubicBezTo>
                    <a:lnTo>
                      <a:pt x="0" y="463263"/>
                    </a:lnTo>
                    <a:cubicBezTo>
                      <a:pt x="0" y="491148"/>
                      <a:pt x="14917" y="516916"/>
                      <a:pt x="39131" y="530858"/>
                    </a:cubicBezTo>
                    <a:lnTo>
                      <a:pt x="262126" y="659260"/>
                    </a:lnTo>
                    <a:cubicBezTo>
                      <a:pt x="286340" y="673203"/>
                      <a:pt x="316173" y="673203"/>
                      <a:pt x="340387" y="659260"/>
                    </a:cubicBezTo>
                    <a:lnTo>
                      <a:pt x="563383" y="530858"/>
                    </a:lnTo>
                    <a:cubicBezTo>
                      <a:pt x="587599" y="516916"/>
                      <a:pt x="602514" y="491148"/>
                      <a:pt x="602514" y="463263"/>
                    </a:cubicBezTo>
                    <a:close/>
                  </a:path>
                </a:pathLst>
              </a:custGeom>
              <a:solidFill>
                <a:sysClr val="window" lastClr="FFFFFF"/>
              </a:solidFill>
              <a:ln w="0" cap="flat">
                <a:solidFill>
                  <a:srgbClr val="114B5F"/>
                </a:solidFill>
                <a:prstDash val="solid"/>
                <a:miter/>
              </a:ln>
            </p:spPr>
            <p:txBody>
              <a:bodyPr rtlCol="0" anchor="ctr"/>
              <a:lstStyle/>
              <a:p>
                <a:pPr defTabSz="914400" eaLnBrk="1" fontAlgn="auto" hangingPunct="1">
                  <a:spcBef>
                    <a:spcPts val="0"/>
                  </a:spcBef>
                  <a:spcAft>
                    <a:spcPts val="0"/>
                  </a:spcAft>
                  <a:defRPr/>
                </a:pPr>
                <a:endParaRPr lang="en-US" sz="1800">
                  <a:solidFill>
                    <a:prstClr val="black"/>
                  </a:solidFill>
                  <a:latin typeface="Calibri" panose="020F0502020204030204"/>
                  <a:cs typeface="Arial"/>
                  <a:sym typeface="Arial"/>
                </a:endParaRPr>
              </a:p>
            </p:txBody>
          </p:sp>
          <p:sp>
            <p:nvSpPr>
              <p:cNvPr id="43" name="Freeform 70">
                <a:extLst>
                  <a:ext uri="{FF2B5EF4-FFF2-40B4-BE49-F238E27FC236}">
                    <a16:creationId xmlns:a16="http://schemas.microsoft.com/office/drawing/2014/main" id="{09B44F58-0EEA-2CC7-63BD-5BBE50AC8539}"/>
                  </a:ext>
                </a:extLst>
              </p:cNvPr>
              <p:cNvSpPr/>
              <p:nvPr/>
            </p:nvSpPr>
            <p:spPr>
              <a:xfrm>
                <a:off x="1680991" y="2983688"/>
                <a:ext cx="249179" cy="124765"/>
              </a:xfrm>
              <a:custGeom>
                <a:avLst/>
                <a:gdLst>
                  <a:gd name="connsiteX0" fmla="*/ 114300 w 190500"/>
                  <a:gd name="connsiteY0" fmla="*/ 0 h 95384"/>
                  <a:gd name="connsiteX1" fmla="*/ 76200 w 190500"/>
                  <a:gd name="connsiteY1" fmla="*/ 0 h 95384"/>
                  <a:gd name="connsiteX2" fmla="*/ 0 w 190500"/>
                  <a:gd name="connsiteY2" fmla="*/ 76200 h 95384"/>
                  <a:gd name="connsiteX3" fmla="*/ 6620 w 190500"/>
                  <a:gd name="connsiteY3" fmla="*/ 85277 h 95384"/>
                  <a:gd name="connsiteX4" fmla="*/ 95250 w 190500"/>
                  <a:gd name="connsiteY4" fmla="*/ 95250 h 95384"/>
                  <a:gd name="connsiteX5" fmla="*/ 183880 w 190500"/>
                  <a:gd name="connsiteY5" fmla="*/ 85277 h 95384"/>
                  <a:gd name="connsiteX6" fmla="*/ 190500 w 190500"/>
                  <a:gd name="connsiteY6" fmla="*/ 76200 h 95384"/>
                  <a:gd name="connsiteX7" fmla="*/ 114300 w 190500"/>
                  <a:gd name="connsiteY7" fmla="*/ 0 h 9538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190500" h="95384">
                    <a:moveTo>
                      <a:pt x="114300" y="0"/>
                    </a:moveTo>
                    <a:lnTo>
                      <a:pt x="76200" y="0"/>
                    </a:lnTo>
                    <a:cubicBezTo>
                      <a:pt x="34136" y="48"/>
                      <a:pt x="47" y="34136"/>
                      <a:pt x="0" y="76200"/>
                    </a:cubicBezTo>
                    <a:cubicBezTo>
                      <a:pt x="-3" y="80343"/>
                      <a:pt x="2674" y="84013"/>
                      <a:pt x="6620" y="85277"/>
                    </a:cubicBezTo>
                    <a:cubicBezTo>
                      <a:pt x="35546" y="92761"/>
                      <a:pt x="65384" y="96119"/>
                      <a:pt x="95250" y="95250"/>
                    </a:cubicBezTo>
                    <a:cubicBezTo>
                      <a:pt x="125116" y="96119"/>
                      <a:pt x="154955" y="92761"/>
                      <a:pt x="183880" y="85277"/>
                    </a:cubicBezTo>
                    <a:cubicBezTo>
                      <a:pt x="187826" y="84013"/>
                      <a:pt x="190503" y="80343"/>
                      <a:pt x="190500" y="76200"/>
                    </a:cubicBezTo>
                    <a:cubicBezTo>
                      <a:pt x="190452" y="34136"/>
                      <a:pt x="156364" y="48"/>
                      <a:pt x="114300" y="0"/>
                    </a:cubicBezTo>
                    <a:close/>
                  </a:path>
                </a:pathLst>
              </a:custGeom>
              <a:solidFill>
                <a:srgbClr val="F76C6C"/>
              </a:solidFill>
              <a:ln w="0" cap="flat">
                <a:solidFill>
                  <a:srgbClr val="114B5F"/>
                </a:solidFill>
                <a:prstDash val="solid"/>
                <a:miter/>
              </a:ln>
            </p:spPr>
            <p:txBody>
              <a:bodyPr rtlCol="0" anchor="ctr"/>
              <a:lstStyle/>
              <a:p>
                <a:pPr defTabSz="914400" eaLnBrk="1" fontAlgn="auto" hangingPunct="1">
                  <a:spcBef>
                    <a:spcPts val="0"/>
                  </a:spcBef>
                  <a:spcAft>
                    <a:spcPts val="0"/>
                  </a:spcAft>
                  <a:defRPr/>
                </a:pPr>
                <a:endParaRPr lang="en-US" sz="1800">
                  <a:solidFill>
                    <a:prstClr val="black"/>
                  </a:solidFill>
                  <a:latin typeface="Calibri" panose="020F0502020204030204"/>
                  <a:cs typeface="Arial"/>
                  <a:sym typeface="Arial"/>
                </a:endParaRPr>
              </a:p>
            </p:txBody>
          </p:sp>
          <p:sp>
            <p:nvSpPr>
              <p:cNvPr id="44" name="Freeform 71">
                <a:extLst>
                  <a:ext uri="{FF2B5EF4-FFF2-40B4-BE49-F238E27FC236}">
                    <a16:creationId xmlns:a16="http://schemas.microsoft.com/office/drawing/2014/main" id="{EFD41A4E-5EC5-9795-81DA-5D47E6F1264F}"/>
                  </a:ext>
                </a:extLst>
              </p:cNvPr>
              <p:cNvSpPr/>
              <p:nvPr/>
            </p:nvSpPr>
            <p:spPr>
              <a:xfrm>
                <a:off x="1737057" y="2809824"/>
                <a:ext cx="137048" cy="148946"/>
              </a:xfrm>
              <a:custGeom>
                <a:avLst/>
                <a:gdLst>
                  <a:gd name="connsiteX0" fmla="*/ 52388 w 104775"/>
                  <a:gd name="connsiteY0" fmla="*/ 113871 h 113871"/>
                  <a:gd name="connsiteX1" fmla="*/ 104775 w 104775"/>
                  <a:gd name="connsiteY1" fmla="*/ 52388 h 113871"/>
                  <a:gd name="connsiteX2" fmla="*/ 52388 w 104775"/>
                  <a:gd name="connsiteY2" fmla="*/ 0 h 113871"/>
                  <a:gd name="connsiteX3" fmla="*/ 0 w 104775"/>
                  <a:gd name="connsiteY3" fmla="*/ 52388 h 113871"/>
                  <a:gd name="connsiteX4" fmla="*/ 52388 w 104775"/>
                  <a:gd name="connsiteY4" fmla="*/ 113871 h 113871"/>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04775" h="113871">
                    <a:moveTo>
                      <a:pt x="52388" y="113871"/>
                    </a:moveTo>
                    <a:cubicBezTo>
                      <a:pt x="81915" y="113871"/>
                      <a:pt x="104775" y="80820"/>
                      <a:pt x="104775" y="52388"/>
                    </a:cubicBezTo>
                    <a:cubicBezTo>
                      <a:pt x="104775" y="23455"/>
                      <a:pt x="81321" y="0"/>
                      <a:pt x="52388" y="0"/>
                    </a:cubicBezTo>
                    <a:cubicBezTo>
                      <a:pt x="23455" y="0"/>
                      <a:pt x="0" y="23455"/>
                      <a:pt x="0" y="52388"/>
                    </a:cubicBezTo>
                    <a:cubicBezTo>
                      <a:pt x="0" y="80820"/>
                      <a:pt x="22860" y="113871"/>
                      <a:pt x="52388" y="113871"/>
                    </a:cubicBezTo>
                    <a:close/>
                  </a:path>
                </a:pathLst>
              </a:custGeom>
              <a:solidFill>
                <a:srgbClr val="F76C6C"/>
              </a:solidFill>
              <a:ln w="0" cap="flat">
                <a:solidFill>
                  <a:srgbClr val="114B5F"/>
                </a:solidFill>
                <a:prstDash val="solid"/>
                <a:miter/>
              </a:ln>
            </p:spPr>
            <p:txBody>
              <a:bodyPr rtlCol="0" anchor="ctr"/>
              <a:lstStyle/>
              <a:p>
                <a:pPr defTabSz="914400" eaLnBrk="1" fontAlgn="auto" hangingPunct="1">
                  <a:spcBef>
                    <a:spcPts val="0"/>
                  </a:spcBef>
                  <a:spcAft>
                    <a:spcPts val="0"/>
                  </a:spcAft>
                  <a:defRPr/>
                </a:pPr>
                <a:endParaRPr lang="en-US" sz="1800">
                  <a:solidFill>
                    <a:prstClr val="black"/>
                  </a:solidFill>
                  <a:latin typeface="Calibri" panose="020F0502020204030204"/>
                  <a:cs typeface="Arial"/>
                  <a:sym typeface="Arial"/>
                </a:endParaRPr>
              </a:p>
            </p:txBody>
          </p:sp>
        </p:grpSp>
      </p:grpSp>
      <p:grpSp>
        <p:nvGrpSpPr>
          <p:cNvPr id="88" name="Group 87">
            <a:extLst>
              <a:ext uri="{FF2B5EF4-FFF2-40B4-BE49-F238E27FC236}">
                <a16:creationId xmlns:a16="http://schemas.microsoft.com/office/drawing/2014/main" id="{A634BD82-EA4C-FD11-EAF4-4219F743B88A}"/>
              </a:ext>
            </a:extLst>
          </p:cNvPr>
          <p:cNvGrpSpPr/>
          <p:nvPr/>
        </p:nvGrpSpPr>
        <p:grpSpPr>
          <a:xfrm>
            <a:off x="14168048" y="6429221"/>
            <a:ext cx="4103599" cy="3442539"/>
            <a:chOff x="11587511" y="6380688"/>
            <a:chExt cx="2136902" cy="2056347"/>
          </a:xfrm>
          <a:solidFill>
            <a:srgbClr val="F76C6C"/>
          </a:solidFill>
        </p:grpSpPr>
        <p:sp>
          <p:nvSpPr>
            <p:cNvPr id="55" name="TextBox 54">
              <a:extLst>
                <a:ext uri="{FF2B5EF4-FFF2-40B4-BE49-F238E27FC236}">
                  <a16:creationId xmlns:a16="http://schemas.microsoft.com/office/drawing/2014/main" id="{60B9D658-DB87-AEB2-99F0-E29064234493}"/>
                </a:ext>
              </a:extLst>
            </p:cNvPr>
            <p:cNvSpPr txBox="1"/>
            <p:nvPr/>
          </p:nvSpPr>
          <p:spPr>
            <a:xfrm>
              <a:off x="11587511" y="6380688"/>
              <a:ext cx="2136902" cy="447053"/>
            </a:xfrm>
            <a:prstGeom prst="roundRect">
              <a:avLst/>
            </a:prstGeom>
            <a:grpFill/>
          </p:spPr>
          <p:txBody>
            <a:bodyPr wrap="square" lIns="274320" tIns="0" rIns="274320" bIns="0" anchor="ctr" anchorCtr="0">
              <a:noAutofit/>
            </a:bodyPr>
            <a:lstStyle/>
            <a:p>
              <a:pPr marL="0" marR="0" lvl="0" indent="0" defTabSz="914400" eaLnBrk="1" fontAlgn="auto" latinLnBrk="0" hangingPunct="1">
                <a:lnSpc>
                  <a:spcPct val="107000"/>
                </a:lnSpc>
                <a:spcBef>
                  <a:spcPts val="0"/>
                </a:spcBef>
                <a:spcAft>
                  <a:spcPts val="800"/>
                </a:spcAft>
                <a:buClrTx/>
                <a:buSzTx/>
                <a:buFontTx/>
                <a:buNone/>
                <a:tabLst/>
                <a:defRPr/>
              </a:pPr>
              <a:r>
                <a:rPr kumimoji="0" lang="en-US" sz="2400" b="1" i="0" u="none" strike="noStrike" kern="100" cap="none" spc="0" normalizeH="0" baseline="0" noProof="0" dirty="0">
                  <a:ln>
                    <a:noFill/>
                  </a:ln>
                  <a:solidFill>
                    <a:schemeClr val="bg1"/>
                  </a:solidFill>
                  <a:effectLst/>
                  <a:uLnTx/>
                  <a:uFillTx/>
                  <a:cs typeface="Times New Roman" panose="02020603050405020304" pitchFamily="18" charset="0"/>
                  <a:sym typeface="Arial"/>
                </a:rPr>
                <a:t>Increase Engagement</a:t>
              </a:r>
            </a:p>
          </p:txBody>
        </p:sp>
        <p:sp>
          <p:nvSpPr>
            <p:cNvPr id="56" name="TextBox 55">
              <a:extLst>
                <a:ext uri="{FF2B5EF4-FFF2-40B4-BE49-F238E27FC236}">
                  <a16:creationId xmlns:a16="http://schemas.microsoft.com/office/drawing/2014/main" id="{5D85E160-161E-FDE4-EC8E-9FE40D30A7B2}"/>
                </a:ext>
              </a:extLst>
            </p:cNvPr>
            <p:cNvSpPr txBox="1"/>
            <p:nvPr/>
          </p:nvSpPr>
          <p:spPr>
            <a:xfrm>
              <a:off x="11587511" y="6917119"/>
              <a:ext cx="2136902" cy="447053"/>
            </a:xfrm>
            <a:prstGeom prst="roundRect">
              <a:avLst/>
            </a:prstGeom>
            <a:grpFill/>
          </p:spPr>
          <p:txBody>
            <a:bodyPr wrap="square" lIns="274320" tIns="0" rIns="274320" bIns="0" anchor="ctr" anchorCtr="0">
              <a:noAutofit/>
            </a:bodyPr>
            <a:lstStyle/>
            <a:p>
              <a:pPr marL="0" marR="0" lvl="0" indent="0" defTabSz="914400" eaLnBrk="1" fontAlgn="auto" latinLnBrk="0" hangingPunct="1">
                <a:lnSpc>
                  <a:spcPct val="107000"/>
                </a:lnSpc>
                <a:spcBef>
                  <a:spcPts val="0"/>
                </a:spcBef>
                <a:spcAft>
                  <a:spcPts val="800"/>
                </a:spcAft>
                <a:buClrTx/>
                <a:buSzTx/>
                <a:buFontTx/>
                <a:buNone/>
                <a:tabLst/>
                <a:defRPr/>
              </a:pPr>
              <a:r>
                <a:rPr kumimoji="0" lang="en-US" sz="2400" b="1" i="0" u="none" strike="noStrike" kern="100" cap="none" spc="0" normalizeH="0" baseline="0" noProof="0" dirty="0">
                  <a:ln>
                    <a:noFill/>
                  </a:ln>
                  <a:solidFill>
                    <a:schemeClr val="bg1"/>
                  </a:solidFill>
                  <a:effectLst/>
                  <a:uLnTx/>
                  <a:uFillTx/>
                  <a:cs typeface="Times New Roman" panose="02020603050405020304" pitchFamily="18" charset="0"/>
                  <a:sym typeface="Arial"/>
                </a:rPr>
                <a:t>Allocate Appropriate Resources</a:t>
              </a:r>
            </a:p>
          </p:txBody>
        </p:sp>
        <p:sp>
          <p:nvSpPr>
            <p:cNvPr id="57" name="TextBox 56">
              <a:extLst>
                <a:ext uri="{FF2B5EF4-FFF2-40B4-BE49-F238E27FC236}">
                  <a16:creationId xmlns:a16="http://schemas.microsoft.com/office/drawing/2014/main" id="{930DD617-8BF5-A172-1FFB-55259631D2BF}"/>
                </a:ext>
              </a:extLst>
            </p:cNvPr>
            <p:cNvSpPr txBox="1"/>
            <p:nvPr/>
          </p:nvSpPr>
          <p:spPr>
            <a:xfrm>
              <a:off x="11587511" y="7453550"/>
              <a:ext cx="2136902" cy="447053"/>
            </a:xfrm>
            <a:prstGeom prst="roundRect">
              <a:avLst/>
            </a:prstGeom>
            <a:grpFill/>
          </p:spPr>
          <p:txBody>
            <a:bodyPr wrap="square" lIns="274320" tIns="0" rIns="274320" bIns="0" anchor="ctr" anchorCtr="0">
              <a:noAutofit/>
            </a:bodyPr>
            <a:lstStyle/>
            <a:p>
              <a:pPr marL="0" marR="0" lvl="0" indent="0" defTabSz="914400" eaLnBrk="1" fontAlgn="auto" latinLnBrk="0" hangingPunct="1">
                <a:lnSpc>
                  <a:spcPct val="107000"/>
                </a:lnSpc>
                <a:spcBef>
                  <a:spcPts val="0"/>
                </a:spcBef>
                <a:spcAft>
                  <a:spcPts val="800"/>
                </a:spcAft>
                <a:buClrTx/>
                <a:buSzTx/>
                <a:buFontTx/>
                <a:buNone/>
                <a:tabLst/>
                <a:defRPr/>
              </a:pPr>
              <a:r>
                <a:rPr kumimoji="0" lang="en-US" sz="2000" b="1" i="0" u="none" strike="noStrike" kern="100" cap="none" spc="0" normalizeH="0" baseline="0" noProof="0" dirty="0">
                  <a:ln>
                    <a:noFill/>
                  </a:ln>
                  <a:solidFill>
                    <a:schemeClr val="bg1"/>
                  </a:solidFill>
                  <a:effectLst/>
                  <a:uLnTx/>
                  <a:uFillTx/>
                  <a:cs typeface="Times New Roman" panose="02020603050405020304" pitchFamily="18" charset="0"/>
                  <a:sym typeface="Arial"/>
                </a:rPr>
                <a:t>Mitigate Risk/Complexity</a:t>
              </a:r>
            </a:p>
          </p:txBody>
        </p:sp>
        <p:sp>
          <p:nvSpPr>
            <p:cNvPr id="58" name="TextBox 57">
              <a:extLst>
                <a:ext uri="{FF2B5EF4-FFF2-40B4-BE49-F238E27FC236}">
                  <a16:creationId xmlns:a16="http://schemas.microsoft.com/office/drawing/2014/main" id="{68F0EC63-7E61-280F-0BD8-8AA92439F42F}"/>
                </a:ext>
              </a:extLst>
            </p:cNvPr>
            <p:cNvSpPr txBox="1"/>
            <p:nvPr/>
          </p:nvSpPr>
          <p:spPr>
            <a:xfrm>
              <a:off x="11587511" y="7989982"/>
              <a:ext cx="2136902" cy="447053"/>
            </a:xfrm>
            <a:prstGeom prst="roundRect">
              <a:avLst/>
            </a:prstGeom>
            <a:grpFill/>
          </p:spPr>
          <p:txBody>
            <a:bodyPr wrap="square" lIns="274320" tIns="0" rIns="274320" bIns="0" anchor="ctr" anchorCtr="0">
              <a:noAutofit/>
            </a:bodyPr>
            <a:lstStyle/>
            <a:p>
              <a:pPr marL="0" marR="0" lvl="0" indent="0" defTabSz="914400" eaLnBrk="1" fontAlgn="auto" latinLnBrk="0" hangingPunct="1">
                <a:lnSpc>
                  <a:spcPct val="107000"/>
                </a:lnSpc>
                <a:spcBef>
                  <a:spcPts val="0"/>
                </a:spcBef>
                <a:spcAft>
                  <a:spcPts val="800"/>
                </a:spcAft>
                <a:buClrTx/>
                <a:buSzTx/>
                <a:buFontTx/>
                <a:buNone/>
                <a:tabLst/>
                <a:defRPr/>
              </a:pPr>
              <a:r>
                <a:rPr kumimoji="0" lang="en-US" sz="2400" b="1" i="0" u="none" strike="noStrike" kern="100" cap="none" spc="0" normalizeH="0" baseline="0" noProof="0" dirty="0">
                  <a:ln>
                    <a:noFill/>
                  </a:ln>
                  <a:solidFill>
                    <a:schemeClr val="bg1"/>
                  </a:solidFill>
                  <a:effectLst/>
                  <a:uLnTx/>
                  <a:uFillTx/>
                  <a:cs typeface="Times New Roman" panose="02020603050405020304" pitchFamily="18" charset="0"/>
                  <a:sym typeface="Arial"/>
                </a:rPr>
                <a:t>Apply Clinical Oversight</a:t>
              </a:r>
            </a:p>
          </p:txBody>
        </p:sp>
      </p:grpSp>
      <p:grpSp>
        <p:nvGrpSpPr>
          <p:cNvPr id="60" name="Graphic 16">
            <a:extLst>
              <a:ext uri="{FF2B5EF4-FFF2-40B4-BE49-F238E27FC236}">
                <a16:creationId xmlns:a16="http://schemas.microsoft.com/office/drawing/2014/main" id="{630BCE54-1C11-1144-C2BA-31E9242199BA}"/>
              </a:ext>
            </a:extLst>
          </p:cNvPr>
          <p:cNvGrpSpPr/>
          <p:nvPr/>
        </p:nvGrpSpPr>
        <p:grpSpPr>
          <a:xfrm>
            <a:off x="4914917" y="5665382"/>
            <a:ext cx="5151510" cy="5125752"/>
            <a:chOff x="3848100" y="2628900"/>
            <a:chExt cx="1451635" cy="1597436"/>
          </a:xfrm>
        </p:grpSpPr>
        <p:sp>
          <p:nvSpPr>
            <p:cNvPr id="62" name="Freeform 95">
              <a:extLst>
                <a:ext uri="{FF2B5EF4-FFF2-40B4-BE49-F238E27FC236}">
                  <a16:creationId xmlns:a16="http://schemas.microsoft.com/office/drawing/2014/main" id="{D2267FE9-7221-9CE0-178A-3F2447610462}"/>
                </a:ext>
              </a:extLst>
            </p:cNvPr>
            <p:cNvSpPr/>
            <p:nvPr/>
          </p:nvSpPr>
          <p:spPr>
            <a:xfrm>
              <a:off x="4383127" y="3893962"/>
              <a:ext cx="381576" cy="332374"/>
            </a:xfrm>
            <a:custGeom>
              <a:avLst/>
              <a:gdLst>
                <a:gd name="connsiteX0" fmla="*/ 381576 w 381576"/>
                <a:gd name="connsiteY0" fmla="*/ 237554 h 332374"/>
                <a:gd name="connsiteX1" fmla="*/ 0 w 381576"/>
                <a:gd name="connsiteY1" fmla="*/ 332375 h 332374"/>
                <a:gd name="connsiteX2" fmla="*/ 0 w 381576"/>
                <a:gd name="connsiteY2" fmla="*/ 0 h 332374"/>
                <a:gd name="connsiteX3" fmla="*/ 381576 w 381576"/>
                <a:gd name="connsiteY3" fmla="*/ 0 h 332374"/>
                <a:gd name="connsiteX4" fmla="*/ 381576 w 381576"/>
                <a:gd name="connsiteY4" fmla="*/ 237554 h 33237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81576" h="332374">
                  <a:moveTo>
                    <a:pt x="381576" y="237554"/>
                  </a:moveTo>
                  <a:lnTo>
                    <a:pt x="0" y="332375"/>
                  </a:lnTo>
                  <a:lnTo>
                    <a:pt x="0" y="0"/>
                  </a:lnTo>
                  <a:lnTo>
                    <a:pt x="381576" y="0"/>
                  </a:lnTo>
                  <a:lnTo>
                    <a:pt x="381576" y="237554"/>
                  </a:lnTo>
                  <a:close/>
                </a:path>
              </a:pathLst>
            </a:custGeom>
            <a:solidFill>
              <a:schemeClr val="accent3">
                <a:alpha val="50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latin typeface="Calibri" panose="020F0502020204030204"/>
                <a:cs typeface="Arial"/>
                <a:sym typeface="Arial"/>
              </a:endParaRPr>
            </a:p>
          </p:txBody>
        </p:sp>
        <p:sp>
          <p:nvSpPr>
            <p:cNvPr id="63" name="Freeform 96">
              <a:extLst>
                <a:ext uri="{FF2B5EF4-FFF2-40B4-BE49-F238E27FC236}">
                  <a16:creationId xmlns:a16="http://schemas.microsoft.com/office/drawing/2014/main" id="{C70FAF85-75B3-C30F-633D-F838285E56A5}"/>
                </a:ext>
              </a:extLst>
            </p:cNvPr>
            <p:cNvSpPr/>
            <p:nvPr/>
          </p:nvSpPr>
          <p:spPr>
            <a:xfrm>
              <a:off x="4366849" y="3874122"/>
              <a:ext cx="414124" cy="66160"/>
            </a:xfrm>
            <a:custGeom>
              <a:avLst/>
              <a:gdLst>
                <a:gd name="connsiteX0" fmla="*/ 22831 w 414124"/>
                <a:gd name="connsiteY0" fmla="*/ 0 h 66160"/>
                <a:gd name="connsiteX1" fmla="*/ 391297 w 414124"/>
                <a:gd name="connsiteY1" fmla="*/ 0 h 66160"/>
                <a:gd name="connsiteX2" fmla="*/ 414124 w 414124"/>
                <a:gd name="connsiteY2" fmla="*/ 22831 h 66160"/>
                <a:gd name="connsiteX3" fmla="*/ 414124 w 414124"/>
                <a:gd name="connsiteY3" fmla="*/ 43320 h 66160"/>
                <a:gd name="connsiteX4" fmla="*/ 391289 w 414124"/>
                <a:gd name="connsiteY4" fmla="*/ 66161 h 66160"/>
                <a:gd name="connsiteX5" fmla="*/ 22827 w 414124"/>
                <a:gd name="connsiteY5" fmla="*/ 66161 h 66160"/>
                <a:gd name="connsiteX6" fmla="*/ 0 w 414124"/>
                <a:gd name="connsiteY6" fmla="*/ 43329 h 66160"/>
                <a:gd name="connsiteX7" fmla="*/ 0 w 414124"/>
                <a:gd name="connsiteY7" fmla="*/ 22831 h 66160"/>
                <a:gd name="connsiteX8" fmla="*/ 22831 w 414124"/>
                <a:gd name="connsiteY8" fmla="*/ 0 h 66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14124" h="66160">
                  <a:moveTo>
                    <a:pt x="22831" y="0"/>
                  </a:moveTo>
                  <a:lnTo>
                    <a:pt x="391297" y="0"/>
                  </a:lnTo>
                  <a:cubicBezTo>
                    <a:pt x="403896" y="0"/>
                    <a:pt x="414124" y="10230"/>
                    <a:pt x="414124" y="22831"/>
                  </a:cubicBezTo>
                  <a:lnTo>
                    <a:pt x="414124" y="43320"/>
                  </a:lnTo>
                  <a:cubicBezTo>
                    <a:pt x="414124" y="55931"/>
                    <a:pt x="403892" y="66161"/>
                    <a:pt x="391289" y="66161"/>
                  </a:cubicBezTo>
                  <a:lnTo>
                    <a:pt x="22827" y="66161"/>
                  </a:lnTo>
                  <a:cubicBezTo>
                    <a:pt x="10229" y="66161"/>
                    <a:pt x="0" y="55931"/>
                    <a:pt x="0" y="43329"/>
                  </a:cubicBezTo>
                  <a:lnTo>
                    <a:pt x="0" y="22831"/>
                  </a:lnTo>
                  <a:cubicBezTo>
                    <a:pt x="0" y="10239"/>
                    <a:pt x="10231" y="0"/>
                    <a:pt x="22831" y="0"/>
                  </a:cubicBezTo>
                  <a:close/>
                </a:path>
              </a:pathLst>
            </a:custGeom>
            <a:solidFill>
              <a:srgbClr val="114B5F"/>
            </a:solidFill>
            <a:ln w="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latin typeface="Calibri" panose="020F0502020204030204"/>
                <a:cs typeface="Arial"/>
                <a:sym typeface="Arial"/>
              </a:endParaRPr>
            </a:p>
          </p:txBody>
        </p:sp>
        <p:sp>
          <p:nvSpPr>
            <p:cNvPr id="64" name="Freeform 97">
              <a:extLst>
                <a:ext uri="{FF2B5EF4-FFF2-40B4-BE49-F238E27FC236}">
                  <a16:creationId xmlns:a16="http://schemas.microsoft.com/office/drawing/2014/main" id="{A13B8EE6-C85A-34CC-7D2D-2C7B9EE06A06}"/>
                </a:ext>
              </a:extLst>
            </p:cNvPr>
            <p:cNvSpPr/>
            <p:nvPr/>
          </p:nvSpPr>
          <p:spPr>
            <a:xfrm>
              <a:off x="3871196" y="2628900"/>
              <a:ext cx="1405434" cy="1245222"/>
            </a:xfrm>
            <a:custGeom>
              <a:avLst/>
              <a:gdLst>
                <a:gd name="connsiteX0" fmla="*/ 893899 w 1405434"/>
                <a:gd name="connsiteY0" fmla="*/ 1245222 h 1245222"/>
                <a:gd name="connsiteX1" fmla="*/ 511541 w 1405434"/>
                <a:gd name="connsiteY1" fmla="*/ 1245222 h 1245222"/>
                <a:gd name="connsiteX2" fmla="*/ 0 w 1405434"/>
                <a:gd name="connsiteY2" fmla="*/ 0 h 1245222"/>
                <a:gd name="connsiteX3" fmla="*/ 1405435 w 1405434"/>
                <a:gd name="connsiteY3" fmla="*/ 0 h 1245222"/>
                <a:gd name="connsiteX4" fmla="*/ 893899 w 1405434"/>
                <a:gd name="connsiteY4" fmla="*/ 1245222 h 124522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05434" h="1245222">
                  <a:moveTo>
                    <a:pt x="893899" y="1245222"/>
                  </a:moveTo>
                  <a:lnTo>
                    <a:pt x="511541" y="1245222"/>
                  </a:lnTo>
                  <a:lnTo>
                    <a:pt x="0" y="0"/>
                  </a:lnTo>
                  <a:lnTo>
                    <a:pt x="1405435" y="0"/>
                  </a:lnTo>
                  <a:lnTo>
                    <a:pt x="893899" y="1245222"/>
                  </a:lnTo>
                  <a:close/>
                </a:path>
              </a:pathLst>
            </a:custGeom>
            <a:solidFill>
              <a:schemeClr val="accent3">
                <a:alpha val="50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latin typeface="Calibri" panose="020F0502020204030204"/>
                <a:cs typeface="Arial"/>
                <a:sym typeface="Arial"/>
              </a:endParaRPr>
            </a:p>
          </p:txBody>
        </p:sp>
        <p:sp>
          <p:nvSpPr>
            <p:cNvPr id="65" name="Freeform 98">
              <a:extLst>
                <a:ext uri="{FF2B5EF4-FFF2-40B4-BE49-F238E27FC236}">
                  <a16:creationId xmlns:a16="http://schemas.microsoft.com/office/drawing/2014/main" id="{6C32261E-5F98-EF32-9AD5-F3AB9AB58DE4}"/>
                </a:ext>
              </a:extLst>
            </p:cNvPr>
            <p:cNvSpPr/>
            <p:nvPr/>
          </p:nvSpPr>
          <p:spPr>
            <a:xfrm>
              <a:off x="3848100" y="2628900"/>
              <a:ext cx="1451635" cy="263742"/>
            </a:xfrm>
            <a:custGeom>
              <a:avLst/>
              <a:gdLst>
                <a:gd name="connsiteX0" fmla="*/ 1373391 w 1451635"/>
                <a:gd name="connsiteY0" fmla="*/ 241367 h 263742"/>
                <a:gd name="connsiteX1" fmla="*/ 1449172 w 1451635"/>
                <a:gd name="connsiteY1" fmla="*/ 48104 h 263742"/>
                <a:gd name="connsiteX2" fmla="*/ 1416358 w 1451635"/>
                <a:gd name="connsiteY2" fmla="*/ 0 h 263742"/>
                <a:gd name="connsiteX3" fmla="*/ 35272 w 1451635"/>
                <a:gd name="connsiteY3" fmla="*/ 0 h 263742"/>
                <a:gd name="connsiteX4" fmla="*/ 2465 w 1451635"/>
                <a:gd name="connsiteY4" fmla="*/ 48104 h 263742"/>
                <a:gd name="connsiteX5" fmla="*/ 78238 w 1451635"/>
                <a:gd name="connsiteY5" fmla="*/ 241367 h 263742"/>
                <a:gd name="connsiteX6" fmla="*/ 111044 w 1451635"/>
                <a:gd name="connsiteY6" fmla="*/ 263743 h 263742"/>
                <a:gd name="connsiteX7" fmla="*/ 1340577 w 1451635"/>
                <a:gd name="connsiteY7" fmla="*/ 263743 h 263742"/>
                <a:gd name="connsiteX8" fmla="*/ 1373391 w 1451635"/>
                <a:gd name="connsiteY8" fmla="*/ 241367 h 2637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451635" h="263742">
                  <a:moveTo>
                    <a:pt x="1373391" y="241367"/>
                  </a:moveTo>
                  <a:lnTo>
                    <a:pt x="1449172" y="48104"/>
                  </a:lnTo>
                  <a:cubicBezTo>
                    <a:pt x="1458230" y="24990"/>
                    <a:pt x="1441190" y="0"/>
                    <a:pt x="1416358" y="0"/>
                  </a:cubicBezTo>
                  <a:lnTo>
                    <a:pt x="35272" y="0"/>
                  </a:lnTo>
                  <a:cubicBezTo>
                    <a:pt x="10437" y="0"/>
                    <a:pt x="-6595" y="24990"/>
                    <a:pt x="2465" y="48104"/>
                  </a:cubicBezTo>
                  <a:lnTo>
                    <a:pt x="78238" y="241367"/>
                  </a:lnTo>
                  <a:cubicBezTo>
                    <a:pt x="83530" y="254864"/>
                    <a:pt x="96543" y="263743"/>
                    <a:pt x="111044" y="263743"/>
                  </a:cubicBezTo>
                  <a:lnTo>
                    <a:pt x="1340577" y="263743"/>
                  </a:lnTo>
                  <a:cubicBezTo>
                    <a:pt x="1355084" y="263743"/>
                    <a:pt x="1368095" y="254864"/>
                    <a:pt x="1373391" y="241367"/>
                  </a:cubicBezTo>
                  <a:close/>
                </a:path>
              </a:pathLst>
            </a:custGeom>
            <a:solidFill>
              <a:srgbClr val="114B5F"/>
            </a:solidFill>
            <a:ln w="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srgbClr val="ED7D31">
                    <a:lumMod val="20000"/>
                    <a:lumOff val="80000"/>
                  </a:srgbClr>
                </a:solidFill>
                <a:effectLst/>
                <a:uLnTx/>
                <a:uFillTx/>
                <a:latin typeface="Calibri" panose="020F0502020204030204"/>
                <a:cs typeface="Arial"/>
                <a:sym typeface="Arial"/>
              </a:endParaRPr>
            </a:p>
          </p:txBody>
        </p:sp>
      </p:grpSp>
      <p:sp>
        <p:nvSpPr>
          <p:cNvPr id="61" name="Freeform 94">
            <a:extLst>
              <a:ext uri="{FF2B5EF4-FFF2-40B4-BE49-F238E27FC236}">
                <a16:creationId xmlns:a16="http://schemas.microsoft.com/office/drawing/2014/main" id="{E0DFA78E-BF35-0BC2-8726-953CB6B2059C}"/>
              </a:ext>
            </a:extLst>
          </p:cNvPr>
          <p:cNvSpPr/>
          <p:nvPr/>
        </p:nvSpPr>
        <p:spPr>
          <a:xfrm>
            <a:off x="7621007" y="5665382"/>
            <a:ext cx="2581510" cy="4973612"/>
          </a:xfrm>
          <a:custGeom>
            <a:avLst/>
            <a:gdLst>
              <a:gd name="connsiteX0" fmla="*/ 703571 w 727439"/>
              <a:gd name="connsiteY0" fmla="*/ 1875 h 1550022"/>
              <a:gd name="connsiteX1" fmla="*/ 704342 w 727439"/>
              <a:gd name="connsiteY1" fmla="*/ 0 h 1550022"/>
              <a:gd name="connsiteX2" fmla="*/ 513547 w 727439"/>
              <a:gd name="connsiteY2" fmla="*/ 0 h 1550022"/>
              <a:gd name="connsiteX3" fmla="*/ 512776 w 727439"/>
              <a:gd name="connsiteY3" fmla="*/ 1875 h 1550022"/>
              <a:gd name="connsiteX4" fmla="*/ 534178 w 727439"/>
              <a:gd name="connsiteY4" fmla="*/ 48104 h 1550022"/>
              <a:gd name="connsiteX5" fmla="*/ 458407 w 727439"/>
              <a:gd name="connsiteY5" fmla="*/ 241367 h 1550022"/>
              <a:gd name="connsiteX6" fmla="*/ 425603 w 727439"/>
              <a:gd name="connsiteY6" fmla="*/ 263743 h 1550022"/>
              <a:gd name="connsiteX7" fmla="*/ 405200 w 727439"/>
              <a:gd name="connsiteY7" fmla="*/ 263743 h 1550022"/>
              <a:gd name="connsiteX8" fmla="*/ 2009 w 727439"/>
              <a:gd name="connsiteY8" fmla="*/ 1245222 h 1550022"/>
              <a:gd name="connsiteX9" fmla="*/ 0 w 727439"/>
              <a:gd name="connsiteY9" fmla="*/ 1245222 h 1550022"/>
              <a:gd name="connsiteX10" fmla="*/ 17897 w 727439"/>
              <a:gd name="connsiteY10" fmla="*/ 1263129 h 1550022"/>
              <a:gd name="connsiteX11" fmla="*/ 17897 w 727439"/>
              <a:gd name="connsiteY11" fmla="*/ 1293476 h 1550022"/>
              <a:gd name="connsiteX12" fmla="*/ 1618 w 727439"/>
              <a:gd name="connsiteY12" fmla="*/ 1311297 h 1550022"/>
              <a:gd name="connsiteX13" fmla="*/ 1618 w 727439"/>
              <a:gd name="connsiteY13" fmla="*/ 1550022 h 1550022"/>
              <a:gd name="connsiteX14" fmla="*/ 192416 w 727439"/>
              <a:gd name="connsiteY14" fmla="*/ 1502616 h 1550022"/>
              <a:gd name="connsiteX15" fmla="*/ 192416 w 727439"/>
              <a:gd name="connsiteY15" fmla="*/ 1311297 h 1550022"/>
              <a:gd name="connsiteX16" fmla="*/ 208685 w 727439"/>
              <a:gd name="connsiteY16" fmla="*/ 1293476 h 1550022"/>
              <a:gd name="connsiteX17" fmla="*/ 208685 w 727439"/>
              <a:gd name="connsiteY17" fmla="*/ 1263129 h 1550022"/>
              <a:gd name="connsiteX18" fmla="*/ 190788 w 727439"/>
              <a:gd name="connsiteY18" fmla="*/ 1245222 h 1550022"/>
              <a:gd name="connsiteX19" fmla="*/ 192807 w 727439"/>
              <a:gd name="connsiteY19" fmla="*/ 1245222 h 1550022"/>
              <a:gd name="connsiteX20" fmla="*/ 596005 w 727439"/>
              <a:gd name="connsiteY20" fmla="*/ 263743 h 1550022"/>
              <a:gd name="connsiteX21" fmla="*/ 616388 w 727439"/>
              <a:gd name="connsiteY21" fmla="*/ 263743 h 1550022"/>
              <a:gd name="connsiteX22" fmla="*/ 649202 w 727439"/>
              <a:gd name="connsiteY22" fmla="*/ 241367 h 1550022"/>
              <a:gd name="connsiteX23" fmla="*/ 724974 w 727439"/>
              <a:gd name="connsiteY23" fmla="*/ 48104 h 1550022"/>
              <a:gd name="connsiteX24" fmla="*/ 703571 w 727439"/>
              <a:gd name="connsiteY24" fmla="*/ 1875 h 15500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727439" h="1550022">
                <a:moveTo>
                  <a:pt x="703571" y="1875"/>
                </a:moveTo>
                <a:lnTo>
                  <a:pt x="704342" y="0"/>
                </a:lnTo>
                <a:lnTo>
                  <a:pt x="513547" y="0"/>
                </a:lnTo>
                <a:lnTo>
                  <a:pt x="512776" y="1875"/>
                </a:lnTo>
                <a:cubicBezTo>
                  <a:pt x="531045" y="8084"/>
                  <a:pt x="541770" y="28743"/>
                  <a:pt x="534178" y="48104"/>
                </a:cubicBezTo>
                <a:lnTo>
                  <a:pt x="458407" y="241367"/>
                </a:lnTo>
                <a:cubicBezTo>
                  <a:pt x="453120" y="254864"/>
                  <a:pt x="440100" y="263743"/>
                  <a:pt x="425603" y="263743"/>
                </a:cubicBezTo>
                <a:lnTo>
                  <a:pt x="405200" y="263743"/>
                </a:lnTo>
                <a:lnTo>
                  <a:pt x="2009" y="1245222"/>
                </a:lnTo>
                <a:lnTo>
                  <a:pt x="0" y="1245222"/>
                </a:lnTo>
                <a:cubicBezTo>
                  <a:pt x="9878" y="1245222"/>
                  <a:pt x="17897" y="1253242"/>
                  <a:pt x="17897" y="1263129"/>
                </a:cubicBezTo>
                <a:lnTo>
                  <a:pt x="17897" y="1293476"/>
                </a:lnTo>
                <a:cubicBezTo>
                  <a:pt x="17897" y="1302811"/>
                  <a:pt x="10743" y="1310478"/>
                  <a:pt x="1618" y="1311297"/>
                </a:cubicBezTo>
                <a:lnTo>
                  <a:pt x="1618" y="1550022"/>
                </a:lnTo>
                <a:lnTo>
                  <a:pt x="192416" y="1502616"/>
                </a:lnTo>
                <a:lnTo>
                  <a:pt x="192416" y="1311297"/>
                </a:lnTo>
                <a:cubicBezTo>
                  <a:pt x="201532" y="1310478"/>
                  <a:pt x="208685" y="1302811"/>
                  <a:pt x="208685" y="1293476"/>
                </a:cubicBezTo>
                <a:lnTo>
                  <a:pt x="208685" y="1263129"/>
                </a:lnTo>
                <a:cubicBezTo>
                  <a:pt x="208685" y="1253242"/>
                  <a:pt x="200676" y="1245222"/>
                  <a:pt x="190788" y="1245222"/>
                </a:cubicBezTo>
                <a:lnTo>
                  <a:pt x="192807" y="1245222"/>
                </a:lnTo>
                <a:lnTo>
                  <a:pt x="596005" y="263743"/>
                </a:lnTo>
                <a:lnTo>
                  <a:pt x="616388" y="263743"/>
                </a:lnTo>
                <a:cubicBezTo>
                  <a:pt x="630895" y="263743"/>
                  <a:pt x="643906" y="254864"/>
                  <a:pt x="649202" y="241367"/>
                </a:cubicBezTo>
                <a:lnTo>
                  <a:pt x="724974" y="48104"/>
                </a:lnTo>
                <a:cubicBezTo>
                  <a:pt x="732565" y="28743"/>
                  <a:pt x="721840" y="8084"/>
                  <a:pt x="703571" y="1875"/>
                </a:cubicBezTo>
                <a:close/>
              </a:path>
            </a:pathLst>
          </a:custGeom>
          <a:solidFill>
            <a:srgbClr val="F76C6C">
              <a:alpha val="20000"/>
            </a:srgbClr>
          </a:solidFill>
          <a:ln w="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black"/>
              </a:solidFill>
              <a:effectLst/>
              <a:uLnTx/>
              <a:uFillTx/>
              <a:latin typeface="Calibri" panose="020F0502020204030204"/>
              <a:cs typeface="Arial"/>
              <a:sym typeface="Arial"/>
            </a:endParaRPr>
          </a:p>
        </p:txBody>
      </p:sp>
      <p:grpSp>
        <p:nvGrpSpPr>
          <p:cNvPr id="66" name="Graphic 16">
            <a:extLst>
              <a:ext uri="{FF2B5EF4-FFF2-40B4-BE49-F238E27FC236}">
                <a16:creationId xmlns:a16="http://schemas.microsoft.com/office/drawing/2014/main" id="{26354E0B-768A-7C05-F153-37B84E476046}"/>
              </a:ext>
            </a:extLst>
          </p:cNvPr>
          <p:cNvGrpSpPr/>
          <p:nvPr/>
        </p:nvGrpSpPr>
        <p:grpSpPr>
          <a:xfrm>
            <a:off x="9090635" y="5665382"/>
            <a:ext cx="4386466" cy="5123926"/>
            <a:chOff x="3856722" y="2628900"/>
            <a:chExt cx="1451635" cy="1597437"/>
          </a:xfrm>
        </p:grpSpPr>
        <p:sp>
          <p:nvSpPr>
            <p:cNvPr id="67" name="Freeform 27">
              <a:extLst>
                <a:ext uri="{FF2B5EF4-FFF2-40B4-BE49-F238E27FC236}">
                  <a16:creationId xmlns:a16="http://schemas.microsoft.com/office/drawing/2014/main" id="{53904599-E3E7-4DF0-0724-6AFACE2EB830}"/>
                </a:ext>
              </a:extLst>
            </p:cNvPr>
            <p:cNvSpPr/>
            <p:nvPr/>
          </p:nvSpPr>
          <p:spPr>
            <a:xfrm>
              <a:off x="4383128" y="3893963"/>
              <a:ext cx="381576" cy="332374"/>
            </a:xfrm>
            <a:custGeom>
              <a:avLst/>
              <a:gdLst>
                <a:gd name="connsiteX0" fmla="*/ 381576 w 381576"/>
                <a:gd name="connsiteY0" fmla="*/ 237554 h 332374"/>
                <a:gd name="connsiteX1" fmla="*/ 0 w 381576"/>
                <a:gd name="connsiteY1" fmla="*/ 332375 h 332374"/>
                <a:gd name="connsiteX2" fmla="*/ 0 w 381576"/>
                <a:gd name="connsiteY2" fmla="*/ 0 h 332374"/>
                <a:gd name="connsiteX3" fmla="*/ 381576 w 381576"/>
                <a:gd name="connsiteY3" fmla="*/ 0 h 332374"/>
                <a:gd name="connsiteX4" fmla="*/ 381576 w 381576"/>
                <a:gd name="connsiteY4" fmla="*/ 237554 h 332374"/>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381576" h="332374">
                  <a:moveTo>
                    <a:pt x="381576" y="237554"/>
                  </a:moveTo>
                  <a:lnTo>
                    <a:pt x="0" y="332375"/>
                  </a:lnTo>
                  <a:lnTo>
                    <a:pt x="0" y="0"/>
                  </a:lnTo>
                  <a:lnTo>
                    <a:pt x="381576" y="0"/>
                  </a:lnTo>
                  <a:lnTo>
                    <a:pt x="381576" y="237554"/>
                  </a:lnTo>
                  <a:close/>
                </a:path>
              </a:pathLst>
            </a:custGeom>
            <a:solidFill>
              <a:schemeClr val="accent1">
                <a:alpha val="50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defTabSz="914400" eaLnBrk="1" fontAlgn="auto" hangingPunct="1">
                <a:spcBef>
                  <a:spcPts val="0"/>
                </a:spcBef>
                <a:spcAft>
                  <a:spcPts val="0"/>
                </a:spcAft>
                <a:defRPr/>
              </a:pPr>
              <a:endParaRPr lang="en-US" sz="1800">
                <a:solidFill>
                  <a:prstClr val="black"/>
                </a:solidFill>
                <a:latin typeface="Calibri" panose="020F0502020204030204"/>
                <a:cs typeface="Arial"/>
                <a:sym typeface="Arial"/>
              </a:endParaRPr>
            </a:p>
          </p:txBody>
        </p:sp>
        <p:sp>
          <p:nvSpPr>
            <p:cNvPr id="68" name="Freeform 28">
              <a:extLst>
                <a:ext uri="{FF2B5EF4-FFF2-40B4-BE49-F238E27FC236}">
                  <a16:creationId xmlns:a16="http://schemas.microsoft.com/office/drawing/2014/main" id="{EA077D0A-E7ED-E49E-6114-3AC951CB6B8F}"/>
                </a:ext>
              </a:extLst>
            </p:cNvPr>
            <p:cNvSpPr/>
            <p:nvPr/>
          </p:nvSpPr>
          <p:spPr>
            <a:xfrm>
              <a:off x="4366850" y="3874122"/>
              <a:ext cx="414124" cy="66160"/>
            </a:xfrm>
            <a:custGeom>
              <a:avLst/>
              <a:gdLst>
                <a:gd name="connsiteX0" fmla="*/ 22831 w 414124"/>
                <a:gd name="connsiteY0" fmla="*/ 0 h 66160"/>
                <a:gd name="connsiteX1" fmla="*/ 391297 w 414124"/>
                <a:gd name="connsiteY1" fmla="*/ 0 h 66160"/>
                <a:gd name="connsiteX2" fmla="*/ 414124 w 414124"/>
                <a:gd name="connsiteY2" fmla="*/ 22831 h 66160"/>
                <a:gd name="connsiteX3" fmla="*/ 414124 w 414124"/>
                <a:gd name="connsiteY3" fmla="*/ 43320 h 66160"/>
                <a:gd name="connsiteX4" fmla="*/ 391289 w 414124"/>
                <a:gd name="connsiteY4" fmla="*/ 66161 h 66160"/>
                <a:gd name="connsiteX5" fmla="*/ 22827 w 414124"/>
                <a:gd name="connsiteY5" fmla="*/ 66161 h 66160"/>
                <a:gd name="connsiteX6" fmla="*/ 0 w 414124"/>
                <a:gd name="connsiteY6" fmla="*/ 43329 h 66160"/>
                <a:gd name="connsiteX7" fmla="*/ 0 w 414124"/>
                <a:gd name="connsiteY7" fmla="*/ 22831 h 66160"/>
                <a:gd name="connsiteX8" fmla="*/ 22831 w 414124"/>
                <a:gd name="connsiteY8" fmla="*/ 0 h 6616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414124" h="66160">
                  <a:moveTo>
                    <a:pt x="22831" y="0"/>
                  </a:moveTo>
                  <a:lnTo>
                    <a:pt x="391297" y="0"/>
                  </a:lnTo>
                  <a:cubicBezTo>
                    <a:pt x="403896" y="0"/>
                    <a:pt x="414124" y="10230"/>
                    <a:pt x="414124" y="22831"/>
                  </a:cubicBezTo>
                  <a:lnTo>
                    <a:pt x="414124" y="43320"/>
                  </a:lnTo>
                  <a:cubicBezTo>
                    <a:pt x="414124" y="55931"/>
                    <a:pt x="403892" y="66161"/>
                    <a:pt x="391289" y="66161"/>
                  </a:cubicBezTo>
                  <a:lnTo>
                    <a:pt x="22827" y="66161"/>
                  </a:lnTo>
                  <a:cubicBezTo>
                    <a:pt x="10229" y="66161"/>
                    <a:pt x="0" y="55931"/>
                    <a:pt x="0" y="43329"/>
                  </a:cubicBezTo>
                  <a:lnTo>
                    <a:pt x="0" y="22831"/>
                  </a:lnTo>
                  <a:cubicBezTo>
                    <a:pt x="0" y="10239"/>
                    <a:pt x="10231" y="0"/>
                    <a:pt x="22831" y="0"/>
                  </a:cubicBezTo>
                  <a:close/>
                </a:path>
              </a:pathLst>
            </a:custGeom>
            <a:solidFill>
              <a:srgbClr val="F76C6C"/>
            </a:solidFill>
            <a:ln w="0" cap="flat">
              <a:noFill/>
              <a:prstDash val="solid"/>
              <a:miter/>
            </a:ln>
          </p:spPr>
          <p:txBody>
            <a:bodyPr rtlCol="0" anchor="ctr"/>
            <a:lstStyle/>
            <a:p>
              <a:pPr defTabSz="914400" eaLnBrk="1" fontAlgn="auto" hangingPunct="1">
                <a:spcBef>
                  <a:spcPts val="0"/>
                </a:spcBef>
                <a:spcAft>
                  <a:spcPts val="0"/>
                </a:spcAft>
                <a:defRPr/>
              </a:pPr>
              <a:endParaRPr lang="en-US" sz="1800">
                <a:solidFill>
                  <a:prstClr val="black"/>
                </a:solidFill>
                <a:latin typeface="Calibri" panose="020F0502020204030204"/>
                <a:cs typeface="Arial"/>
                <a:sym typeface="Arial"/>
              </a:endParaRPr>
            </a:p>
          </p:txBody>
        </p:sp>
        <p:sp>
          <p:nvSpPr>
            <p:cNvPr id="69" name="Freeform 29">
              <a:extLst>
                <a:ext uri="{FF2B5EF4-FFF2-40B4-BE49-F238E27FC236}">
                  <a16:creationId xmlns:a16="http://schemas.microsoft.com/office/drawing/2014/main" id="{5C9E9386-72B4-131A-0F2B-520ACFA6A695}"/>
                </a:ext>
              </a:extLst>
            </p:cNvPr>
            <p:cNvSpPr/>
            <p:nvPr/>
          </p:nvSpPr>
          <p:spPr>
            <a:xfrm>
              <a:off x="3871195" y="2628900"/>
              <a:ext cx="1405434" cy="1245222"/>
            </a:xfrm>
            <a:custGeom>
              <a:avLst/>
              <a:gdLst>
                <a:gd name="connsiteX0" fmla="*/ 893899 w 1405434"/>
                <a:gd name="connsiteY0" fmla="*/ 1245222 h 1245222"/>
                <a:gd name="connsiteX1" fmla="*/ 511541 w 1405434"/>
                <a:gd name="connsiteY1" fmla="*/ 1245222 h 1245222"/>
                <a:gd name="connsiteX2" fmla="*/ 0 w 1405434"/>
                <a:gd name="connsiteY2" fmla="*/ 0 h 1245222"/>
                <a:gd name="connsiteX3" fmla="*/ 1405435 w 1405434"/>
                <a:gd name="connsiteY3" fmla="*/ 0 h 1245222"/>
                <a:gd name="connsiteX4" fmla="*/ 893899 w 1405434"/>
                <a:gd name="connsiteY4" fmla="*/ 1245222 h 1245222"/>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405434" h="1245222">
                  <a:moveTo>
                    <a:pt x="893899" y="1245222"/>
                  </a:moveTo>
                  <a:lnTo>
                    <a:pt x="511541" y="1245222"/>
                  </a:lnTo>
                  <a:lnTo>
                    <a:pt x="0" y="0"/>
                  </a:lnTo>
                  <a:lnTo>
                    <a:pt x="1405435" y="0"/>
                  </a:lnTo>
                  <a:lnTo>
                    <a:pt x="893899" y="1245222"/>
                  </a:lnTo>
                  <a:close/>
                </a:path>
              </a:pathLst>
            </a:custGeom>
            <a:solidFill>
              <a:schemeClr val="accent1">
                <a:alpha val="50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defTabSz="914400" eaLnBrk="1" fontAlgn="auto" hangingPunct="1">
                <a:spcBef>
                  <a:spcPts val="0"/>
                </a:spcBef>
                <a:spcAft>
                  <a:spcPts val="0"/>
                </a:spcAft>
                <a:defRPr/>
              </a:pPr>
              <a:endParaRPr lang="en-US" sz="1800">
                <a:solidFill>
                  <a:prstClr val="black"/>
                </a:solidFill>
                <a:latin typeface="Calibri" panose="020F0502020204030204"/>
                <a:cs typeface="Arial"/>
                <a:sym typeface="Arial"/>
              </a:endParaRPr>
            </a:p>
          </p:txBody>
        </p:sp>
        <p:sp>
          <p:nvSpPr>
            <p:cNvPr id="70" name="Freeform 30">
              <a:extLst>
                <a:ext uri="{FF2B5EF4-FFF2-40B4-BE49-F238E27FC236}">
                  <a16:creationId xmlns:a16="http://schemas.microsoft.com/office/drawing/2014/main" id="{66DD4897-3195-8499-832F-A957B9925E4C}"/>
                </a:ext>
              </a:extLst>
            </p:cNvPr>
            <p:cNvSpPr/>
            <p:nvPr/>
          </p:nvSpPr>
          <p:spPr>
            <a:xfrm>
              <a:off x="3856722" y="2629456"/>
              <a:ext cx="1451635" cy="263742"/>
            </a:xfrm>
            <a:custGeom>
              <a:avLst/>
              <a:gdLst>
                <a:gd name="connsiteX0" fmla="*/ 1373391 w 1451635"/>
                <a:gd name="connsiteY0" fmla="*/ 241367 h 263742"/>
                <a:gd name="connsiteX1" fmla="*/ 1449172 w 1451635"/>
                <a:gd name="connsiteY1" fmla="*/ 48104 h 263742"/>
                <a:gd name="connsiteX2" fmla="*/ 1416358 w 1451635"/>
                <a:gd name="connsiteY2" fmla="*/ 0 h 263742"/>
                <a:gd name="connsiteX3" fmla="*/ 35272 w 1451635"/>
                <a:gd name="connsiteY3" fmla="*/ 0 h 263742"/>
                <a:gd name="connsiteX4" fmla="*/ 2465 w 1451635"/>
                <a:gd name="connsiteY4" fmla="*/ 48104 h 263742"/>
                <a:gd name="connsiteX5" fmla="*/ 78238 w 1451635"/>
                <a:gd name="connsiteY5" fmla="*/ 241367 h 263742"/>
                <a:gd name="connsiteX6" fmla="*/ 111044 w 1451635"/>
                <a:gd name="connsiteY6" fmla="*/ 263743 h 263742"/>
                <a:gd name="connsiteX7" fmla="*/ 1340577 w 1451635"/>
                <a:gd name="connsiteY7" fmla="*/ 263743 h 263742"/>
                <a:gd name="connsiteX8" fmla="*/ 1373391 w 1451635"/>
                <a:gd name="connsiteY8" fmla="*/ 241367 h 26374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1451635" h="263742">
                  <a:moveTo>
                    <a:pt x="1373391" y="241367"/>
                  </a:moveTo>
                  <a:lnTo>
                    <a:pt x="1449172" y="48104"/>
                  </a:lnTo>
                  <a:cubicBezTo>
                    <a:pt x="1458230" y="24990"/>
                    <a:pt x="1441190" y="0"/>
                    <a:pt x="1416358" y="0"/>
                  </a:cubicBezTo>
                  <a:lnTo>
                    <a:pt x="35272" y="0"/>
                  </a:lnTo>
                  <a:cubicBezTo>
                    <a:pt x="10437" y="0"/>
                    <a:pt x="-6595" y="24990"/>
                    <a:pt x="2465" y="48104"/>
                  </a:cubicBezTo>
                  <a:lnTo>
                    <a:pt x="78238" y="241367"/>
                  </a:lnTo>
                  <a:cubicBezTo>
                    <a:pt x="83530" y="254864"/>
                    <a:pt x="96543" y="263743"/>
                    <a:pt x="111044" y="263743"/>
                  </a:cubicBezTo>
                  <a:lnTo>
                    <a:pt x="1340577" y="263743"/>
                  </a:lnTo>
                  <a:cubicBezTo>
                    <a:pt x="1355084" y="263743"/>
                    <a:pt x="1368095" y="254864"/>
                    <a:pt x="1373391" y="241367"/>
                  </a:cubicBezTo>
                  <a:close/>
                </a:path>
              </a:pathLst>
            </a:custGeom>
            <a:solidFill>
              <a:srgbClr val="F76C6C"/>
            </a:solidFill>
            <a:ln w="0" cap="flat">
              <a:noFill/>
              <a:prstDash val="solid"/>
              <a:miter/>
            </a:ln>
          </p:spPr>
          <p:txBody>
            <a:bodyPr rtlCol="0" anchor="ctr"/>
            <a:lstStyle/>
            <a:p>
              <a:pPr defTabSz="914400" eaLnBrk="1" fontAlgn="auto" hangingPunct="1">
                <a:spcBef>
                  <a:spcPts val="0"/>
                </a:spcBef>
                <a:spcAft>
                  <a:spcPts val="0"/>
                </a:spcAft>
                <a:defRPr/>
              </a:pPr>
              <a:endParaRPr lang="en-US" sz="1800">
                <a:solidFill>
                  <a:srgbClr val="ED7D31">
                    <a:lumMod val="20000"/>
                    <a:lumOff val="80000"/>
                  </a:srgbClr>
                </a:solidFill>
                <a:latin typeface="Calibri" panose="020F0502020204030204"/>
                <a:cs typeface="Arial"/>
                <a:sym typeface="Arial"/>
              </a:endParaRPr>
            </a:p>
          </p:txBody>
        </p:sp>
      </p:grpSp>
      <p:sp>
        <p:nvSpPr>
          <p:cNvPr id="71" name="Freeform 26">
            <a:extLst>
              <a:ext uri="{FF2B5EF4-FFF2-40B4-BE49-F238E27FC236}">
                <a16:creationId xmlns:a16="http://schemas.microsoft.com/office/drawing/2014/main" id="{47840CA3-954A-3F4E-9AC4-62E91523048D}"/>
              </a:ext>
            </a:extLst>
          </p:cNvPr>
          <p:cNvSpPr/>
          <p:nvPr/>
        </p:nvSpPr>
        <p:spPr>
          <a:xfrm>
            <a:off x="11323057" y="5667207"/>
            <a:ext cx="2457903" cy="4971788"/>
          </a:xfrm>
          <a:custGeom>
            <a:avLst/>
            <a:gdLst>
              <a:gd name="connsiteX0" fmla="*/ 703571 w 727439"/>
              <a:gd name="connsiteY0" fmla="*/ 1875 h 1550022"/>
              <a:gd name="connsiteX1" fmla="*/ 704342 w 727439"/>
              <a:gd name="connsiteY1" fmla="*/ 0 h 1550022"/>
              <a:gd name="connsiteX2" fmla="*/ 513547 w 727439"/>
              <a:gd name="connsiteY2" fmla="*/ 0 h 1550022"/>
              <a:gd name="connsiteX3" fmla="*/ 512776 w 727439"/>
              <a:gd name="connsiteY3" fmla="*/ 1875 h 1550022"/>
              <a:gd name="connsiteX4" fmla="*/ 534178 w 727439"/>
              <a:gd name="connsiteY4" fmla="*/ 48104 h 1550022"/>
              <a:gd name="connsiteX5" fmla="*/ 458407 w 727439"/>
              <a:gd name="connsiteY5" fmla="*/ 241367 h 1550022"/>
              <a:gd name="connsiteX6" fmla="*/ 425603 w 727439"/>
              <a:gd name="connsiteY6" fmla="*/ 263743 h 1550022"/>
              <a:gd name="connsiteX7" fmla="*/ 405200 w 727439"/>
              <a:gd name="connsiteY7" fmla="*/ 263743 h 1550022"/>
              <a:gd name="connsiteX8" fmla="*/ 2009 w 727439"/>
              <a:gd name="connsiteY8" fmla="*/ 1245222 h 1550022"/>
              <a:gd name="connsiteX9" fmla="*/ 0 w 727439"/>
              <a:gd name="connsiteY9" fmla="*/ 1245222 h 1550022"/>
              <a:gd name="connsiteX10" fmla="*/ 17897 w 727439"/>
              <a:gd name="connsiteY10" fmla="*/ 1263129 h 1550022"/>
              <a:gd name="connsiteX11" fmla="*/ 17897 w 727439"/>
              <a:gd name="connsiteY11" fmla="*/ 1293476 h 1550022"/>
              <a:gd name="connsiteX12" fmla="*/ 1618 w 727439"/>
              <a:gd name="connsiteY12" fmla="*/ 1311297 h 1550022"/>
              <a:gd name="connsiteX13" fmla="*/ 1618 w 727439"/>
              <a:gd name="connsiteY13" fmla="*/ 1550022 h 1550022"/>
              <a:gd name="connsiteX14" fmla="*/ 192416 w 727439"/>
              <a:gd name="connsiteY14" fmla="*/ 1502616 h 1550022"/>
              <a:gd name="connsiteX15" fmla="*/ 192416 w 727439"/>
              <a:gd name="connsiteY15" fmla="*/ 1311297 h 1550022"/>
              <a:gd name="connsiteX16" fmla="*/ 208685 w 727439"/>
              <a:gd name="connsiteY16" fmla="*/ 1293476 h 1550022"/>
              <a:gd name="connsiteX17" fmla="*/ 208685 w 727439"/>
              <a:gd name="connsiteY17" fmla="*/ 1263129 h 1550022"/>
              <a:gd name="connsiteX18" fmla="*/ 190788 w 727439"/>
              <a:gd name="connsiteY18" fmla="*/ 1245222 h 1550022"/>
              <a:gd name="connsiteX19" fmla="*/ 192807 w 727439"/>
              <a:gd name="connsiteY19" fmla="*/ 1245222 h 1550022"/>
              <a:gd name="connsiteX20" fmla="*/ 596005 w 727439"/>
              <a:gd name="connsiteY20" fmla="*/ 263743 h 1550022"/>
              <a:gd name="connsiteX21" fmla="*/ 616388 w 727439"/>
              <a:gd name="connsiteY21" fmla="*/ 263743 h 1550022"/>
              <a:gd name="connsiteX22" fmla="*/ 649202 w 727439"/>
              <a:gd name="connsiteY22" fmla="*/ 241367 h 1550022"/>
              <a:gd name="connsiteX23" fmla="*/ 724974 w 727439"/>
              <a:gd name="connsiteY23" fmla="*/ 48104 h 1550022"/>
              <a:gd name="connsiteX24" fmla="*/ 703571 w 727439"/>
              <a:gd name="connsiteY24" fmla="*/ 1875 h 155002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Lst>
            <a:rect l="l" t="t" r="r" b="b"/>
            <a:pathLst>
              <a:path w="727439" h="1550022">
                <a:moveTo>
                  <a:pt x="703571" y="1875"/>
                </a:moveTo>
                <a:lnTo>
                  <a:pt x="704342" y="0"/>
                </a:lnTo>
                <a:lnTo>
                  <a:pt x="513547" y="0"/>
                </a:lnTo>
                <a:lnTo>
                  <a:pt x="512776" y="1875"/>
                </a:lnTo>
                <a:cubicBezTo>
                  <a:pt x="531045" y="8084"/>
                  <a:pt x="541770" y="28743"/>
                  <a:pt x="534178" y="48104"/>
                </a:cubicBezTo>
                <a:lnTo>
                  <a:pt x="458407" y="241367"/>
                </a:lnTo>
                <a:cubicBezTo>
                  <a:pt x="453120" y="254864"/>
                  <a:pt x="440100" y="263743"/>
                  <a:pt x="425603" y="263743"/>
                </a:cubicBezTo>
                <a:lnTo>
                  <a:pt x="405200" y="263743"/>
                </a:lnTo>
                <a:lnTo>
                  <a:pt x="2009" y="1245222"/>
                </a:lnTo>
                <a:lnTo>
                  <a:pt x="0" y="1245222"/>
                </a:lnTo>
                <a:cubicBezTo>
                  <a:pt x="9878" y="1245222"/>
                  <a:pt x="17897" y="1253242"/>
                  <a:pt x="17897" y="1263129"/>
                </a:cubicBezTo>
                <a:lnTo>
                  <a:pt x="17897" y="1293476"/>
                </a:lnTo>
                <a:cubicBezTo>
                  <a:pt x="17897" y="1302811"/>
                  <a:pt x="10743" y="1310478"/>
                  <a:pt x="1618" y="1311297"/>
                </a:cubicBezTo>
                <a:lnTo>
                  <a:pt x="1618" y="1550022"/>
                </a:lnTo>
                <a:lnTo>
                  <a:pt x="192416" y="1502616"/>
                </a:lnTo>
                <a:lnTo>
                  <a:pt x="192416" y="1311297"/>
                </a:lnTo>
                <a:cubicBezTo>
                  <a:pt x="201532" y="1310478"/>
                  <a:pt x="208685" y="1302811"/>
                  <a:pt x="208685" y="1293476"/>
                </a:cubicBezTo>
                <a:lnTo>
                  <a:pt x="208685" y="1263129"/>
                </a:lnTo>
                <a:cubicBezTo>
                  <a:pt x="208685" y="1253242"/>
                  <a:pt x="200676" y="1245222"/>
                  <a:pt x="190788" y="1245222"/>
                </a:cubicBezTo>
                <a:lnTo>
                  <a:pt x="192807" y="1245222"/>
                </a:lnTo>
                <a:lnTo>
                  <a:pt x="596005" y="263743"/>
                </a:lnTo>
                <a:lnTo>
                  <a:pt x="616388" y="263743"/>
                </a:lnTo>
                <a:cubicBezTo>
                  <a:pt x="630895" y="263743"/>
                  <a:pt x="643906" y="254864"/>
                  <a:pt x="649202" y="241367"/>
                </a:cubicBezTo>
                <a:lnTo>
                  <a:pt x="724974" y="48104"/>
                </a:lnTo>
                <a:cubicBezTo>
                  <a:pt x="732565" y="28743"/>
                  <a:pt x="721840" y="8084"/>
                  <a:pt x="703571" y="1875"/>
                </a:cubicBezTo>
                <a:close/>
              </a:path>
            </a:pathLst>
          </a:custGeom>
          <a:solidFill>
            <a:srgbClr val="114B5F">
              <a:alpha val="22205"/>
            </a:srgbClr>
          </a:solidFill>
          <a:ln w="0" cap="flat">
            <a:noFill/>
            <a:prstDash val="solid"/>
            <a:miter/>
          </a:ln>
        </p:spPr>
        <p:txBody>
          <a:bodyPr rtlCol="0" anchor="ctr"/>
          <a:lstStyle/>
          <a:p>
            <a:pPr marL="0" marR="0" lvl="0" indent="0"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black"/>
              </a:solidFill>
              <a:effectLst/>
              <a:uLnTx/>
              <a:uFillTx/>
              <a:latin typeface="Calibri" panose="020F0502020204030204"/>
              <a:cs typeface="Arial"/>
              <a:sym typeface="Arial"/>
            </a:endParaRPr>
          </a:p>
        </p:txBody>
      </p:sp>
      <p:sp>
        <p:nvSpPr>
          <p:cNvPr id="72" name="Title 3">
            <a:extLst>
              <a:ext uri="{FF2B5EF4-FFF2-40B4-BE49-F238E27FC236}">
                <a16:creationId xmlns:a16="http://schemas.microsoft.com/office/drawing/2014/main" id="{1C5F26D9-087B-9E02-44DF-BFB3684B6AB2}"/>
              </a:ext>
            </a:extLst>
          </p:cNvPr>
          <p:cNvSpPr txBox="1">
            <a:spLocks/>
          </p:cNvSpPr>
          <p:nvPr/>
        </p:nvSpPr>
        <p:spPr>
          <a:xfrm>
            <a:off x="9468012" y="5676188"/>
            <a:ext cx="3633676" cy="762056"/>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auto" latinLnBrk="0" hangingPunct="1">
              <a:lnSpc>
                <a:spcPct val="107000"/>
              </a:lnSpc>
              <a:spcBef>
                <a:spcPts val="0"/>
              </a:spcBef>
              <a:spcAft>
                <a:spcPts val="800"/>
              </a:spcAft>
              <a:buClrTx/>
              <a:buSzTx/>
              <a:buFontTx/>
              <a:buNone/>
              <a:tabLst/>
              <a:defRPr/>
            </a:pPr>
            <a:r>
              <a:rPr kumimoji="0" lang="en-US" sz="2800" b="1" i="0" u="none" strike="noStrike" kern="1200" cap="none" spc="0" normalizeH="0" baseline="0" noProof="0" dirty="0">
                <a:ln>
                  <a:noFill/>
                </a:ln>
                <a:solidFill>
                  <a:schemeClr val="bg1"/>
                </a:solidFill>
                <a:effectLst/>
                <a:uLnTx/>
                <a:uFillTx/>
                <a:latin typeface="Calibri" panose="020F0502020204030204" pitchFamily="34" charset="0"/>
                <a:ea typeface="Calibri" panose="020F0502020204030204" pitchFamily="34" charset="0"/>
                <a:cs typeface="Times New Roman" panose="02020603050405020304" pitchFamily="18" charset="0"/>
                <a:sym typeface="Arial"/>
              </a:rPr>
              <a:t>Potential High Risk/</a:t>
            </a:r>
            <a:br>
              <a:rPr kumimoji="0" lang="en-US" sz="2800" b="1" i="0" u="none" strike="noStrike" kern="1200" cap="none" spc="0" normalizeH="0" baseline="0" noProof="0" dirty="0">
                <a:ln>
                  <a:noFill/>
                </a:ln>
                <a:solidFill>
                  <a:schemeClr val="bg1"/>
                </a:solidFill>
                <a:effectLst/>
                <a:uLnTx/>
                <a:uFillTx/>
                <a:latin typeface="Calibri" panose="020F0502020204030204" pitchFamily="34" charset="0"/>
                <a:ea typeface="Calibri" panose="020F0502020204030204" pitchFamily="34" charset="0"/>
                <a:cs typeface="Times New Roman" panose="02020603050405020304" pitchFamily="18" charset="0"/>
                <a:sym typeface="Arial"/>
              </a:rPr>
            </a:br>
            <a:r>
              <a:rPr kumimoji="0" lang="en-US" sz="2800" b="1" i="0" u="none" strike="noStrike" kern="1200" cap="none" spc="0" normalizeH="0" baseline="0" noProof="0" dirty="0">
                <a:ln>
                  <a:noFill/>
                </a:ln>
                <a:solidFill>
                  <a:schemeClr val="bg1"/>
                </a:solidFill>
                <a:effectLst/>
                <a:uLnTx/>
                <a:uFillTx/>
                <a:latin typeface="Calibri" panose="020F0502020204030204" pitchFamily="34" charset="0"/>
                <a:ea typeface="Calibri" panose="020F0502020204030204" pitchFamily="34" charset="0"/>
                <a:cs typeface="Times New Roman" panose="02020603050405020304" pitchFamily="18" charset="0"/>
                <a:sym typeface="Arial"/>
              </a:rPr>
              <a:t>High Complexity</a:t>
            </a:r>
            <a:r>
              <a:rPr kumimoji="0" lang="en-US" sz="1100" b="1" i="0" u="none" strike="noStrike" kern="1200" cap="none" spc="0" normalizeH="0" baseline="0" noProof="0" dirty="0">
                <a:ln>
                  <a:noFill/>
                </a:ln>
                <a:solidFill>
                  <a:schemeClr val="bg1"/>
                </a:solidFill>
                <a:effectLst/>
                <a:uLnTx/>
                <a:uFillTx/>
                <a:latin typeface="Arial"/>
                <a:ea typeface="+mj-ea"/>
                <a:cs typeface="+mj-cs"/>
                <a:sym typeface="Arial"/>
              </a:rPr>
              <a:t> </a:t>
            </a:r>
            <a:endParaRPr kumimoji="0" lang="en-US" sz="2800" b="1" i="0" u="none" strike="noStrike" kern="100" cap="none" spc="0" normalizeH="0" baseline="0" noProof="0" dirty="0">
              <a:ln>
                <a:noFill/>
              </a:ln>
              <a:solidFill>
                <a:schemeClr val="bg1"/>
              </a:solidFill>
              <a:effectLst/>
              <a:uLnTx/>
              <a:uFillTx/>
              <a:latin typeface="Calibri" panose="020F0502020204030204" pitchFamily="34" charset="0"/>
              <a:ea typeface="Calibri" panose="020F0502020204030204" pitchFamily="34" charset="0"/>
              <a:cs typeface="Times New Roman" panose="02020603050405020304" pitchFamily="18" charset="0"/>
              <a:sym typeface="Arial"/>
            </a:endParaRPr>
          </a:p>
        </p:txBody>
      </p:sp>
      <p:grpSp>
        <p:nvGrpSpPr>
          <p:cNvPr id="87" name="Group 86">
            <a:extLst>
              <a:ext uri="{FF2B5EF4-FFF2-40B4-BE49-F238E27FC236}">
                <a16:creationId xmlns:a16="http://schemas.microsoft.com/office/drawing/2014/main" id="{CC2DC763-BF32-8F5E-3C81-7D79A76172DF}"/>
              </a:ext>
            </a:extLst>
          </p:cNvPr>
          <p:cNvGrpSpPr/>
          <p:nvPr/>
        </p:nvGrpSpPr>
        <p:grpSpPr>
          <a:xfrm>
            <a:off x="1331723" y="7203618"/>
            <a:ext cx="3488394" cy="2710724"/>
            <a:chOff x="5582408" y="6392609"/>
            <a:chExt cx="1974253" cy="1578667"/>
          </a:xfrm>
          <a:solidFill>
            <a:srgbClr val="114B5F"/>
          </a:solidFill>
        </p:grpSpPr>
        <p:sp>
          <p:nvSpPr>
            <p:cNvPr id="73" name="TextBox 72">
              <a:extLst>
                <a:ext uri="{FF2B5EF4-FFF2-40B4-BE49-F238E27FC236}">
                  <a16:creationId xmlns:a16="http://schemas.microsoft.com/office/drawing/2014/main" id="{D624FB17-28CD-1944-B4D6-47F3D290864F}"/>
                </a:ext>
              </a:extLst>
            </p:cNvPr>
            <p:cNvSpPr txBox="1"/>
            <p:nvPr/>
          </p:nvSpPr>
          <p:spPr>
            <a:xfrm>
              <a:off x="5582460" y="6392609"/>
              <a:ext cx="1974201" cy="447053"/>
            </a:xfrm>
            <a:prstGeom prst="roundRect">
              <a:avLst/>
            </a:prstGeom>
            <a:grpFill/>
          </p:spPr>
          <p:txBody>
            <a:bodyPr wrap="square" lIns="274320" tIns="0" rIns="0" bIns="0" anchor="ctr">
              <a:noAutofit/>
            </a:bodyPr>
            <a:lstStyle/>
            <a:p>
              <a:pPr defTabSz="914400" eaLnBrk="1" fontAlgn="auto" hangingPunct="1">
                <a:lnSpc>
                  <a:spcPct val="107000"/>
                </a:lnSpc>
                <a:spcBef>
                  <a:spcPts val="0"/>
                </a:spcBef>
                <a:spcAft>
                  <a:spcPts val="800"/>
                </a:spcAft>
              </a:pPr>
              <a:r>
                <a:rPr lang="en-US" sz="2000" b="1" kern="100" dirty="0">
                  <a:solidFill>
                    <a:schemeClr val="bg1"/>
                  </a:solidFill>
                  <a:cs typeface="Times New Roman" panose="02020603050405020304" pitchFamily="18" charset="0"/>
                  <a:sym typeface="Arial"/>
                </a:rPr>
                <a:t>Streamline Management  </a:t>
              </a:r>
            </a:p>
          </p:txBody>
        </p:sp>
        <p:sp>
          <p:nvSpPr>
            <p:cNvPr id="74" name="TextBox 73">
              <a:extLst>
                <a:ext uri="{FF2B5EF4-FFF2-40B4-BE49-F238E27FC236}">
                  <a16:creationId xmlns:a16="http://schemas.microsoft.com/office/drawing/2014/main" id="{2C7D7349-6261-9279-957A-D13F46246F6B}"/>
                </a:ext>
              </a:extLst>
            </p:cNvPr>
            <p:cNvSpPr txBox="1"/>
            <p:nvPr/>
          </p:nvSpPr>
          <p:spPr>
            <a:xfrm>
              <a:off x="5582408" y="6915747"/>
              <a:ext cx="1973378" cy="447053"/>
            </a:xfrm>
            <a:prstGeom prst="roundRect">
              <a:avLst/>
            </a:prstGeom>
            <a:grpFill/>
          </p:spPr>
          <p:txBody>
            <a:bodyPr wrap="square" lIns="274320" tIns="0" rIns="0" bIns="0" anchor="ctr">
              <a:noAutofit/>
            </a:bodyPr>
            <a:lstStyle/>
            <a:p>
              <a:pPr defTabSz="914400" eaLnBrk="1" fontAlgn="auto" hangingPunct="1">
                <a:lnSpc>
                  <a:spcPct val="107000"/>
                </a:lnSpc>
                <a:spcBef>
                  <a:spcPts val="0"/>
                </a:spcBef>
                <a:spcAft>
                  <a:spcPts val="800"/>
                </a:spcAft>
              </a:pPr>
              <a:r>
                <a:rPr lang="en-US" sz="2000" b="1" kern="100" dirty="0">
                  <a:solidFill>
                    <a:schemeClr val="bg1"/>
                  </a:solidFill>
                  <a:cs typeface="Times New Roman" panose="02020603050405020304" pitchFamily="18" charset="0"/>
                  <a:sym typeface="Arial"/>
                </a:rPr>
                <a:t>Drive Efficiencies</a:t>
              </a:r>
            </a:p>
          </p:txBody>
        </p:sp>
        <p:sp>
          <p:nvSpPr>
            <p:cNvPr id="75" name="TextBox 74">
              <a:extLst>
                <a:ext uri="{FF2B5EF4-FFF2-40B4-BE49-F238E27FC236}">
                  <a16:creationId xmlns:a16="http://schemas.microsoft.com/office/drawing/2014/main" id="{3DA6C3E8-D284-02CA-9A58-9AAABB53F6C5}"/>
                </a:ext>
              </a:extLst>
            </p:cNvPr>
            <p:cNvSpPr txBox="1"/>
            <p:nvPr/>
          </p:nvSpPr>
          <p:spPr>
            <a:xfrm>
              <a:off x="5582838" y="7434813"/>
              <a:ext cx="1972947" cy="536463"/>
            </a:xfrm>
            <a:prstGeom prst="roundRect">
              <a:avLst/>
            </a:prstGeom>
            <a:grpFill/>
          </p:spPr>
          <p:txBody>
            <a:bodyPr wrap="square" lIns="274320" tIns="0" rIns="0" bIns="0" anchor="ctr">
              <a:noAutofit/>
            </a:bodyPr>
            <a:lstStyle/>
            <a:p>
              <a:pPr defTabSz="914400" eaLnBrk="1" fontAlgn="auto" hangingPunct="1">
                <a:lnSpc>
                  <a:spcPct val="107000"/>
                </a:lnSpc>
                <a:spcBef>
                  <a:spcPts val="0"/>
                </a:spcBef>
                <a:spcAft>
                  <a:spcPts val="800"/>
                </a:spcAft>
              </a:pPr>
              <a:r>
                <a:rPr lang="en-US" sz="2000" b="1" kern="100" dirty="0">
                  <a:solidFill>
                    <a:schemeClr val="bg1"/>
                  </a:solidFill>
                  <a:cs typeface="Times New Roman" panose="02020603050405020304" pitchFamily="18" charset="0"/>
                  <a:sym typeface="Arial"/>
                </a:rPr>
                <a:t>Avoid Future Complexity/Escalation</a:t>
              </a:r>
            </a:p>
          </p:txBody>
        </p:sp>
      </p:grpSp>
      <p:sp>
        <p:nvSpPr>
          <p:cNvPr id="76" name="Title 3">
            <a:extLst>
              <a:ext uri="{FF2B5EF4-FFF2-40B4-BE49-F238E27FC236}">
                <a16:creationId xmlns:a16="http://schemas.microsoft.com/office/drawing/2014/main" id="{EF9263A4-2517-AF54-5D23-B9868B5DD696}"/>
              </a:ext>
            </a:extLst>
          </p:cNvPr>
          <p:cNvSpPr txBox="1">
            <a:spLocks/>
          </p:cNvSpPr>
          <p:nvPr/>
        </p:nvSpPr>
        <p:spPr>
          <a:xfrm>
            <a:off x="6104697" y="5775229"/>
            <a:ext cx="2644697" cy="572654"/>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fontAlgn="auto">
              <a:lnSpc>
                <a:spcPct val="107000"/>
              </a:lnSpc>
              <a:spcBef>
                <a:spcPts val="0"/>
              </a:spcBef>
              <a:spcAft>
                <a:spcPts val="800"/>
              </a:spcAft>
            </a:pPr>
            <a:r>
              <a:rPr lang="en-US" sz="2800" b="1" kern="100" dirty="0">
                <a:solidFill>
                  <a:schemeClr val="bg1"/>
                </a:solidFill>
                <a:latin typeface="Calibri" panose="020F0502020204030204" pitchFamily="34" charset="0"/>
                <a:ea typeface="Calibri" panose="020F0502020204030204" pitchFamily="34" charset="0"/>
                <a:cs typeface="Times New Roman" panose="02020603050405020304" pitchFamily="18" charset="0"/>
                <a:sym typeface="Arial"/>
              </a:rPr>
              <a:t>Low Risk/Low Complexity </a:t>
            </a:r>
          </a:p>
        </p:txBody>
      </p:sp>
      <p:sp>
        <p:nvSpPr>
          <p:cNvPr id="77" name="Graphic 3">
            <a:extLst>
              <a:ext uri="{FF2B5EF4-FFF2-40B4-BE49-F238E27FC236}">
                <a16:creationId xmlns:a16="http://schemas.microsoft.com/office/drawing/2014/main" id="{4CA83B1B-A6E2-853F-B5C6-FAAB5F69CAA5}"/>
              </a:ext>
            </a:extLst>
          </p:cNvPr>
          <p:cNvSpPr/>
          <p:nvPr/>
        </p:nvSpPr>
        <p:spPr>
          <a:xfrm>
            <a:off x="13630195" y="1534472"/>
            <a:ext cx="3034701" cy="2811718"/>
          </a:xfrm>
          <a:custGeom>
            <a:avLst/>
            <a:gdLst>
              <a:gd name="connsiteX0" fmla="*/ 2135496 w 2135495"/>
              <a:gd name="connsiteY0" fmla="*/ 1641949 h 2373688"/>
              <a:gd name="connsiteX1" fmla="*/ 2135496 w 2135495"/>
              <a:gd name="connsiteY1" fmla="*/ 731745 h 2373688"/>
              <a:gd name="connsiteX2" fmla="*/ 1996802 w 2135495"/>
              <a:gd name="connsiteY2" fmla="*/ 492164 h 2373688"/>
              <a:gd name="connsiteX3" fmla="*/ 1206437 w 2135495"/>
              <a:gd name="connsiteY3" fmla="*/ 37063 h 2373688"/>
              <a:gd name="connsiteX4" fmla="*/ 929057 w 2135495"/>
              <a:gd name="connsiteY4" fmla="*/ 37063 h 2373688"/>
              <a:gd name="connsiteX5" fmla="*/ 138692 w 2135495"/>
              <a:gd name="connsiteY5" fmla="*/ 492164 h 2373688"/>
              <a:gd name="connsiteX6" fmla="*/ 0 w 2135495"/>
              <a:gd name="connsiteY6" fmla="*/ 731745 h 2373688"/>
              <a:gd name="connsiteX7" fmla="*/ 0 w 2135495"/>
              <a:gd name="connsiteY7" fmla="*/ 1641949 h 2373688"/>
              <a:gd name="connsiteX8" fmla="*/ 138692 w 2135495"/>
              <a:gd name="connsiteY8" fmla="*/ 1881529 h 2373688"/>
              <a:gd name="connsiteX9" fmla="*/ 929057 w 2135495"/>
              <a:gd name="connsiteY9" fmla="*/ 2336626 h 2373688"/>
              <a:gd name="connsiteX10" fmla="*/ 1206437 w 2135495"/>
              <a:gd name="connsiteY10" fmla="*/ 2336626 h 2373688"/>
              <a:gd name="connsiteX11" fmla="*/ 1996802 w 2135495"/>
              <a:gd name="connsiteY11" fmla="*/ 1881529 h 2373688"/>
              <a:gd name="connsiteX12" fmla="*/ 2135496 w 2135495"/>
              <a:gd name="connsiteY12" fmla="*/ 1641949 h 2373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135495" h="2373688">
                <a:moveTo>
                  <a:pt x="2135496" y="1641949"/>
                </a:moveTo>
                <a:lnTo>
                  <a:pt x="2135496" y="731745"/>
                </a:lnTo>
                <a:cubicBezTo>
                  <a:pt x="2135496" y="632909"/>
                  <a:pt x="2082632" y="541582"/>
                  <a:pt x="1996802" y="492164"/>
                </a:cubicBezTo>
                <a:lnTo>
                  <a:pt x="1206437" y="37063"/>
                </a:lnTo>
                <a:cubicBezTo>
                  <a:pt x="1120616" y="-12354"/>
                  <a:pt x="1014879" y="-12354"/>
                  <a:pt x="929057" y="37063"/>
                </a:cubicBezTo>
                <a:lnTo>
                  <a:pt x="138692" y="492164"/>
                </a:lnTo>
                <a:cubicBezTo>
                  <a:pt x="52869" y="541582"/>
                  <a:pt x="0" y="632909"/>
                  <a:pt x="0" y="731745"/>
                </a:cubicBezTo>
                <a:lnTo>
                  <a:pt x="0" y="1641949"/>
                </a:lnTo>
                <a:cubicBezTo>
                  <a:pt x="0" y="1740783"/>
                  <a:pt x="52869" y="1832112"/>
                  <a:pt x="138692" y="1881529"/>
                </a:cubicBezTo>
                <a:lnTo>
                  <a:pt x="929057" y="2336626"/>
                </a:lnTo>
                <a:cubicBezTo>
                  <a:pt x="1014879" y="2386043"/>
                  <a:pt x="1120616" y="2386043"/>
                  <a:pt x="1206437" y="2336626"/>
                </a:cubicBezTo>
                <a:lnTo>
                  <a:pt x="1996802" y="1881529"/>
                </a:lnTo>
                <a:cubicBezTo>
                  <a:pt x="2082632" y="1832112"/>
                  <a:pt x="2135496" y="1740783"/>
                  <a:pt x="2135496" y="1641949"/>
                </a:cubicBezTo>
                <a:close/>
              </a:path>
            </a:pathLst>
          </a:custGeom>
          <a:solidFill>
            <a:srgbClr val="F76C6C">
              <a:alpha val="16000"/>
            </a:srgbClr>
          </a:solidFill>
          <a:ln w="12700" cap="flat" cmpd="sng" algn="ctr">
            <a:noFill/>
            <a:prstDash val="solid"/>
            <a:miter lim="800000"/>
          </a:ln>
          <a:effectLst/>
        </p:spPr>
        <p:txBody>
          <a:bodyPr wrap="square" rtlCol="0" anchor="ctr">
            <a:noAutofit/>
          </a:bodyPr>
          <a:lstStyle/>
          <a:p>
            <a:pPr algn="ctr" defTabSz="914400" eaLnBrk="1" fontAlgn="auto" hangingPunct="1">
              <a:spcBef>
                <a:spcPts val="0"/>
              </a:spcBef>
              <a:spcAft>
                <a:spcPts val="0"/>
              </a:spcAft>
              <a:defRPr/>
            </a:pPr>
            <a:endParaRPr lang="en-US" sz="1800">
              <a:solidFill>
                <a:prstClr val="white"/>
              </a:solidFill>
              <a:latin typeface="Calibri" panose="020F0502020204030204"/>
              <a:cs typeface="Arial"/>
              <a:sym typeface="Arial"/>
            </a:endParaRPr>
          </a:p>
        </p:txBody>
      </p:sp>
      <p:sp>
        <p:nvSpPr>
          <p:cNvPr id="78" name="Title 3">
            <a:extLst>
              <a:ext uri="{FF2B5EF4-FFF2-40B4-BE49-F238E27FC236}">
                <a16:creationId xmlns:a16="http://schemas.microsoft.com/office/drawing/2014/main" id="{E054B3FA-975A-6962-ACBB-3FD7CEBA4FDF}"/>
              </a:ext>
            </a:extLst>
          </p:cNvPr>
          <p:cNvSpPr txBox="1">
            <a:spLocks/>
          </p:cNvSpPr>
          <p:nvPr/>
        </p:nvSpPr>
        <p:spPr>
          <a:xfrm>
            <a:off x="1597504" y="1649964"/>
            <a:ext cx="4960939" cy="2467987"/>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fontAlgn="auto">
              <a:spcAft>
                <a:spcPts val="0"/>
              </a:spcAft>
              <a:defRPr/>
            </a:pPr>
            <a:r>
              <a:rPr lang="en-US" sz="6000" dirty="0">
                <a:solidFill>
                  <a:srgbClr val="F76C6C"/>
                </a:solidFill>
                <a:latin typeface="Alfa Slab One"/>
                <a:ea typeface="Calibri" panose="020F0502020204030204" pitchFamily="34" charset="0"/>
                <a:cs typeface="Times New Roman" panose="02020603050405020304" pitchFamily="18" charset="0"/>
                <a:sym typeface="Arial"/>
              </a:rPr>
              <a:t>Claims Management Optimization</a:t>
            </a:r>
            <a:endParaRPr lang="en-US" sz="13800" dirty="0">
              <a:solidFill>
                <a:srgbClr val="F76C6C"/>
              </a:solidFill>
              <a:latin typeface="Alfa Slab One"/>
              <a:sym typeface="Arial"/>
            </a:endParaRPr>
          </a:p>
        </p:txBody>
      </p:sp>
      <p:sp>
        <p:nvSpPr>
          <p:cNvPr id="79" name="Title 3">
            <a:extLst>
              <a:ext uri="{FF2B5EF4-FFF2-40B4-BE49-F238E27FC236}">
                <a16:creationId xmlns:a16="http://schemas.microsoft.com/office/drawing/2014/main" id="{ADCC5778-7C22-EF26-9630-9F1C5BCA1695}"/>
              </a:ext>
            </a:extLst>
          </p:cNvPr>
          <p:cNvSpPr txBox="1">
            <a:spLocks/>
          </p:cNvSpPr>
          <p:nvPr/>
        </p:nvSpPr>
        <p:spPr>
          <a:xfrm>
            <a:off x="13758225" y="2343863"/>
            <a:ext cx="2778639" cy="1192936"/>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fontAlgn="auto">
              <a:lnSpc>
                <a:spcPct val="107000"/>
              </a:lnSpc>
              <a:spcBef>
                <a:spcPts val="0"/>
              </a:spcBef>
              <a:spcAft>
                <a:spcPts val="800"/>
              </a:spcAft>
            </a:pPr>
            <a:r>
              <a:rPr lang="en-US" sz="3200" b="1" kern="100" dirty="0">
                <a:solidFill>
                  <a:srgbClr val="114B5F"/>
                </a:solidFill>
                <a:latin typeface="Alfa Slab One"/>
                <a:ea typeface="Calibri" panose="020F0502020204030204" pitchFamily="34" charset="0"/>
                <a:cs typeface="Times New Roman" panose="02020603050405020304" pitchFamily="18" charset="0"/>
                <a:sym typeface="Arial"/>
              </a:rPr>
              <a:t>Data</a:t>
            </a:r>
            <a:r>
              <a:rPr lang="en-US" sz="3200" b="1" kern="100" dirty="0">
                <a:solidFill>
                  <a:prstClr val="white"/>
                </a:solidFill>
                <a:latin typeface="Alfa Slab One"/>
                <a:ea typeface="Calibri" panose="020F0502020204030204" pitchFamily="34" charset="0"/>
                <a:cs typeface="Times New Roman" panose="02020603050405020304" pitchFamily="18" charset="0"/>
                <a:sym typeface="Arial"/>
              </a:rPr>
              <a:t> + </a:t>
            </a:r>
            <a:r>
              <a:rPr lang="en-US" sz="3200" b="1" kern="100" dirty="0">
                <a:solidFill>
                  <a:srgbClr val="114B5F"/>
                </a:solidFill>
                <a:latin typeface="Alfa Slab One"/>
                <a:ea typeface="Calibri" panose="020F0502020204030204" pitchFamily="34" charset="0"/>
                <a:cs typeface="Times New Roman" panose="02020603050405020304" pitchFamily="18" charset="0"/>
                <a:sym typeface="Arial"/>
              </a:rPr>
              <a:t>People</a:t>
            </a:r>
            <a:r>
              <a:rPr lang="en-US" sz="3200" b="1" kern="100" dirty="0">
                <a:solidFill>
                  <a:prstClr val="white"/>
                </a:solidFill>
                <a:latin typeface="Alfa Slab One"/>
                <a:ea typeface="Calibri" panose="020F0502020204030204" pitchFamily="34" charset="0"/>
                <a:cs typeface="Times New Roman" panose="02020603050405020304" pitchFamily="18" charset="0"/>
                <a:sym typeface="Arial"/>
              </a:rPr>
              <a:t> + </a:t>
            </a:r>
            <a:r>
              <a:rPr lang="en-US" sz="3200" b="1" kern="100" dirty="0">
                <a:solidFill>
                  <a:srgbClr val="114B5F"/>
                </a:solidFill>
                <a:latin typeface="Alfa Slab One"/>
                <a:ea typeface="Calibri" panose="020F0502020204030204" pitchFamily="34" charset="0"/>
                <a:cs typeface="Times New Roman" panose="02020603050405020304" pitchFamily="18" charset="0"/>
                <a:sym typeface="Arial"/>
              </a:rPr>
              <a:t>Technology</a:t>
            </a:r>
          </a:p>
        </p:txBody>
      </p:sp>
      <p:grpSp>
        <p:nvGrpSpPr>
          <p:cNvPr id="89" name="Group 88">
            <a:extLst>
              <a:ext uri="{FF2B5EF4-FFF2-40B4-BE49-F238E27FC236}">
                <a16:creationId xmlns:a16="http://schemas.microsoft.com/office/drawing/2014/main" id="{9B558CC3-6C92-354D-0072-01E848D75625}"/>
              </a:ext>
            </a:extLst>
          </p:cNvPr>
          <p:cNvGrpSpPr/>
          <p:nvPr/>
        </p:nvGrpSpPr>
        <p:grpSpPr>
          <a:xfrm>
            <a:off x="7282207" y="1539529"/>
            <a:ext cx="3865798" cy="3027889"/>
            <a:chOff x="8474917" y="4214532"/>
            <a:chExt cx="1549957" cy="1296988"/>
          </a:xfrm>
        </p:grpSpPr>
        <p:grpSp>
          <p:nvGrpSpPr>
            <p:cNvPr id="82" name="Group 81">
              <a:extLst>
                <a:ext uri="{FF2B5EF4-FFF2-40B4-BE49-F238E27FC236}">
                  <a16:creationId xmlns:a16="http://schemas.microsoft.com/office/drawing/2014/main" id="{090569D3-454E-5246-79BB-A778F916719B}"/>
                </a:ext>
              </a:extLst>
            </p:cNvPr>
            <p:cNvGrpSpPr/>
            <p:nvPr/>
          </p:nvGrpSpPr>
          <p:grpSpPr>
            <a:xfrm>
              <a:off x="8474917" y="4214532"/>
              <a:ext cx="1549957" cy="1296988"/>
              <a:chOff x="3324487" y="855257"/>
              <a:chExt cx="2373193" cy="1999337"/>
            </a:xfrm>
          </p:grpSpPr>
          <p:sp>
            <p:nvSpPr>
              <p:cNvPr id="84" name="Rectangle 83">
                <a:extLst>
                  <a:ext uri="{FF2B5EF4-FFF2-40B4-BE49-F238E27FC236}">
                    <a16:creationId xmlns:a16="http://schemas.microsoft.com/office/drawing/2014/main" id="{23EBA2E9-D6FB-13A6-C289-8FA0587D7A97}"/>
                  </a:ext>
                </a:extLst>
              </p:cNvPr>
              <p:cNvSpPr/>
              <p:nvPr/>
            </p:nvSpPr>
            <p:spPr>
              <a:xfrm>
                <a:off x="3429828" y="855257"/>
                <a:ext cx="2198396" cy="1647054"/>
              </a:xfrm>
              <a:prstGeom prst="rect">
                <a:avLst/>
              </a:prstGeom>
              <a:solidFill>
                <a:schemeClr val="accent3">
                  <a:lumMod val="20000"/>
                  <a:lumOff val="80000"/>
                </a:schemeClr>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cs typeface="Arial"/>
                  <a:sym typeface="Arial"/>
                </a:endParaRPr>
              </a:p>
            </p:txBody>
          </p:sp>
          <p:sp>
            <p:nvSpPr>
              <p:cNvPr id="85" name="Rectangle 84">
                <a:extLst>
                  <a:ext uri="{FF2B5EF4-FFF2-40B4-BE49-F238E27FC236}">
                    <a16:creationId xmlns:a16="http://schemas.microsoft.com/office/drawing/2014/main" id="{675A4D8E-402D-0055-44EF-22707402A758}"/>
                  </a:ext>
                </a:extLst>
              </p:cNvPr>
              <p:cNvSpPr/>
              <p:nvPr/>
            </p:nvSpPr>
            <p:spPr>
              <a:xfrm>
                <a:off x="3429829" y="2329614"/>
                <a:ext cx="2198394" cy="271575"/>
              </a:xfrm>
              <a:prstGeom prst="rect">
                <a:avLst/>
              </a:prstGeom>
              <a:solidFill>
                <a:srgbClr val="114B5F"/>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cs typeface="Arial"/>
                  <a:sym typeface="Arial"/>
                </a:endParaRPr>
              </a:p>
            </p:txBody>
          </p:sp>
          <p:sp>
            <p:nvSpPr>
              <p:cNvPr id="86" name="Rounded Rectangle 19">
                <a:extLst>
                  <a:ext uri="{FF2B5EF4-FFF2-40B4-BE49-F238E27FC236}">
                    <a16:creationId xmlns:a16="http://schemas.microsoft.com/office/drawing/2014/main" id="{B58EFF6F-06B6-17AC-54D6-E5216F327AC3}"/>
                  </a:ext>
                </a:extLst>
              </p:cNvPr>
              <p:cNvSpPr/>
              <p:nvPr/>
            </p:nvSpPr>
            <p:spPr>
              <a:xfrm>
                <a:off x="3324487" y="2610931"/>
                <a:ext cx="2373193" cy="243663"/>
              </a:xfrm>
              <a:prstGeom prst="roundRect">
                <a:avLst/>
              </a:prstGeom>
              <a:solidFill>
                <a:srgbClr val="DFF4F4"/>
              </a:solidFill>
              <a:ln w="12700" cap="flat" cmpd="sng" algn="ctr">
                <a:noFill/>
                <a:prstDash val="solid"/>
                <a:miter lim="800000"/>
              </a:ln>
              <a:effectLst/>
            </p:spPr>
            <p:txBody>
              <a:bodyPr rtlCol="0" anchor="ctr"/>
              <a:lstStyle/>
              <a:p>
                <a:pPr marL="0" marR="0" lvl="0" indent="0" algn="ctr" defTabSz="914400"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a:ln>
                    <a:noFill/>
                  </a:ln>
                  <a:solidFill>
                    <a:prstClr val="white"/>
                  </a:solidFill>
                  <a:effectLst/>
                  <a:uLnTx/>
                  <a:uFillTx/>
                  <a:latin typeface="Calibri" panose="020F0502020204030204"/>
                  <a:cs typeface="Arial"/>
                  <a:sym typeface="Arial"/>
                </a:endParaRPr>
              </a:p>
            </p:txBody>
          </p:sp>
        </p:grpSp>
        <p:sp>
          <p:nvSpPr>
            <p:cNvPr id="83" name="Title 3">
              <a:extLst>
                <a:ext uri="{FF2B5EF4-FFF2-40B4-BE49-F238E27FC236}">
                  <a16:creationId xmlns:a16="http://schemas.microsoft.com/office/drawing/2014/main" id="{9C63BAA5-E46D-7C8C-8255-F89AACAE09AD}"/>
                </a:ext>
              </a:extLst>
            </p:cNvPr>
            <p:cNvSpPr txBox="1">
              <a:spLocks/>
            </p:cNvSpPr>
            <p:nvPr/>
          </p:nvSpPr>
          <p:spPr>
            <a:xfrm>
              <a:off x="8524475" y="4559384"/>
              <a:ext cx="1497527" cy="449547"/>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0" marR="0" lvl="0" indent="0" algn="ctr" defTabSz="914400" rtl="0" eaLnBrk="1" fontAlgn="auto" latinLnBrk="0" hangingPunct="1">
                <a:lnSpc>
                  <a:spcPct val="107000"/>
                </a:lnSpc>
                <a:spcBef>
                  <a:spcPts val="0"/>
                </a:spcBef>
                <a:spcAft>
                  <a:spcPts val="800"/>
                </a:spcAft>
                <a:buClrTx/>
                <a:buSzTx/>
                <a:buFontTx/>
                <a:buNone/>
                <a:tabLst/>
                <a:defRPr/>
              </a:pPr>
              <a:r>
                <a:rPr kumimoji="0" lang="en-US" sz="3200" b="1" i="0" u="none" strike="noStrike" kern="100" cap="none" spc="0" normalizeH="0" baseline="0" noProof="0" dirty="0">
                  <a:ln>
                    <a:noFill/>
                  </a:ln>
                  <a:solidFill>
                    <a:srgbClr val="F76C6C"/>
                  </a:solidFill>
                  <a:effectLst/>
                  <a:uLnTx/>
                  <a:uFillTx/>
                  <a:latin typeface="Alfa Slab One"/>
                  <a:ea typeface="Calibri" panose="020F0502020204030204" pitchFamily="34" charset="0"/>
                  <a:cs typeface="Times New Roman" panose="02020603050405020304" pitchFamily="18" charset="0"/>
                  <a:sym typeface="Arial"/>
                </a:rPr>
                <a:t>Risk Assessment/ Stratification</a:t>
              </a:r>
            </a:p>
          </p:txBody>
        </p:sp>
      </p:grpSp>
      <p:sp>
        <p:nvSpPr>
          <p:cNvPr id="97" name="Arrow: Left 96">
            <a:extLst>
              <a:ext uri="{FF2B5EF4-FFF2-40B4-BE49-F238E27FC236}">
                <a16:creationId xmlns:a16="http://schemas.microsoft.com/office/drawing/2014/main" id="{019C3CEB-46EC-9F38-6996-6E789CA605FF}"/>
              </a:ext>
            </a:extLst>
          </p:cNvPr>
          <p:cNvSpPr/>
          <p:nvPr/>
        </p:nvSpPr>
        <p:spPr>
          <a:xfrm>
            <a:off x="11344241" y="2774251"/>
            <a:ext cx="1973398" cy="394282"/>
          </a:xfrm>
          <a:prstGeom prst="leftArrow">
            <a:avLst/>
          </a:prstGeom>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458601236"/>
      </p:ext>
    </p:extLst>
  </p:cSld>
  <p:clrMapOvr>
    <a:masterClrMapping/>
  </p:clrMapOvr>
  <p:transition spd="slow">
    <p:push dir="u"/>
  </p:transition>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p:cNvSpPr/>
          <p:nvPr/>
        </p:nvSpPr>
        <p:spPr>
          <a:xfrm>
            <a:off x="1" y="10765044"/>
            <a:ext cx="19096074" cy="6649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 name="Rectangle 5">
            <a:extLst>
              <a:ext uri="{FF2B5EF4-FFF2-40B4-BE49-F238E27FC236}">
                <a16:creationId xmlns:a16="http://schemas.microsoft.com/office/drawing/2014/main" id="{50F40E48-282F-0F92-E28A-F897B473675E}"/>
              </a:ext>
            </a:extLst>
          </p:cNvPr>
          <p:cNvSpPr/>
          <p:nvPr/>
        </p:nvSpPr>
        <p:spPr>
          <a:xfrm rot="16200000">
            <a:off x="13149820" y="5382522"/>
            <a:ext cx="11412550" cy="6649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5" name="Oval 14">
            <a:extLst>
              <a:ext uri="{FF2B5EF4-FFF2-40B4-BE49-F238E27FC236}">
                <a16:creationId xmlns:a16="http://schemas.microsoft.com/office/drawing/2014/main" id="{2C374A97-4FDD-4DA8-3F5D-ED135C7A141D}"/>
              </a:ext>
            </a:extLst>
          </p:cNvPr>
          <p:cNvSpPr/>
          <p:nvPr/>
        </p:nvSpPr>
        <p:spPr>
          <a:xfrm>
            <a:off x="674121" y="840259"/>
            <a:ext cx="383060" cy="38306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itle 3">
            <a:extLst>
              <a:ext uri="{FF2B5EF4-FFF2-40B4-BE49-F238E27FC236}">
                <a16:creationId xmlns:a16="http://schemas.microsoft.com/office/drawing/2014/main" id="{FE5065AD-2055-189B-2F00-452BD25BCDC1}"/>
              </a:ext>
            </a:extLst>
          </p:cNvPr>
          <p:cNvSpPr txBox="1">
            <a:spLocks/>
          </p:cNvSpPr>
          <p:nvPr/>
        </p:nvSpPr>
        <p:spPr>
          <a:xfrm>
            <a:off x="4364974" y="1848220"/>
            <a:ext cx="10825849" cy="1465876"/>
          </a:xfrm>
          <a:prstGeom prst="rect">
            <a:avLst/>
          </a:prstGeom>
        </p:spPr>
        <p:txBody>
          <a:bodyPr vert="horz" lIns="203200" tIns="101600" rIns="203200" bIns="10160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spcAft>
                <a:spcPts val="1778"/>
              </a:spcAft>
            </a:pPr>
            <a:r>
              <a:rPr lang="en-US" sz="4800" dirty="0">
                <a:solidFill>
                  <a:srgbClr val="F76C6C"/>
                </a:solidFill>
                <a:latin typeface="Arial" panose="020B0604020202020204" pitchFamily="34" charset="0"/>
                <a:cs typeface="Arial" panose="020B0604020202020204" pitchFamily="34" charset="0"/>
              </a:rPr>
              <a:t>Opportunities, Strategies &amp; Impacts</a:t>
            </a:r>
          </a:p>
        </p:txBody>
      </p:sp>
      <p:sp>
        <p:nvSpPr>
          <p:cNvPr id="4" name="Title 3">
            <a:extLst>
              <a:ext uri="{FF2B5EF4-FFF2-40B4-BE49-F238E27FC236}">
                <a16:creationId xmlns:a16="http://schemas.microsoft.com/office/drawing/2014/main" id="{2A766D50-523F-CCC3-501F-4B9757A52608}"/>
              </a:ext>
            </a:extLst>
          </p:cNvPr>
          <p:cNvSpPr txBox="1">
            <a:spLocks/>
          </p:cNvSpPr>
          <p:nvPr/>
        </p:nvSpPr>
        <p:spPr>
          <a:xfrm>
            <a:off x="1180831" y="333676"/>
            <a:ext cx="5916481" cy="1465876"/>
          </a:xfrm>
          <a:prstGeom prst="rect">
            <a:avLst/>
          </a:prstGeom>
        </p:spPr>
        <p:txBody>
          <a:bodyPr vert="horz" lIns="203200" tIns="101600" rIns="203200" bIns="10160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n-US" dirty="0">
                <a:solidFill>
                  <a:srgbClr val="114B5F"/>
                </a:solidFill>
                <a:latin typeface="Arial" panose="020B0604020202020204" pitchFamily="34" charset="0"/>
                <a:cs typeface="Arial" panose="020B0604020202020204" pitchFamily="34" charset="0"/>
              </a:rPr>
              <a:t>Claim Lifecycle: </a:t>
            </a:r>
            <a:endParaRPr lang="en-US" sz="1400" dirty="0">
              <a:solidFill>
                <a:srgbClr val="114B5F"/>
              </a:solidFill>
              <a:latin typeface="Arial" panose="020B0604020202020204" pitchFamily="34" charset="0"/>
              <a:cs typeface="Arial" panose="020B0604020202020204" pitchFamily="34" charset="0"/>
            </a:endParaRPr>
          </a:p>
        </p:txBody>
      </p:sp>
      <p:sp>
        <p:nvSpPr>
          <p:cNvPr id="5" name="Rounded Rectangle 6">
            <a:extLst>
              <a:ext uri="{FF2B5EF4-FFF2-40B4-BE49-F238E27FC236}">
                <a16:creationId xmlns:a16="http://schemas.microsoft.com/office/drawing/2014/main" id="{703F6C54-FEA4-5541-E297-AAD79135D4DC}"/>
              </a:ext>
            </a:extLst>
          </p:cNvPr>
          <p:cNvSpPr/>
          <p:nvPr/>
        </p:nvSpPr>
        <p:spPr>
          <a:xfrm>
            <a:off x="363988" y="4242028"/>
            <a:ext cx="3511518" cy="6523016"/>
          </a:xfrm>
          <a:prstGeom prst="roundRect">
            <a:avLst/>
          </a:prstGeom>
          <a:solidFill>
            <a:srgbClr val="74B9B9"/>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4000">
              <a:solidFill>
                <a:prstClr val="white"/>
              </a:solidFill>
              <a:latin typeface="Calibri" panose="020F0502020204030204"/>
            </a:endParaRPr>
          </a:p>
        </p:txBody>
      </p:sp>
      <p:sp>
        <p:nvSpPr>
          <p:cNvPr id="7" name="Rounded Rectangle 7">
            <a:extLst>
              <a:ext uri="{FF2B5EF4-FFF2-40B4-BE49-F238E27FC236}">
                <a16:creationId xmlns:a16="http://schemas.microsoft.com/office/drawing/2014/main" id="{7A61C126-0BEA-EECE-1CDB-EE004ACED9B7}"/>
              </a:ext>
            </a:extLst>
          </p:cNvPr>
          <p:cNvSpPr/>
          <p:nvPr/>
        </p:nvSpPr>
        <p:spPr>
          <a:xfrm>
            <a:off x="4018130" y="4242028"/>
            <a:ext cx="3511518" cy="6523016"/>
          </a:xfrm>
          <a:prstGeom prst="roundRect">
            <a:avLst/>
          </a:prstGeom>
          <a:solidFill>
            <a:srgbClr val="F76C6C"/>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4000" dirty="0">
              <a:solidFill>
                <a:prstClr val="white"/>
              </a:solidFill>
              <a:latin typeface="Calibri" panose="020F0502020204030204"/>
            </a:endParaRPr>
          </a:p>
        </p:txBody>
      </p:sp>
      <p:sp>
        <p:nvSpPr>
          <p:cNvPr id="8" name="Rounded Rectangle 8">
            <a:extLst>
              <a:ext uri="{FF2B5EF4-FFF2-40B4-BE49-F238E27FC236}">
                <a16:creationId xmlns:a16="http://schemas.microsoft.com/office/drawing/2014/main" id="{132030CF-D71E-720E-AF4D-3421885CACCD}"/>
              </a:ext>
            </a:extLst>
          </p:cNvPr>
          <p:cNvSpPr/>
          <p:nvPr/>
        </p:nvSpPr>
        <p:spPr>
          <a:xfrm>
            <a:off x="7672272" y="4242028"/>
            <a:ext cx="3511518" cy="6523016"/>
          </a:xfrm>
          <a:prstGeom prst="roundRect">
            <a:avLst/>
          </a:prstGeom>
          <a:solidFill>
            <a:srgbClr val="74B9B9"/>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4000">
              <a:solidFill>
                <a:prstClr val="white"/>
              </a:solidFill>
              <a:latin typeface="Calibri" panose="020F0502020204030204"/>
            </a:endParaRPr>
          </a:p>
        </p:txBody>
      </p:sp>
      <p:sp>
        <p:nvSpPr>
          <p:cNvPr id="9" name="Rounded Rectangle 9">
            <a:extLst>
              <a:ext uri="{FF2B5EF4-FFF2-40B4-BE49-F238E27FC236}">
                <a16:creationId xmlns:a16="http://schemas.microsoft.com/office/drawing/2014/main" id="{54517D63-2074-AA6C-079E-311E74DB111A}"/>
              </a:ext>
            </a:extLst>
          </p:cNvPr>
          <p:cNvSpPr/>
          <p:nvPr/>
        </p:nvSpPr>
        <p:spPr>
          <a:xfrm>
            <a:off x="11326414" y="4242028"/>
            <a:ext cx="3511518" cy="6523016"/>
          </a:xfrm>
          <a:prstGeom prst="roundRect">
            <a:avLst/>
          </a:prstGeom>
          <a:solidFill>
            <a:srgbClr val="F76C6C"/>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4000">
              <a:solidFill>
                <a:prstClr val="white"/>
              </a:solidFill>
              <a:latin typeface="Calibri" panose="020F0502020204030204"/>
            </a:endParaRPr>
          </a:p>
        </p:txBody>
      </p:sp>
      <p:sp>
        <p:nvSpPr>
          <p:cNvPr id="10" name="Rounded Rectangle 10">
            <a:extLst>
              <a:ext uri="{FF2B5EF4-FFF2-40B4-BE49-F238E27FC236}">
                <a16:creationId xmlns:a16="http://schemas.microsoft.com/office/drawing/2014/main" id="{56B89A69-B97C-7ED4-F7BF-376E08B9E2E6}"/>
              </a:ext>
            </a:extLst>
          </p:cNvPr>
          <p:cNvSpPr/>
          <p:nvPr/>
        </p:nvSpPr>
        <p:spPr>
          <a:xfrm>
            <a:off x="14980554" y="4242028"/>
            <a:ext cx="3511518" cy="6523016"/>
          </a:xfrm>
          <a:prstGeom prst="roundRect">
            <a:avLst/>
          </a:prstGeom>
          <a:solidFill>
            <a:srgbClr val="74B9B9"/>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4000">
              <a:solidFill>
                <a:prstClr val="white"/>
              </a:solidFill>
              <a:latin typeface="Calibri" panose="020F0502020204030204"/>
            </a:endParaRPr>
          </a:p>
        </p:txBody>
      </p:sp>
      <p:sp>
        <p:nvSpPr>
          <p:cNvPr id="12" name="Pentagon 19">
            <a:extLst>
              <a:ext uri="{FF2B5EF4-FFF2-40B4-BE49-F238E27FC236}">
                <a16:creationId xmlns:a16="http://schemas.microsoft.com/office/drawing/2014/main" id="{A24E2428-F85F-FFA3-971D-CE210CEACC61}"/>
              </a:ext>
            </a:extLst>
          </p:cNvPr>
          <p:cNvSpPr/>
          <p:nvPr/>
        </p:nvSpPr>
        <p:spPr>
          <a:xfrm>
            <a:off x="527961" y="8615094"/>
            <a:ext cx="3424567" cy="1524102"/>
          </a:xfrm>
          <a:prstGeom prst="homePlate">
            <a:avLst/>
          </a:prstGeom>
          <a:solidFill>
            <a:srgbClr val="114B5F"/>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4000">
              <a:solidFill>
                <a:prstClr val="white"/>
              </a:solidFill>
              <a:latin typeface="Calibri" panose="020F0502020204030204"/>
            </a:endParaRPr>
          </a:p>
        </p:txBody>
      </p:sp>
      <p:sp>
        <p:nvSpPr>
          <p:cNvPr id="13" name="Pentagon 20">
            <a:extLst>
              <a:ext uri="{FF2B5EF4-FFF2-40B4-BE49-F238E27FC236}">
                <a16:creationId xmlns:a16="http://schemas.microsoft.com/office/drawing/2014/main" id="{B5E9D93A-201E-5FCF-5DF7-F634A7A29FB5}"/>
              </a:ext>
            </a:extLst>
          </p:cNvPr>
          <p:cNvSpPr/>
          <p:nvPr/>
        </p:nvSpPr>
        <p:spPr>
          <a:xfrm>
            <a:off x="4139072" y="8615094"/>
            <a:ext cx="3424567" cy="1524102"/>
          </a:xfrm>
          <a:prstGeom prst="homePlate">
            <a:avLst/>
          </a:prstGeom>
          <a:solidFill>
            <a:srgbClr val="114B5F"/>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4000">
              <a:solidFill>
                <a:prstClr val="white"/>
              </a:solidFill>
              <a:latin typeface="Calibri" panose="020F0502020204030204"/>
            </a:endParaRPr>
          </a:p>
        </p:txBody>
      </p:sp>
      <p:sp>
        <p:nvSpPr>
          <p:cNvPr id="14" name="Pentagon 21">
            <a:extLst>
              <a:ext uri="{FF2B5EF4-FFF2-40B4-BE49-F238E27FC236}">
                <a16:creationId xmlns:a16="http://schemas.microsoft.com/office/drawing/2014/main" id="{5112169E-90A0-3C0F-EA03-3F076E705E3A}"/>
              </a:ext>
            </a:extLst>
          </p:cNvPr>
          <p:cNvSpPr/>
          <p:nvPr/>
        </p:nvSpPr>
        <p:spPr>
          <a:xfrm>
            <a:off x="7836245" y="8628514"/>
            <a:ext cx="3424567" cy="1501040"/>
          </a:xfrm>
          <a:prstGeom prst="homePlate">
            <a:avLst/>
          </a:prstGeom>
          <a:solidFill>
            <a:srgbClr val="114B5F"/>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4000">
              <a:solidFill>
                <a:prstClr val="white"/>
              </a:solidFill>
              <a:latin typeface="Calibri" panose="020F0502020204030204"/>
            </a:endParaRPr>
          </a:p>
        </p:txBody>
      </p:sp>
      <p:sp>
        <p:nvSpPr>
          <p:cNvPr id="16" name="Pentagon 22">
            <a:extLst>
              <a:ext uri="{FF2B5EF4-FFF2-40B4-BE49-F238E27FC236}">
                <a16:creationId xmlns:a16="http://schemas.microsoft.com/office/drawing/2014/main" id="{426388A0-BADD-4696-7586-3D8457BBF1F7}"/>
              </a:ext>
            </a:extLst>
          </p:cNvPr>
          <p:cNvSpPr/>
          <p:nvPr/>
        </p:nvSpPr>
        <p:spPr>
          <a:xfrm>
            <a:off x="11490388" y="8615094"/>
            <a:ext cx="3424567" cy="1524102"/>
          </a:xfrm>
          <a:prstGeom prst="homePlate">
            <a:avLst/>
          </a:prstGeom>
          <a:solidFill>
            <a:srgbClr val="114B5F"/>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4000">
              <a:solidFill>
                <a:prstClr val="white"/>
              </a:solidFill>
              <a:latin typeface="Calibri" panose="020F0502020204030204"/>
            </a:endParaRPr>
          </a:p>
        </p:txBody>
      </p:sp>
      <p:sp>
        <p:nvSpPr>
          <p:cNvPr id="17" name="Pentagon 23">
            <a:extLst>
              <a:ext uri="{FF2B5EF4-FFF2-40B4-BE49-F238E27FC236}">
                <a16:creationId xmlns:a16="http://schemas.microsoft.com/office/drawing/2014/main" id="{B1A90FE6-C4DA-1424-3958-64F5A17059B9}"/>
              </a:ext>
            </a:extLst>
          </p:cNvPr>
          <p:cNvSpPr/>
          <p:nvPr/>
        </p:nvSpPr>
        <p:spPr>
          <a:xfrm>
            <a:off x="15099050" y="8615094"/>
            <a:ext cx="3424567" cy="1524102"/>
          </a:xfrm>
          <a:prstGeom prst="homePlate">
            <a:avLst/>
          </a:prstGeom>
          <a:solidFill>
            <a:srgbClr val="114B5F"/>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4000">
              <a:solidFill>
                <a:prstClr val="white"/>
              </a:solidFill>
              <a:latin typeface="Calibri" panose="020F0502020204030204"/>
            </a:endParaRPr>
          </a:p>
        </p:txBody>
      </p:sp>
      <p:sp>
        <p:nvSpPr>
          <p:cNvPr id="18" name="Title 3">
            <a:extLst>
              <a:ext uri="{FF2B5EF4-FFF2-40B4-BE49-F238E27FC236}">
                <a16:creationId xmlns:a16="http://schemas.microsoft.com/office/drawing/2014/main" id="{A2BF1475-868D-6891-5239-2DBB38893009}"/>
              </a:ext>
            </a:extLst>
          </p:cNvPr>
          <p:cNvSpPr txBox="1">
            <a:spLocks/>
          </p:cNvSpPr>
          <p:nvPr/>
        </p:nvSpPr>
        <p:spPr>
          <a:xfrm>
            <a:off x="496521" y="8608386"/>
            <a:ext cx="2640509" cy="1501038"/>
          </a:xfrm>
          <a:prstGeom prst="rect">
            <a:avLst/>
          </a:prstGeom>
        </p:spPr>
        <p:txBody>
          <a:bodyPr vert="horz" lIns="203200" tIns="101600" rIns="203200" bIns="10160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spcAft>
                <a:spcPts val="1778"/>
              </a:spcAft>
            </a:pPr>
            <a:r>
              <a:rPr lang="en-US" sz="2667" b="1">
                <a:solidFill>
                  <a:prstClr val="white"/>
                </a:solidFill>
                <a:latin typeface="Calibri" panose="020F0502020204030204" pitchFamily="34" charset="0"/>
                <a:cs typeface="Calibri" panose="020F0502020204030204" pitchFamily="34" charset="0"/>
              </a:rPr>
              <a:t>INJURY</a:t>
            </a:r>
          </a:p>
        </p:txBody>
      </p:sp>
      <p:sp>
        <p:nvSpPr>
          <p:cNvPr id="19" name="Title 3">
            <a:extLst>
              <a:ext uri="{FF2B5EF4-FFF2-40B4-BE49-F238E27FC236}">
                <a16:creationId xmlns:a16="http://schemas.microsoft.com/office/drawing/2014/main" id="{491CD533-16B1-22A9-1A70-EB208D16A224}"/>
              </a:ext>
            </a:extLst>
          </p:cNvPr>
          <p:cNvSpPr txBox="1">
            <a:spLocks/>
          </p:cNvSpPr>
          <p:nvPr/>
        </p:nvSpPr>
        <p:spPr>
          <a:xfrm>
            <a:off x="4141623" y="8608386"/>
            <a:ext cx="2640509" cy="1501038"/>
          </a:xfrm>
          <a:prstGeom prst="rect">
            <a:avLst/>
          </a:prstGeom>
        </p:spPr>
        <p:txBody>
          <a:bodyPr vert="horz" lIns="203200" tIns="101600" rIns="203200" bIns="10160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spcAft>
                <a:spcPts val="1778"/>
              </a:spcAft>
            </a:pPr>
            <a:r>
              <a:rPr lang="en-US" sz="2667" b="1">
                <a:solidFill>
                  <a:prstClr val="white"/>
                </a:solidFill>
                <a:latin typeface="Calibri" panose="020F0502020204030204" pitchFamily="34" charset="0"/>
                <a:cs typeface="Calibri" panose="020F0502020204030204" pitchFamily="34" charset="0"/>
              </a:rPr>
              <a:t>INTAKE</a:t>
            </a:r>
          </a:p>
        </p:txBody>
      </p:sp>
      <p:sp>
        <p:nvSpPr>
          <p:cNvPr id="20" name="Title 3">
            <a:extLst>
              <a:ext uri="{FF2B5EF4-FFF2-40B4-BE49-F238E27FC236}">
                <a16:creationId xmlns:a16="http://schemas.microsoft.com/office/drawing/2014/main" id="{E48A94AD-9B51-E627-8EFA-3A82B8EF595D}"/>
              </a:ext>
            </a:extLst>
          </p:cNvPr>
          <p:cNvSpPr txBox="1">
            <a:spLocks/>
          </p:cNvSpPr>
          <p:nvPr/>
        </p:nvSpPr>
        <p:spPr>
          <a:xfrm>
            <a:off x="7838962" y="8608386"/>
            <a:ext cx="2589867" cy="1501038"/>
          </a:xfrm>
          <a:prstGeom prst="rect">
            <a:avLst/>
          </a:prstGeom>
        </p:spPr>
        <p:txBody>
          <a:bodyPr vert="horz" lIns="203200" tIns="101600" rIns="203200" bIns="10160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spcAft>
                <a:spcPts val="1778"/>
              </a:spcAft>
            </a:pPr>
            <a:r>
              <a:rPr lang="en-US" sz="2667" b="1" dirty="0">
                <a:solidFill>
                  <a:prstClr val="white"/>
                </a:solidFill>
                <a:latin typeface="Calibri" panose="020F0502020204030204" pitchFamily="34" charset="0"/>
                <a:cs typeface="Calibri" panose="020F0502020204030204" pitchFamily="34" charset="0"/>
              </a:rPr>
              <a:t>ASSESSMENT &amp; ANALYSIS</a:t>
            </a:r>
          </a:p>
        </p:txBody>
      </p:sp>
      <p:sp>
        <p:nvSpPr>
          <p:cNvPr id="21" name="Title 3">
            <a:extLst>
              <a:ext uri="{FF2B5EF4-FFF2-40B4-BE49-F238E27FC236}">
                <a16:creationId xmlns:a16="http://schemas.microsoft.com/office/drawing/2014/main" id="{EFD5748A-7CBF-C434-956D-38EB12E927F4}"/>
              </a:ext>
            </a:extLst>
          </p:cNvPr>
          <p:cNvSpPr txBox="1">
            <a:spLocks/>
          </p:cNvSpPr>
          <p:nvPr/>
        </p:nvSpPr>
        <p:spPr>
          <a:xfrm>
            <a:off x="11492939" y="8608386"/>
            <a:ext cx="2640509" cy="1501038"/>
          </a:xfrm>
          <a:prstGeom prst="rect">
            <a:avLst/>
          </a:prstGeom>
        </p:spPr>
        <p:txBody>
          <a:bodyPr vert="horz" lIns="203200" tIns="101600" rIns="203200" bIns="10160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spcAft>
                <a:spcPts val="1778"/>
              </a:spcAft>
            </a:pPr>
            <a:r>
              <a:rPr lang="en-US" sz="2667" b="1">
                <a:solidFill>
                  <a:prstClr val="white"/>
                </a:solidFill>
                <a:latin typeface="Calibri" panose="020F0502020204030204" pitchFamily="34" charset="0"/>
                <a:cs typeface="Calibri" panose="020F0502020204030204" pitchFamily="34" charset="0"/>
              </a:rPr>
              <a:t>MANAGEMENT</a:t>
            </a:r>
          </a:p>
        </p:txBody>
      </p:sp>
      <p:sp>
        <p:nvSpPr>
          <p:cNvPr id="22" name="Title 3">
            <a:extLst>
              <a:ext uri="{FF2B5EF4-FFF2-40B4-BE49-F238E27FC236}">
                <a16:creationId xmlns:a16="http://schemas.microsoft.com/office/drawing/2014/main" id="{04D20C22-8721-8180-C83D-A471785BAC60}"/>
              </a:ext>
            </a:extLst>
          </p:cNvPr>
          <p:cNvSpPr txBox="1">
            <a:spLocks/>
          </p:cNvSpPr>
          <p:nvPr/>
        </p:nvSpPr>
        <p:spPr>
          <a:xfrm>
            <a:off x="15113619" y="8581543"/>
            <a:ext cx="2623856" cy="1524102"/>
          </a:xfrm>
          <a:prstGeom prst="rect">
            <a:avLst/>
          </a:prstGeom>
        </p:spPr>
        <p:txBody>
          <a:bodyPr vert="horz" lIns="203200" tIns="101600" rIns="203200" bIns="10160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spcAft>
                <a:spcPts val="1778"/>
              </a:spcAft>
            </a:pPr>
            <a:r>
              <a:rPr lang="en-US" sz="2667" b="1">
                <a:solidFill>
                  <a:prstClr val="white"/>
                </a:solidFill>
                <a:latin typeface="Calibri" panose="020F0502020204030204" pitchFamily="34" charset="0"/>
                <a:cs typeface="Calibri" panose="020F0502020204030204" pitchFamily="34" charset="0"/>
              </a:rPr>
              <a:t>CLOSURE</a:t>
            </a:r>
          </a:p>
        </p:txBody>
      </p:sp>
      <p:grpSp>
        <p:nvGrpSpPr>
          <p:cNvPr id="23" name="Group 22">
            <a:extLst>
              <a:ext uri="{FF2B5EF4-FFF2-40B4-BE49-F238E27FC236}">
                <a16:creationId xmlns:a16="http://schemas.microsoft.com/office/drawing/2014/main" id="{921F0927-A1AF-7727-1EC5-B1FA0A48839D}"/>
              </a:ext>
            </a:extLst>
          </p:cNvPr>
          <p:cNvGrpSpPr/>
          <p:nvPr/>
        </p:nvGrpSpPr>
        <p:grpSpPr>
          <a:xfrm>
            <a:off x="833026" y="4897507"/>
            <a:ext cx="2640509" cy="2520211"/>
            <a:chOff x="641592" y="3190565"/>
            <a:chExt cx="1184364" cy="1319910"/>
          </a:xfrm>
        </p:grpSpPr>
        <p:sp>
          <p:nvSpPr>
            <p:cNvPr id="24" name="Graphic 39">
              <a:extLst>
                <a:ext uri="{FF2B5EF4-FFF2-40B4-BE49-F238E27FC236}">
                  <a16:creationId xmlns:a16="http://schemas.microsoft.com/office/drawing/2014/main" id="{D81B923F-AAAF-3720-6C41-E307B8F2A521}"/>
                </a:ext>
              </a:extLst>
            </p:cNvPr>
            <p:cNvSpPr/>
            <p:nvPr/>
          </p:nvSpPr>
          <p:spPr>
            <a:xfrm>
              <a:off x="641592" y="3190565"/>
              <a:ext cx="1184364" cy="1319910"/>
            </a:xfrm>
            <a:custGeom>
              <a:avLst/>
              <a:gdLst>
                <a:gd name="connsiteX0" fmla="*/ 592185 w 1184364"/>
                <a:gd name="connsiteY0" fmla="*/ 46489 h 1319910"/>
                <a:gd name="connsiteX1" fmla="*/ 653341 w 1184364"/>
                <a:gd name="connsiteY1" fmla="*/ 62933 h 1319910"/>
                <a:gd name="connsiteX2" fmla="*/ 1076873 w 1184364"/>
                <a:gd name="connsiteY2" fmla="*/ 308296 h 1319910"/>
                <a:gd name="connsiteX3" fmla="*/ 1138035 w 1184364"/>
                <a:gd name="connsiteY3" fmla="*/ 414592 h 1319910"/>
                <a:gd name="connsiteX4" fmla="*/ 1138035 w 1184364"/>
                <a:gd name="connsiteY4" fmla="*/ 905317 h 1319910"/>
                <a:gd name="connsiteX5" fmla="*/ 1076873 w 1184364"/>
                <a:gd name="connsiteY5" fmla="*/ 1011614 h 1319910"/>
                <a:gd name="connsiteX6" fmla="*/ 653341 w 1184364"/>
                <a:gd name="connsiteY6" fmla="*/ 1256982 h 1319910"/>
                <a:gd name="connsiteX7" fmla="*/ 592185 w 1184364"/>
                <a:gd name="connsiteY7" fmla="*/ 1273422 h 1319910"/>
                <a:gd name="connsiteX8" fmla="*/ 531022 w 1184364"/>
                <a:gd name="connsiteY8" fmla="*/ 1256982 h 1319910"/>
                <a:gd name="connsiteX9" fmla="*/ 107490 w 1184364"/>
                <a:gd name="connsiteY9" fmla="*/ 1011614 h 1319910"/>
                <a:gd name="connsiteX10" fmla="*/ 46330 w 1184364"/>
                <a:gd name="connsiteY10" fmla="*/ 905317 h 1319910"/>
                <a:gd name="connsiteX11" fmla="*/ 46330 w 1184364"/>
                <a:gd name="connsiteY11" fmla="*/ 414592 h 1319910"/>
                <a:gd name="connsiteX12" fmla="*/ 107490 w 1184364"/>
                <a:gd name="connsiteY12" fmla="*/ 308296 h 1319910"/>
                <a:gd name="connsiteX13" fmla="*/ 531022 w 1184364"/>
                <a:gd name="connsiteY13" fmla="*/ 62933 h 1319910"/>
                <a:gd name="connsiteX14" fmla="*/ 592185 w 1184364"/>
                <a:gd name="connsiteY14" fmla="*/ 46489 h 1319910"/>
                <a:gd name="connsiteX15" fmla="*/ 592185 w 1184364"/>
                <a:gd name="connsiteY15" fmla="*/ 0 h 1319910"/>
                <a:gd name="connsiteX16" fmla="*/ 507857 w 1184364"/>
                <a:gd name="connsiteY16" fmla="*/ 22672 h 1319910"/>
                <a:gd name="connsiteX17" fmla="*/ 84325 w 1184364"/>
                <a:gd name="connsiteY17" fmla="*/ 268036 h 1319910"/>
                <a:gd name="connsiteX18" fmla="*/ 0 w 1184364"/>
                <a:gd name="connsiteY18" fmla="*/ 414592 h 1319910"/>
                <a:gd name="connsiteX19" fmla="*/ 0 w 1184364"/>
                <a:gd name="connsiteY19" fmla="*/ 905317 h 1319910"/>
                <a:gd name="connsiteX20" fmla="*/ 84325 w 1184364"/>
                <a:gd name="connsiteY20" fmla="*/ 1051879 h 1319910"/>
                <a:gd name="connsiteX21" fmla="*/ 507857 w 1184364"/>
                <a:gd name="connsiteY21" fmla="*/ 1297241 h 1319910"/>
                <a:gd name="connsiteX22" fmla="*/ 592185 w 1184364"/>
                <a:gd name="connsiteY22" fmla="*/ 1319910 h 1319910"/>
                <a:gd name="connsiteX23" fmla="*/ 676506 w 1184364"/>
                <a:gd name="connsiteY23" fmla="*/ 1297241 h 1319910"/>
                <a:gd name="connsiteX24" fmla="*/ 1100038 w 1184364"/>
                <a:gd name="connsiteY24" fmla="*/ 1051879 h 1319910"/>
                <a:gd name="connsiteX25" fmla="*/ 1184365 w 1184364"/>
                <a:gd name="connsiteY25" fmla="*/ 905317 h 1319910"/>
                <a:gd name="connsiteX26" fmla="*/ 1184365 w 1184364"/>
                <a:gd name="connsiteY26" fmla="*/ 414592 h 1319910"/>
                <a:gd name="connsiteX27" fmla="*/ 1100038 w 1184364"/>
                <a:gd name="connsiteY27" fmla="*/ 268036 h 1319910"/>
                <a:gd name="connsiteX28" fmla="*/ 676506 w 1184364"/>
                <a:gd name="connsiteY28" fmla="*/ 22672 h 1319910"/>
                <a:gd name="connsiteX29" fmla="*/ 592185 w 1184364"/>
                <a:gd name="connsiteY29" fmla="*/ 0 h 1319910"/>
                <a:gd name="connsiteX30" fmla="*/ 592185 w 1184364"/>
                <a:gd name="connsiteY30" fmla="*/ 0 h 13199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Lst>
              <a:rect l="l" t="t" r="r" b="b"/>
              <a:pathLst>
                <a:path w="1184364" h="1319910">
                  <a:moveTo>
                    <a:pt x="592185" y="46489"/>
                  </a:moveTo>
                  <a:cubicBezTo>
                    <a:pt x="613624" y="46489"/>
                    <a:pt x="634774" y="52175"/>
                    <a:pt x="653341" y="62933"/>
                  </a:cubicBezTo>
                  <a:lnTo>
                    <a:pt x="1076873" y="308296"/>
                  </a:lnTo>
                  <a:cubicBezTo>
                    <a:pt x="1114597" y="330152"/>
                    <a:pt x="1138035" y="370883"/>
                    <a:pt x="1138035" y="414592"/>
                  </a:cubicBezTo>
                  <a:lnTo>
                    <a:pt x="1138035" y="905317"/>
                  </a:lnTo>
                  <a:cubicBezTo>
                    <a:pt x="1138035" y="949028"/>
                    <a:pt x="1114597" y="989758"/>
                    <a:pt x="1076873" y="1011614"/>
                  </a:cubicBezTo>
                  <a:lnTo>
                    <a:pt x="653341" y="1256982"/>
                  </a:lnTo>
                  <a:cubicBezTo>
                    <a:pt x="634774" y="1267738"/>
                    <a:pt x="613624" y="1273422"/>
                    <a:pt x="592185" y="1273422"/>
                  </a:cubicBezTo>
                  <a:cubicBezTo>
                    <a:pt x="570740" y="1273422"/>
                    <a:pt x="549592" y="1267738"/>
                    <a:pt x="531022" y="1256982"/>
                  </a:cubicBezTo>
                  <a:lnTo>
                    <a:pt x="107490" y="1011614"/>
                  </a:lnTo>
                  <a:cubicBezTo>
                    <a:pt x="69765" y="989758"/>
                    <a:pt x="46330" y="949028"/>
                    <a:pt x="46330" y="905317"/>
                  </a:cubicBezTo>
                  <a:lnTo>
                    <a:pt x="46330" y="414592"/>
                  </a:lnTo>
                  <a:cubicBezTo>
                    <a:pt x="46330" y="370882"/>
                    <a:pt x="69765" y="330152"/>
                    <a:pt x="107490" y="308296"/>
                  </a:cubicBezTo>
                  <a:lnTo>
                    <a:pt x="531022" y="62933"/>
                  </a:lnTo>
                  <a:cubicBezTo>
                    <a:pt x="549592" y="52175"/>
                    <a:pt x="570740" y="46489"/>
                    <a:pt x="592185" y="46489"/>
                  </a:cubicBezTo>
                  <a:moveTo>
                    <a:pt x="592185" y="0"/>
                  </a:moveTo>
                  <a:cubicBezTo>
                    <a:pt x="563065" y="0"/>
                    <a:pt x="533947" y="7558"/>
                    <a:pt x="507857" y="22672"/>
                  </a:cubicBezTo>
                  <a:lnTo>
                    <a:pt x="84325" y="268036"/>
                  </a:lnTo>
                  <a:cubicBezTo>
                    <a:pt x="32145" y="298266"/>
                    <a:pt x="0" y="354133"/>
                    <a:pt x="0" y="414592"/>
                  </a:cubicBezTo>
                  <a:lnTo>
                    <a:pt x="0" y="905317"/>
                  </a:lnTo>
                  <a:cubicBezTo>
                    <a:pt x="0" y="965782"/>
                    <a:pt x="32145" y="1021644"/>
                    <a:pt x="84325" y="1051879"/>
                  </a:cubicBezTo>
                  <a:lnTo>
                    <a:pt x="507857" y="1297241"/>
                  </a:lnTo>
                  <a:cubicBezTo>
                    <a:pt x="533947" y="1312356"/>
                    <a:pt x="563065" y="1319910"/>
                    <a:pt x="592185" y="1319910"/>
                  </a:cubicBezTo>
                  <a:cubicBezTo>
                    <a:pt x="621298" y="1319910"/>
                    <a:pt x="650416" y="1312356"/>
                    <a:pt x="676506" y="1297241"/>
                  </a:cubicBezTo>
                  <a:lnTo>
                    <a:pt x="1100038" y="1051879"/>
                  </a:lnTo>
                  <a:cubicBezTo>
                    <a:pt x="1152217" y="1021644"/>
                    <a:pt x="1184365" y="965782"/>
                    <a:pt x="1184365" y="905317"/>
                  </a:cubicBezTo>
                  <a:lnTo>
                    <a:pt x="1184365" y="414592"/>
                  </a:lnTo>
                  <a:cubicBezTo>
                    <a:pt x="1184365" y="354133"/>
                    <a:pt x="1152217" y="298266"/>
                    <a:pt x="1100038" y="268036"/>
                  </a:cubicBezTo>
                  <a:lnTo>
                    <a:pt x="676506" y="22672"/>
                  </a:lnTo>
                  <a:cubicBezTo>
                    <a:pt x="650416" y="7558"/>
                    <a:pt x="621298" y="0"/>
                    <a:pt x="592185" y="0"/>
                  </a:cubicBezTo>
                  <a:lnTo>
                    <a:pt x="592185" y="0"/>
                  </a:lnTo>
                  <a:close/>
                </a:path>
              </a:pathLst>
            </a:custGeom>
            <a:solidFill>
              <a:sysClr val="window" lastClr="FFFFFF"/>
            </a:solidFill>
            <a:ln w="0" cap="flat">
              <a:no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sp>
          <p:nvSpPr>
            <p:cNvPr id="25" name="Graphic 3">
              <a:extLst>
                <a:ext uri="{FF2B5EF4-FFF2-40B4-BE49-F238E27FC236}">
                  <a16:creationId xmlns:a16="http://schemas.microsoft.com/office/drawing/2014/main" id="{F46095B3-CB7C-8378-4486-D9913D1A967E}"/>
                </a:ext>
              </a:extLst>
            </p:cNvPr>
            <p:cNvSpPr/>
            <p:nvPr/>
          </p:nvSpPr>
          <p:spPr>
            <a:xfrm>
              <a:off x="775452" y="3341078"/>
              <a:ext cx="916646" cy="1018886"/>
            </a:xfrm>
            <a:custGeom>
              <a:avLst/>
              <a:gdLst>
                <a:gd name="connsiteX0" fmla="*/ 2135496 w 2135495"/>
                <a:gd name="connsiteY0" fmla="*/ 1641949 h 2373688"/>
                <a:gd name="connsiteX1" fmla="*/ 2135496 w 2135495"/>
                <a:gd name="connsiteY1" fmla="*/ 731745 h 2373688"/>
                <a:gd name="connsiteX2" fmla="*/ 1996802 w 2135495"/>
                <a:gd name="connsiteY2" fmla="*/ 492164 h 2373688"/>
                <a:gd name="connsiteX3" fmla="*/ 1206437 w 2135495"/>
                <a:gd name="connsiteY3" fmla="*/ 37063 h 2373688"/>
                <a:gd name="connsiteX4" fmla="*/ 929057 w 2135495"/>
                <a:gd name="connsiteY4" fmla="*/ 37063 h 2373688"/>
                <a:gd name="connsiteX5" fmla="*/ 138692 w 2135495"/>
                <a:gd name="connsiteY5" fmla="*/ 492164 h 2373688"/>
                <a:gd name="connsiteX6" fmla="*/ 0 w 2135495"/>
                <a:gd name="connsiteY6" fmla="*/ 731745 h 2373688"/>
                <a:gd name="connsiteX7" fmla="*/ 0 w 2135495"/>
                <a:gd name="connsiteY7" fmla="*/ 1641949 h 2373688"/>
                <a:gd name="connsiteX8" fmla="*/ 138692 w 2135495"/>
                <a:gd name="connsiteY8" fmla="*/ 1881529 h 2373688"/>
                <a:gd name="connsiteX9" fmla="*/ 929057 w 2135495"/>
                <a:gd name="connsiteY9" fmla="*/ 2336626 h 2373688"/>
                <a:gd name="connsiteX10" fmla="*/ 1206437 w 2135495"/>
                <a:gd name="connsiteY10" fmla="*/ 2336626 h 2373688"/>
                <a:gd name="connsiteX11" fmla="*/ 1996802 w 2135495"/>
                <a:gd name="connsiteY11" fmla="*/ 1881529 h 2373688"/>
                <a:gd name="connsiteX12" fmla="*/ 2135496 w 2135495"/>
                <a:gd name="connsiteY12" fmla="*/ 1641949 h 2373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135495" h="2373688">
                  <a:moveTo>
                    <a:pt x="2135496" y="1641949"/>
                  </a:moveTo>
                  <a:lnTo>
                    <a:pt x="2135496" y="731745"/>
                  </a:lnTo>
                  <a:cubicBezTo>
                    <a:pt x="2135496" y="632909"/>
                    <a:pt x="2082632" y="541582"/>
                    <a:pt x="1996802" y="492164"/>
                  </a:cubicBezTo>
                  <a:lnTo>
                    <a:pt x="1206437" y="37063"/>
                  </a:lnTo>
                  <a:cubicBezTo>
                    <a:pt x="1120616" y="-12354"/>
                    <a:pt x="1014879" y="-12354"/>
                    <a:pt x="929057" y="37063"/>
                  </a:cubicBezTo>
                  <a:lnTo>
                    <a:pt x="138692" y="492164"/>
                  </a:lnTo>
                  <a:cubicBezTo>
                    <a:pt x="52869" y="541582"/>
                    <a:pt x="0" y="632909"/>
                    <a:pt x="0" y="731745"/>
                  </a:cubicBezTo>
                  <a:lnTo>
                    <a:pt x="0" y="1641949"/>
                  </a:lnTo>
                  <a:cubicBezTo>
                    <a:pt x="0" y="1740783"/>
                    <a:pt x="52869" y="1832112"/>
                    <a:pt x="138692" y="1881529"/>
                  </a:cubicBezTo>
                  <a:lnTo>
                    <a:pt x="929057" y="2336626"/>
                  </a:lnTo>
                  <a:cubicBezTo>
                    <a:pt x="1014879" y="2386043"/>
                    <a:pt x="1120616" y="2386043"/>
                    <a:pt x="1206437" y="2336626"/>
                  </a:cubicBezTo>
                  <a:lnTo>
                    <a:pt x="1996802" y="1881529"/>
                  </a:lnTo>
                  <a:cubicBezTo>
                    <a:pt x="2082632" y="1832112"/>
                    <a:pt x="2135496" y="1740783"/>
                    <a:pt x="2135496" y="1641949"/>
                  </a:cubicBezTo>
                  <a:close/>
                </a:path>
              </a:pathLst>
            </a:custGeom>
            <a:noFill/>
            <a:ln w="31750" cap="flat">
              <a:no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sp>
          <p:nvSpPr>
            <p:cNvPr id="26" name="Graphic 25">
              <a:extLst>
                <a:ext uri="{FF2B5EF4-FFF2-40B4-BE49-F238E27FC236}">
                  <a16:creationId xmlns:a16="http://schemas.microsoft.com/office/drawing/2014/main" id="{57C3EEF6-2D4C-ADEB-6CD8-5A222185BEBC}"/>
                </a:ext>
              </a:extLst>
            </p:cNvPr>
            <p:cNvSpPr/>
            <p:nvPr/>
          </p:nvSpPr>
          <p:spPr>
            <a:xfrm>
              <a:off x="1022638" y="3609221"/>
              <a:ext cx="422275" cy="482600"/>
            </a:xfrm>
            <a:custGeom>
              <a:avLst/>
              <a:gdLst>
                <a:gd name="connsiteX0" fmla="*/ 2641949 w 4267200"/>
                <a:gd name="connsiteY0" fmla="*/ 114109 h 4876800"/>
                <a:gd name="connsiteX1" fmla="*/ 2133600 w 4267200"/>
                <a:gd name="connsiteY1" fmla="*/ 0 h 4876800"/>
                <a:gd name="connsiteX2" fmla="*/ 1004792 w 4267200"/>
                <a:gd name="connsiteY2" fmla="*/ 762000 h 4876800"/>
                <a:gd name="connsiteX3" fmla="*/ 1778127 w 4267200"/>
                <a:gd name="connsiteY3" fmla="*/ 762000 h 4876800"/>
                <a:gd name="connsiteX4" fmla="*/ 2641949 w 4267200"/>
                <a:gd name="connsiteY4" fmla="*/ 114109 h 4876800"/>
                <a:gd name="connsiteX5" fmla="*/ 3262408 w 4267200"/>
                <a:gd name="connsiteY5" fmla="*/ 762000 h 4876800"/>
                <a:gd name="connsiteX6" fmla="*/ 2914841 w 4267200"/>
                <a:gd name="connsiteY6" fmla="*/ 290322 h 4876800"/>
                <a:gd name="connsiteX7" fmla="*/ 2285905 w 4267200"/>
                <a:gd name="connsiteY7" fmla="*/ 762000 h 4876800"/>
                <a:gd name="connsiteX8" fmla="*/ 3262408 w 4267200"/>
                <a:gd name="connsiteY8" fmla="*/ 762000 h 4876800"/>
                <a:gd name="connsiteX9" fmla="*/ 2133600 w 4267200"/>
                <a:gd name="connsiteY9" fmla="*/ 2438400 h 4876800"/>
                <a:gd name="connsiteX10" fmla="*/ 3352800 w 4267200"/>
                <a:gd name="connsiteY10" fmla="*/ 1219200 h 4876800"/>
                <a:gd name="connsiteX11" fmla="*/ 3337465 w 4267200"/>
                <a:gd name="connsiteY11" fmla="*/ 1066800 h 4876800"/>
                <a:gd name="connsiteX12" fmla="*/ 929735 w 4267200"/>
                <a:gd name="connsiteY12" fmla="*/ 1066800 h 4876800"/>
                <a:gd name="connsiteX13" fmla="*/ 914400 w 4267200"/>
                <a:gd name="connsiteY13" fmla="*/ 1219200 h 4876800"/>
                <a:gd name="connsiteX14" fmla="*/ 2133600 w 4267200"/>
                <a:gd name="connsiteY14" fmla="*/ 2438400 h 4876800"/>
                <a:gd name="connsiteX15" fmla="*/ 762000 w 4267200"/>
                <a:gd name="connsiteY15" fmla="*/ 2854643 h 4876800"/>
                <a:gd name="connsiteX16" fmla="*/ 762000 w 4267200"/>
                <a:gd name="connsiteY16" fmla="*/ 4876800 h 4876800"/>
                <a:gd name="connsiteX17" fmla="*/ 1983677 w 4267200"/>
                <a:gd name="connsiteY17" fmla="*/ 4876800 h 4876800"/>
                <a:gd name="connsiteX18" fmla="*/ 1045940 w 4267200"/>
                <a:gd name="connsiteY18" fmla="*/ 2766822 h 4876800"/>
                <a:gd name="connsiteX19" fmla="*/ 762000 w 4267200"/>
                <a:gd name="connsiteY19" fmla="*/ 2854643 h 4876800"/>
                <a:gd name="connsiteX20" fmla="*/ 0 w 4267200"/>
                <a:gd name="connsiteY20" fmla="*/ 4419600 h 4876800"/>
                <a:gd name="connsiteX21" fmla="*/ 457200 w 4267200"/>
                <a:gd name="connsiteY21" fmla="*/ 4876800 h 4876800"/>
                <a:gd name="connsiteX22" fmla="*/ 457200 w 4267200"/>
                <a:gd name="connsiteY22" fmla="*/ 3050286 h 4876800"/>
                <a:gd name="connsiteX23" fmla="*/ 0 w 4267200"/>
                <a:gd name="connsiteY23" fmla="*/ 4023360 h 4876800"/>
                <a:gd name="connsiteX24" fmla="*/ 0 w 4267200"/>
                <a:gd name="connsiteY24" fmla="*/ 4419600 h 4876800"/>
                <a:gd name="connsiteX25" fmla="*/ 2438400 w 4267200"/>
                <a:gd name="connsiteY25" fmla="*/ 3962400 h 4876800"/>
                <a:gd name="connsiteX26" fmla="*/ 1910906 w 4267200"/>
                <a:gd name="connsiteY26" fmla="*/ 3962400 h 4876800"/>
                <a:gd name="connsiteX27" fmla="*/ 2317337 w 4267200"/>
                <a:gd name="connsiteY27" fmla="*/ 4876800 h 4876800"/>
                <a:gd name="connsiteX28" fmla="*/ 2438400 w 4267200"/>
                <a:gd name="connsiteY28" fmla="*/ 4876800 h 4876800"/>
                <a:gd name="connsiteX29" fmla="*/ 2895600 w 4267200"/>
                <a:gd name="connsiteY29" fmla="*/ 4419600 h 4876800"/>
                <a:gd name="connsiteX30" fmla="*/ 2438400 w 4267200"/>
                <a:gd name="connsiteY30" fmla="*/ 3962400 h 4876800"/>
                <a:gd name="connsiteX31" fmla="*/ 2987040 w 4267200"/>
                <a:gd name="connsiteY31" fmla="*/ 2743200 h 4876800"/>
                <a:gd name="connsiteX32" fmla="*/ 2827878 w 4267200"/>
                <a:gd name="connsiteY32" fmla="*/ 2743200 h 4876800"/>
                <a:gd name="connsiteX33" fmla="*/ 2133600 w 4267200"/>
                <a:gd name="connsiteY33" fmla="*/ 2895600 h 4876800"/>
                <a:gd name="connsiteX34" fmla="*/ 1439323 w 4267200"/>
                <a:gd name="connsiteY34" fmla="*/ 2743200 h 4876800"/>
                <a:gd name="connsiteX35" fmla="*/ 1369124 w 4267200"/>
                <a:gd name="connsiteY35" fmla="*/ 2743200 h 4876800"/>
                <a:gd name="connsiteX36" fmla="*/ 1775555 w 4267200"/>
                <a:gd name="connsiteY36" fmla="*/ 3657600 h 4876800"/>
                <a:gd name="connsiteX37" fmla="*/ 2438400 w 4267200"/>
                <a:gd name="connsiteY37" fmla="*/ 3657600 h 4876800"/>
                <a:gd name="connsiteX38" fmla="*/ 3200400 w 4267200"/>
                <a:gd name="connsiteY38" fmla="*/ 4419600 h 4876800"/>
                <a:gd name="connsiteX39" fmla="*/ 3044095 w 4267200"/>
                <a:gd name="connsiteY39" fmla="*/ 4876800 h 4876800"/>
                <a:gd name="connsiteX40" fmla="*/ 3810000 w 4267200"/>
                <a:gd name="connsiteY40" fmla="*/ 4876800 h 4876800"/>
                <a:gd name="connsiteX41" fmla="*/ 4267200 w 4267200"/>
                <a:gd name="connsiteY41" fmla="*/ 4419600 h 4876800"/>
                <a:gd name="connsiteX42" fmla="*/ 4267200 w 4267200"/>
                <a:gd name="connsiteY42" fmla="*/ 4023360 h 4876800"/>
                <a:gd name="connsiteX43" fmla="*/ 2987040 w 4267200"/>
                <a:gd name="connsiteY43" fmla="*/ 2743200 h 48768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Lst>
              <a:rect l="l" t="t" r="r" b="b"/>
              <a:pathLst>
                <a:path w="4267200" h="4876800">
                  <a:moveTo>
                    <a:pt x="2641949" y="114109"/>
                  </a:moveTo>
                  <a:cubicBezTo>
                    <a:pt x="2486787" y="42577"/>
                    <a:pt x="2315623" y="0"/>
                    <a:pt x="2133600" y="0"/>
                  </a:cubicBezTo>
                  <a:cubicBezTo>
                    <a:pt x="1622203" y="0"/>
                    <a:pt x="1185863" y="315563"/>
                    <a:pt x="1004792" y="762000"/>
                  </a:cubicBezTo>
                  <a:lnTo>
                    <a:pt x="1778127" y="762000"/>
                  </a:lnTo>
                  <a:cubicBezTo>
                    <a:pt x="1778127" y="762000"/>
                    <a:pt x="2641949" y="114109"/>
                    <a:pt x="2641949" y="114109"/>
                  </a:cubicBezTo>
                  <a:close/>
                  <a:moveTo>
                    <a:pt x="3262408" y="762000"/>
                  </a:moveTo>
                  <a:cubicBezTo>
                    <a:pt x="3187160" y="576548"/>
                    <a:pt x="3065526" y="417195"/>
                    <a:pt x="2914841" y="290322"/>
                  </a:cubicBezTo>
                  <a:lnTo>
                    <a:pt x="2285905" y="762000"/>
                  </a:lnTo>
                  <a:lnTo>
                    <a:pt x="3262408" y="762000"/>
                  </a:lnTo>
                  <a:close/>
                  <a:moveTo>
                    <a:pt x="2133600" y="2438400"/>
                  </a:moveTo>
                  <a:cubicBezTo>
                    <a:pt x="2806922" y="2438400"/>
                    <a:pt x="3352800" y="1892522"/>
                    <a:pt x="3352800" y="1219200"/>
                  </a:cubicBezTo>
                  <a:cubicBezTo>
                    <a:pt x="3352800" y="1167003"/>
                    <a:pt x="3343751" y="1117283"/>
                    <a:pt x="3337465" y="1066800"/>
                  </a:cubicBezTo>
                  <a:lnTo>
                    <a:pt x="929735" y="1066800"/>
                  </a:lnTo>
                  <a:cubicBezTo>
                    <a:pt x="923354" y="1117283"/>
                    <a:pt x="914400" y="1167003"/>
                    <a:pt x="914400" y="1219200"/>
                  </a:cubicBezTo>
                  <a:cubicBezTo>
                    <a:pt x="914400" y="1892522"/>
                    <a:pt x="1460278" y="2438400"/>
                    <a:pt x="2133600" y="2438400"/>
                  </a:cubicBezTo>
                  <a:close/>
                  <a:moveTo>
                    <a:pt x="762000" y="2854643"/>
                  </a:moveTo>
                  <a:lnTo>
                    <a:pt x="762000" y="4876800"/>
                  </a:lnTo>
                  <a:lnTo>
                    <a:pt x="1983677" y="4876800"/>
                  </a:lnTo>
                  <a:lnTo>
                    <a:pt x="1045940" y="2766822"/>
                  </a:lnTo>
                  <a:cubicBezTo>
                    <a:pt x="948172" y="2784844"/>
                    <a:pt x="852868" y="2814314"/>
                    <a:pt x="762000" y="2854643"/>
                  </a:cubicBezTo>
                  <a:close/>
                  <a:moveTo>
                    <a:pt x="0" y="4419600"/>
                  </a:moveTo>
                  <a:cubicBezTo>
                    <a:pt x="0" y="4672108"/>
                    <a:pt x="204692" y="4876800"/>
                    <a:pt x="457200" y="4876800"/>
                  </a:cubicBezTo>
                  <a:lnTo>
                    <a:pt x="457200" y="3050286"/>
                  </a:lnTo>
                  <a:cubicBezTo>
                    <a:pt x="179832" y="3285078"/>
                    <a:pt x="0" y="3631502"/>
                    <a:pt x="0" y="4023360"/>
                  </a:cubicBezTo>
                  <a:lnTo>
                    <a:pt x="0" y="4419600"/>
                  </a:lnTo>
                  <a:close/>
                  <a:moveTo>
                    <a:pt x="2438400" y="3962400"/>
                  </a:moveTo>
                  <a:lnTo>
                    <a:pt x="1910906" y="3962400"/>
                  </a:lnTo>
                  <a:lnTo>
                    <a:pt x="2317337" y="4876800"/>
                  </a:lnTo>
                  <a:lnTo>
                    <a:pt x="2438400" y="4876800"/>
                  </a:lnTo>
                  <a:cubicBezTo>
                    <a:pt x="2690527" y="4876800"/>
                    <a:pt x="2895600" y="4671727"/>
                    <a:pt x="2895600" y="4419600"/>
                  </a:cubicBezTo>
                  <a:cubicBezTo>
                    <a:pt x="2895600" y="4167473"/>
                    <a:pt x="2690527" y="3962400"/>
                    <a:pt x="2438400" y="3962400"/>
                  </a:cubicBezTo>
                  <a:close/>
                  <a:moveTo>
                    <a:pt x="2987040" y="2743200"/>
                  </a:moveTo>
                  <a:lnTo>
                    <a:pt x="2827878" y="2743200"/>
                  </a:lnTo>
                  <a:cubicBezTo>
                    <a:pt x="2616041" y="2840165"/>
                    <a:pt x="2381345" y="2895600"/>
                    <a:pt x="2133600" y="2895600"/>
                  </a:cubicBezTo>
                  <a:cubicBezTo>
                    <a:pt x="1885855" y="2895600"/>
                    <a:pt x="1651159" y="2840165"/>
                    <a:pt x="1439323" y="2743200"/>
                  </a:cubicBezTo>
                  <a:lnTo>
                    <a:pt x="1369124" y="2743200"/>
                  </a:lnTo>
                  <a:lnTo>
                    <a:pt x="1775555" y="3657600"/>
                  </a:lnTo>
                  <a:lnTo>
                    <a:pt x="2438400" y="3657600"/>
                  </a:lnTo>
                  <a:cubicBezTo>
                    <a:pt x="2858548" y="3657600"/>
                    <a:pt x="3200400" y="3999453"/>
                    <a:pt x="3200400" y="4419600"/>
                  </a:cubicBezTo>
                  <a:cubicBezTo>
                    <a:pt x="3200400" y="4591812"/>
                    <a:pt x="3140774" y="4749070"/>
                    <a:pt x="3044095" y="4876800"/>
                  </a:cubicBezTo>
                  <a:lnTo>
                    <a:pt x="3810000" y="4876800"/>
                  </a:lnTo>
                  <a:cubicBezTo>
                    <a:pt x="4062508" y="4876800"/>
                    <a:pt x="4267200" y="4672108"/>
                    <a:pt x="4267200" y="4419600"/>
                  </a:cubicBezTo>
                  <a:lnTo>
                    <a:pt x="4267200" y="4023360"/>
                  </a:lnTo>
                  <a:cubicBezTo>
                    <a:pt x="4267200" y="3316320"/>
                    <a:pt x="3694081" y="2743200"/>
                    <a:pt x="2987040" y="2743200"/>
                  </a:cubicBezTo>
                  <a:close/>
                </a:path>
              </a:pathLst>
            </a:custGeom>
            <a:solidFill>
              <a:sysClr val="window" lastClr="FFFFFF">
                <a:alpha val="65489"/>
              </a:sysClr>
            </a:solidFill>
            <a:ln w="0" cap="flat">
              <a:no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grpSp>
      <p:grpSp>
        <p:nvGrpSpPr>
          <p:cNvPr id="27" name="Group 26">
            <a:extLst>
              <a:ext uri="{FF2B5EF4-FFF2-40B4-BE49-F238E27FC236}">
                <a16:creationId xmlns:a16="http://schemas.microsoft.com/office/drawing/2014/main" id="{CA4A7CE3-5BFF-5F2C-6861-3D369E225367}"/>
              </a:ext>
            </a:extLst>
          </p:cNvPr>
          <p:cNvGrpSpPr/>
          <p:nvPr/>
        </p:nvGrpSpPr>
        <p:grpSpPr>
          <a:xfrm>
            <a:off x="4447846" y="4897507"/>
            <a:ext cx="2640509" cy="2520211"/>
            <a:chOff x="641592" y="3190565"/>
            <a:chExt cx="1184364" cy="1319910"/>
          </a:xfrm>
        </p:grpSpPr>
        <p:sp>
          <p:nvSpPr>
            <p:cNvPr id="28" name="Graphic 39">
              <a:extLst>
                <a:ext uri="{FF2B5EF4-FFF2-40B4-BE49-F238E27FC236}">
                  <a16:creationId xmlns:a16="http://schemas.microsoft.com/office/drawing/2014/main" id="{4DC76BC3-6BAF-1B70-B02B-9C89C66F60DD}"/>
                </a:ext>
              </a:extLst>
            </p:cNvPr>
            <p:cNvSpPr/>
            <p:nvPr/>
          </p:nvSpPr>
          <p:spPr>
            <a:xfrm>
              <a:off x="641592" y="3190565"/>
              <a:ext cx="1184364" cy="1319910"/>
            </a:xfrm>
            <a:custGeom>
              <a:avLst/>
              <a:gdLst>
                <a:gd name="connsiteX0" fmla="*/ 592185 w 1184364"/>
                <a:gd name="connsiteY0" fmla="*/ 46489 h 1319910"/>
                <a:gd name="connsiteX1" fmla="*/ 653341 w 1184364"/>
                <a:gd name="connsiteY1" fmla="*/ 62933 h 1319910"/>
                <a:gd name="connsiteX2" fmla="*/ 1076873 w 1184364"/>
                <a:gd name="connsiteY2" fmla="*/ 308296 h 1319910"/>
                <a:gd name="connsiteX3" fmla="*/ 1138035 w 1184364"/>
                <a:gd name="connsiteY3" fmla="*/ 414592 h 1319910"/>
                <a:gd name="connsiteX4" fmla="*/ 1138035 w 1184364"/>
                <a:gd name="connsiteY4" fmla="*/ 905317 h 1319910"/>
                <a:gd name="connsiteX5" fmla="*/ 1076873 w 1184364"/>
                <a:gd name="connsiteY5" fmla="*/ 1011614 h 1319910"/>
                <a:gd name="connsiteX6" fmla="*/ 653341 w 1184364"/>
                <a:gd name="connsiteY6" fmla="*/ 1256982 h 1319910"/>
                <a:gd name="connsiteX7" fmla="*/ 592185 w 1184364"/>
                <a:gd name="connsiteY7" fmla="*/ 1273422 h 1319910"/>
                <a:gd name="connsiteX8" fmla="*/ 531022 w 1184364"/>
                <a:gd name="connsiteY8" fmla="*/ 1256982 h 1319910"/>
                <a:gd name="connsiteX9" fmla="*/ 107490 w 1184364"/>
                <a:gd name="connsiteY9" fmla="*/ 1011614 h 1319910"/>
                <a:gd name="connsiteX10" fmla="*/ 46330 w 1184364"/>
                <a:gd name="connsiteY10" fmla="*/ 905317 h 1319910"/>
                <a:gd name="connsiteX11" fmla="*/ 46330 w 1184364"/>
                <a:gd name="connsiteY11" fmla="*/ 414592 h 1319910"/>
                <a:gd name="connsiteX12" fmla="*/ 107490 w 1184364"/>
                <a:gd name="connsiteY12" fmla="*/ 308296 h 1319910"/>
                <a:gd name="connsiteX13" fmla="*/ 531022 w 1184364"/>
                <a:gd name="connsiteY13" fmla="*/ 62933 h 1319910"/>
                <a:gd name="connsiteX14" fmla="*/ 592185 w 1184364"/>
                <a:gd name="connsiteY14" fmla="*/ 46489 h 1319910"/>
                <a:gd name="connsiteX15" fmla="*/ 592185 w 1184364"/>
                <a:gd name="connsiteY15" fmla="*/ 0 h 1319910"/>
                <a:gd name="connsiteX16" fmla="*/ 507857 w 1184364"/>
                <a:gd name="connsiteY16" fmla="*/ 22672 h 1319910"/>
                <a:gd name="connsiteX17" fmla="*/ 84325 w 1184364"/>
                <a:gd name="connsiteY17" fmla="*/ 268036 h 1319910"/>
                <a:gd name="connsiteX18" fmla="*/ 0 w 1184364"/>
                <a:gd name="connsiteY18" fmla="*/ 414592 h 1319910"/>
                <a:gd name="connsiteX19" fmla="*/ 0 w 1184364"/>
                <a:gd name="connsiteY19" fmla="*/ 905317 h 1319910"/>
                <a:gd name="connsiteX20" fmla="*/ 84325 w 1184364"/>
                <a:gd name="connsiteY20" fmla="*/ 1051879 h 1319910"/>
                <a:gd name="connsiteX21" fmla="*/ 507857 w 1184364"/>
                <a:gd name="connsiteY21" fmla="*/ 1297241 h 1319910"/>
                <a:gd name="connsiteX22" fmla="*/ 592185 w 1184364"/>
                <a:gd name="connsiteY22" fmla="*/ 1319910 h 1319910"/>
                <a:gd name="connsiteX23" fmla="*/ 676506 w 1184364"/>
                <a:gd name="connsiteY23" fmla="*/ 1297241 h 1319910"/>
                <a:gd name="connsiteX24" fmla="*/ 1100038 w 1184364"/>
                <a:gd name="connsiteY24" fmla="*/ 1051879 h 1319910"/>
                <a:gd name="connsiteX25" fmla="*/ 1184365 w 1184364"/>
                <a:gd name="connsiteY25" fmla="*/ 905317 h 1319910"/>
                <a:gd name="connsiteX26" fmla="*/ 1184365 w 1184364"/>
                <a:gd name="connsiteY26" fmla="*/ 414592 h 1319910"/>
                <a:gd name="connsiteX27" fmla="*/ 1100038 w 1184364"/>
                <a:gd name="connsiteY27" fmla="*/ 268036 h 1319910"/>
                <a:gd name="connsiteX28" fmla="*/ 676506 w 1184364"/>
                <a:gd name="connsiteY28" fmla="*/ 22672 h 1319910"/>
                <a:gd name="connsiteX29" fmla="*/ 592185 w 1184364"/>
                <a:gd name="connsiteY29" fmla="*/ 0 h 1319910"/>
                <a:gd name="connsiteX30" fmla="*/ 592185 w 1184364"/>
                <a:gd name="connsiteY30" fmla="*/ 0 h 13199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Lst>
              <a:rect l="l" t="t" r="r" b="b"/>
              <a:pathLst>
                <a:path w="1184364" h="1319910">
                  <a:moveTo>
                    <a:pt x="592185" y="46489"/>
                  </a:moveTo>
                  <a:cubicBezTo>
                    <a:pt x="613624" y="46489"/>
                    <a:pt x="634774" y="52175"/>
                    <a:pt x="653341" y="62933"/>
                  </a:cubicBezTo>
                  <a:lnTo>
                    <a:pt x="1076873" y="308296"/>
                  </a:lnTo>
                  <a:cubicBezTo>
                    <a:pt x="1114597" y="330152"/>
                    <a:pt x="1138035" y="370883"/>
                    <a:pt x="1138035" y="414592"/>
                  </a:cubicBezTo>
                  <a:lnTo>
                    <a:pt x="1138035" y="905317"/>
                  </a:lnTo>
                  <a:cubicBezTo>
                    <a:pt x="1138035" y="949028"/>
                    <a:pt x="1114597" y="989758"/>
                    <a:pt x="1076873" y="1011614"/>
                  </a:cubicBezTo>
                  <a:lnTo>
                    <a:pt x="653341" y="1256982"/>
                  </a:lnTo>
                  <a:cubicBezTo>
                    <a:pt x="634774" y="1267738"/>
                    <a:pt x="613624" y="1273422"/>
                    <a:pt x="592185" y="1273422"/>
                  </a:cubicBezTo>
                  <a:cubicBezTo>
                    <a:pt x="570740" y="1273422"/>
                    <a:pt x="549592" y="1267738"/>
                    <a:pt x="531022" y="1256982"/>
                  </a:cubicBezTo>
                  <a:lnTo>
                    <a:pt x="107490" y="1011614"/>
                  </a:lnTo>
                  <a:cubicBezTo>
                    <a:pt x="69765" y="989758"/>
                    <a:pt x="46330" y="949028"/>
                    <a:pt x="46330" y="905317"/>
                  </a:cubicBezTo>
                  <a:lnTo>
                    <a:pt x="46330" y="414592"/>
                  </a:lnTo>
                  <a:cubicBezTo>
                    <a:pt x="46330" y="370882"/>
                    <a:pt x="69765" y="330152"/>
                    <a:pt x="107490" y="308296"/>
                  </a:cubicBezTo>
                  <a:lnTo>
                    <a:pt x="531022" y="62933"/>
                  </a:lnTo>
                  <a:cubicBezTo>
                    <a:pt x="549592" y="52175"/>
                    <a:pt x="570740" y="46489"/>
                    <a:pt x="592185" y="46489"/>
                  </a:cubicBezTo>
                  <a:moveTo>
                    <a:pt x="592185" y="0"/>
                  </a:moveTo>
                  <a:cubicBezTo>
                    <a:pt x="563065" y="0"/>
                    <a:pt x="533947" y="7558"/>
                    <a:pt x="507857" y="22672"/>
                  </a:cubicBezTo>
                  <a:lnTo>
                    <a:pt x="84325" y="268036"/>
                  </a:lnTo>
                  <a:cubicBezTo>
                    <a:pt x="32145" y="298266"/>
                    <a:pt x="0" y="354133"/>
                    <a:pt x="0" y="414592"/>
                  </a:cubicBezTo>
                  <a:lnTo>
                    <a:pt x="0" y="905317"/>
                  </a:lnTo>
                  <a:cubicBezTo>
                    <a:pt x="0" y="965782"/>
                    <a:pt x="32145" y="1021644"/>
                    <a:pt x="84325" y="1051879"/>
                  </a:cubicBezTo>
                  <a:lnTo>
                    <a:pt x="507857" y="1297241"/>
                  </a:lnTo>
                  <a:cubicBezTo>
                    <a:pt x="533947" y="1312356"/>
                    <a:pt x="563065" y="1319910"/>
                    <a:pt x="592185" y="1319910"/>
                  </a:cubicBezTo>
                  <a:cubicBezTo>
                    <a:pt x="621298" y="1319910"/>
                    <a:pt x="650416" y="1312356"/>
                    <a:pt x="676506" y="1297241"/>
                  </a:cubicBezTo>
                  <a:lnTo>
                    <a:pt x="1100038" y="1051879"/>
                  </a:lnTo>
                  <a:cubicBezTo>
                    <a:pt x="1152217" y="1021644"/>
                    <a:pt x="1184365" y="965782"/>
                    <a:pt x="1184365" y="905317"/>
                  </a:cubicBezTo>
                  <a:lnTo>
                    <a:pt x="1184365" y="414592"/>
                  </a:lnTo>
                  <a:cubicBezTo>
                    <a:pt x="1184365" y="354133"/>
                    <a:pt x="1152217" y="298266"/>
                    <a:pt x="1100038" y="268036"/>
                  </a:cubicBezTo>
                  <a:lnTo>
                    <a:pt x="676506" y="22672"/>
                  </a:lnTo>
                  <a:cubicBezTo>
                    <a:pt x="650416" y="7558"/>
                    <a:pt x="621298" y="0"/>
                    <a:pt x="592185" y="0"/>
                  </a:cubicBezTo>
                  <a:lnTo>
                    <a:pt x="592185" y="0"/>
                  </a:lnTo>
                  <a:close/>
                </a:path>
              </a:pathLst>
            </a:custGeom>
            <a:solidFill>
              <a:sysClr val="window" lastClr="FFFFFF"/>
            </a:solidFill>
            <a:ln w="0" cap="flat">
              <a:no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sp>
          <p:nvSpPr>
            <p:cNvPr id="29" name="Graphic 3">
              <a:extLst>
                <a:ext uri="{FF2B5EF4-FFF2-40B4-BE49-F238E27FC236}">
                  <a16:creationId xmlns:a16="http://schemas.microsoft.com/office/drawing/2014/main" id="{EEFE8A5F-00D8-2C2B-E611-FF0793008BF7}"/>
                </a:ext>
              </a:extLst>
            </p:cNvPr>
            <p:cNvSpPr/>
            <p:nvPr/>
          </p:nvSpPr>
          <p:spPr>
            <a:xfrm>
              <a:off x="775452" y="3341078"/>
              <a:ext cx="916646" cy="1018886"/>
            </a:xfrm>
            <a:custGeom>
              <a:avLst/>
              <a:gdLst>
                <a:gd name="connsiteX0" fmla="*/ 2135496 w 2135495"/>
                <a:gd name="connsiteY0" fmla="*/ 1641949 h 2373688"/>
                <a:gd name="connsiteX1" fmla="*/ 2135496 w 2135495"/>
                <a:gd name="connsiteY1" fmla="*/ 731745 h 2373688"/>
                <a:gd name="connsiteX2" fmla="*/ 1996802 w 2135495"/>
                <a:gd name="connsiteY2" fmla="*/ 492164 h 2373688"/>
                <a:gd name="connsiteX3" fmla="*/ 1206437 w 2135495"/>
                <a:gd name="connsiteY3" fmla="*/ 37063 h 2373688"/>
                <a:gd name="connsiteX4" fmla="*/ 929057 w 2135495"/>
                <a:gd name="connsiteY4" fmla="*/ 37063 h 2373688"/>
                <a:gd name="connsiteX5" fmla="*/ 138692 w 2135495"/>
                <a:gd name="connsiteY5" fmla="*/ 492164 h 2373688"/>
                <a:gd name="connsiteX6" fmla="*/ 0 w 2135495"/>
                <a:gd name="connsiteY6" fmla="*/ 731745 h 2373688"/>
                <a:gd name="connsiteX7" fmla="*/ 0 w 2135495"/>
                <a:gd name="connsiteY7" fmla="*/ 1641949 h 2373688"/>
                <a:gd name="connsiteX8" fmla="*/ 138692 w 2135495"/>
                <a:gd name="connsiteY8" fmla="*/ 1881529 h 2373688"/>
                <a:gd name="connsiteX9" fmla="*/ 929057 w 2135495"/>
                <a:gd name="connsiteY9" fmla="*/ 2336626 h 2373688"/>
                <a:gd name="connsiteX10" fmla="*/ 1206437 w 2135495"/>
                <a:gd name="connsiteY10" fmla="*/ 2336626 h 2373688"/>
                <a:gd name="connsiteX11" fmla="*/ 1996802 w 2135495"/>
                <a:gd name="connsiteY11" fmla="*/ 1881529 h 2373688"/>
                <a:gd name="connsiteX12" fmla="*/ 2135496 w 2135495"/>
                <a:gd name="connsiteY12" fmla="*/ 1641949 h 2373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135495" h="2373688">
                  <a:moveTo>
                    <a:pt x="2135496" y="1641949"/>
                  </a:moveTo>
                  <a:lnTo>
                    <a:pt x="2135496" y="731745"/>
                  </a:lnTo>
                  <a:cubicBezTo>
                    <a:pt x="2135496" y="632909"/>
                    <a:pt x="2082632" y="541582"/>
                    <a:pt x="1996802" y="492164"/>
                  </a:cubicBezTo>
                  <a:lnTo>
                    <a:pt x="1206437" y="37063"/>
                  </a:lnTo>
                  <a:cubicBezTo>
                    <a:pt x="1120616" y="-12354"/>
                    <a:pt x="1014879" y="-12354"/>
                    <a:pt x="929057" y="37063"/>
                  </a:cubicBezTo>
                  <a:lnTo>
                    <a:pt x="138692" y="492164"/>
                  </a:lnTo>
                  <a:cubicBezTo>
                    <a:pt x="52869" y="541582"/>
                    <a:pt x="0" y="632909"/>
                    <a:pt x="0" y="731745"/>
                  </a:cubicBezTo>
                  <a:lnTo>
                    <a:pt x="0" y="1641949"/>
                  </a:lnTo>
                  <a:cubicBezTo>
                    <a:pt x="0" y="1740783"/>
                    <a:pt x="52869" y="1832112"/>
                    <a:pt x="138692" y="1881529"/>
                  </a:cubicBezTo>
                  <a:lnTo>
                    <a:pt x="929057" y="2336626"/>
                  </a:lnTo>
                  <a:cubicBezTo>
                    <a:pt x="1014879" y="2386043"/>
                    <a:pt x="1120616" y="2386043"/>
                    <a:pt x="1206437" y="2336626"/>
                  </a:cubicBezTo>
                  <a:lnTo>
                    <a:pt x="1996802" y="1881529"/>
                  </a:lnTo>
                  <a:cubicBezTo>
                    <a:pt x="2082632" y="1832112"/>
                    <a:pt x="2135496" y="1740783"/>
                    <a:pt x="2135496" y="1641949"/>
                  </a:cubicBezTo>
                  <a:close/>
                </a:path>
              </a:pathLst>
            </a:custGeom>
            <a:noFill/>
            <a:ln w="31750" cap="flat">
              <a:no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grpSp>
      <p:grpSp>
        <p:nvGrpSpPr>
          <p:cNvPr id="30" name="Group 29">
            <a:extLst>
              <a:ext uri="{FF2B5EF4-FFF2-40B4-BE49-F238E27FC236}">
                <a16:creationId xmlns:a16="http://schemas.microsoft.com/office/drawing/2014/main" id="{C83473D3-67BF-1B7A-EAD6-087C1D0844D5}"/>
              </a:ext>
            </a:extLst>
          </p:cNvPr>
          <p:cNvGrpSpPr/>
          <p:nvPr/>
        </p:nvGrpSpPr>
        <p:grpSpPr>
          <a:xfrm>
            <a:off x="8085781" y="4897507"/>
            <a:ext cx="2640509" cy="2520211"/>
            <a:chOff x="641592" y="3190565"/>
            <a:chExt cx="1184364" cy="1319910"/>
          </a:xfrm>
        </p:grpSpPr>
        <p:sp>
          <p:nvSpPr>
            <p:cNvPr id="31" name="Graphic 39">
              <a:extLst>
                <a:ext uri="{FF2B5EF4-FFF2-40B4-BE49-F238E27FC236}">
                  <a16:creationId xmlns:a16="http://schemas.microsoft.com/office/drawing/2014/main" id="{C57C62EA-740B-BE7C-0164-96668B398A46}"/>
                </a:ext>
              </a:extLst>
            </p:cNvPr>
            <p:cNvSpPr/>
            <p:nvPr/>
          </p:nvSpPr>
          <p:spPr>
            <a:xfrm>
              <a:off x="641592" y="3190565"/>
              <a:ext cx="1184364" cy="1319910"/>
            </a:xfrm>
            <a:custGeom>
              <a:avLst/>
              <a:gdLst>
                <a:gd name="connsiteX0" fmla="*/ 592185 w 1184364"/>
                <a:gd name="connsiteY0" fmla="*/ 46489 h 1319910"/>
                <a:gd name="connsiteX1" fmla="*/ 653341 w 1184364"/>
                <a:gd name="connsiteY1" fmla="*/ 62933 h 1319910"/>
                <a:gd name="connsiteX2" fmla="*/ 1076873 w 1184364"/>
                <a:gd name="connsiteY2" fmla="*/ 308296 h 1319910"/>
                <a:gd name="connsiteX3" fmla="*/ 1138035 w 1184364"/>
                <a:gd name="connsiteY3" fmla="*/ 414592 h 1319910"/>
                <a:gd name="connsiteX4" fmla="*/ 1138035 w 1184364"/>
                <a:gd name="connsiteY4" fmla="*/ 905317 h 1319910"/>
                <a:gd name="connsiteX5" fmla="*/ 1076873 w 1184364"/>
                <a:gd name="connsiteY5" fmla="*/ 1011614 h 1319910"/>
                <a:gd name="connsiteX6" fmla="*/ 653341 w 1184364"/>
                <a:gd name="connsiteY6" fmla="*/ 1256982 h 1319910"/>
                <a:gd name="connsiteX7" fmla="*/ 592185 w 1184364"/>
                <a:gd name="connsiteY7" fmla="*/ 1273422 h 1319910"/>
                <a:gd name="connsiteX8" fmla="*/ 531022 w 1184364"/>
                <a:gd name="connsiteY8" fmla="*/ 1256982 h 1319910"/>
                <a:gd name="connsiteX9" fmla="*/ 107490 w 1184364"/>
                <a:gd name="connsiteY9" fmla="*/ 1011614 h 1319910"/>
                <a:gd name="connsiteX10" fmla="*/ 46330 w 1184364"/>
                <a:gd name="connsiteY10" fmla="*/ 905317 h 1319910"/>
                <a:gd name="connsiteX11" fmla="*/ 46330 w 1184364"/>
                <a:gd name="connsiteY11" fmla="*/ 414592 h 1319910"/>
                <a:gd name="connsiteX12" fmla="*/ 107490 w 1184364"/>
                <a:gd name="connsiteY12" fmla="*/ 308296 h 1319910"/>
                <a:gd name="connsiteX13" fmla="*/ 531022 w 1184364"/>
                <a:gd name="connsiteY13" fmla="*/ 62933 h 1319910"/>
                <a:gd name="connsiteX14" fmla="*/ 592185 w 1184364"/>
                <a:gd name="connsiteY14" fmla="*/ 46489 h 1319910"/>
                <a:gd name="connsiteX15" fmla="*/ 592185 w 1184364"/>
                <a:gd name="connsiteY15" fmla="*/ 0 h 1319910"/>
                <a:gd name="connsiteX16" fmla="*/ 507857 w 1184364"/>
                <a:gd name="connsiteY16" fmla="*/ 22672 h 1319910"/>
                <a:gd name="connsiteX17" fmla="*/ 84325 w 1184364"/>
                <a:gd name="connsiteY17" fmla="*/ 268036 h 1319910"/>
                <a:gd name="connsiteX18" fmla="*/ 0 w 1184364"/>
                <a:gd name="connsiteY18" fmla="*/ 414592 h 1319910"/>
                <a:gd name="connsiteX19" fmla="*/ 0 w 1184364"/>
                <a:gd name="connsiteY19" fmla="*/ 905317 h 1319910"/>
                <a:gd name="connsiteX20" fmla="*/ 84325 w 1184364"/>
                <a:gd name="connsiteY20" fmla="*/ 1051879 h 1319910"/>
                <a:gd name="connsiteX21" fmla="*/ 507857 w 1184364"/>
                <a:gd name="connsiteY21" fmla="*/ 1297241 h 1319910"/>
                <a:gd name="connsiteX22" fmla="*/ 592185 w 1184364"/>
                <a:gd name="connsiteY22" fmla="*/ 1319910 h 1319910"/>
                <a:gd name="connsiteX23" fmla="*/ 676506 w 1184364"/>
                <a:gd name="connsiteY23" fmla="*/ 1297241 h 1319910"/>
                <a:gd name="connsiteX24" fmla="*/ 1100038 w 1184364"/>
                <a:gd name="connsiteY24" fmla="*/ 1051879 h 1319910"/>
                <a:gd name="connsiteX25" fmla="*/ 1184365 w 1184364"/>
                <a:gd name="connsiteY25" fmla="*/ 905317 h 1319910"/>
                <a:gd name="connsiteX26" fmla="*/ 1184365 w 1184364"/>
                <a:gd name="connsiteY26" fmla="*/ 414592 h 1319910"/>
                <a:gd name="connsiteX27" fmla="*/ 1100038 w 1184364"/>
                <a:gd name="connsiteY27" fmla="*/ 268036 h 1319910"/>
                <a:gd name="connsiteX28" fmla="*/ 676506 w 1184364"/>
                <a:gd name="connsiteY28" fmla="*/ 22672 h 1319910"/>
                <a:gd name="connsiteX29" fmla="*/ 592185 w 1184364"/>
                <a:gd name="connsiteY29" fmla="*/ 0 h 1319910"/>
                <a:gd name="connsiteX30" fmla="*/ 592185 w 1184364"/>
                <a:gd name="connsiteY30" fmla="*/ 0 h 13199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Lst>
              <a:rect l="l" t="t" r="r" b="b"/>
              <a:pathLst>
                <a:path w="1184364" h="1319910">
                  <a:moveTo>
                    <a:pt x="592185" y="46489"/>
                  </a:moveTo>
                  <a:cubicBezTo>
                    <a:pt x="613624" y="46489"/>
                    <a:pt x="634774" y="52175"/>
                    <a:pt x="653341" y="62933"/>
                  </a:cubicBezTo>
                  <a:lnTo>
                    <a:pt x="1076873" y="308296"/>
                  </a:lnTo>
                  <a:cubicBezTo>
                    <a:pt x="1114597" y="330152"/>
                    <a:pt x="1138035" y="370883"/>
                    <a:pt x="1138035" y="414592"/>
                  </a:cubicBezTo>
                  <a:lnTo>
                    <a:pt x="1138035" y="905317"/>
                  </a:lnTo>
                  <a:cubicBezTo>
                    <a:pt x="1138035" y="949028"/>
                    <a:pt x="1114597" y="989758"/>
                    <a:pt x="1076873" y="1011614"/>
                  </a:cubicBezTo>
                  <a:lnTo>
                    <a:pt x="653341" y="1256982"/>
                  </a:lnTo>
                  <a:cubicBezTo>
                    <a:pt x="634774" y="1267738"/>
                    <a:pt x="613624" y="1273422"/>
                    <a:pt x="592185" y="1273422"/>
                  </a:cubicBezTo>
                  <a:cubicBezTo>
                    <a:pt x="570740" y="1273422"/>
                    <a:pt x="549592" y="1267738"/>
                    <a:pt x="531022" y="1256982"/>
                  </a:cubicBezTo>
                  <a:lnTo>
                    <a:pt x="107490" y="1011614"/>
                  </a:lnTo>
                  <a:cubicBezTo>
                    <a:pt x="69765" y="989758"/>
                    <a:pt x="46330" y="949028"/>
                    <a:pt x="46330" y="905317"/>
                  </a:cubicBezTo>
                  <a:lnTo>
                    <a:pt x="46330" y="414592"/>
                  </a:lnTo>
                  <a:cubicBezTo>
                    <a:pt x="46330" y="370882"/>
                    <a:pt x="69765" y="330152"/>
                    <a:pt x="107490" y="308296"/>
                  </a:cubicBezTo>
                  <a:lnTo>
                    <a:pt x="531022" y="62933"/>
                  </a:lnTo>
                  <a:cubicBezTo>
                    <a:pt x="549592" y="52175"/>
                    <a:pt x="570740" y="46489"/>
                    <a:pt x="592185" y="46489"/>
                  </a:cubicBezTo>
                  <a:moveTo>
                    <a:pt x="592185" y="0"/>
                  </a:moveTo>
                  <a:cubicBezTo>
                    <a:pt x="563065" y="0"/>
                    <a:pt x="533947" y="7558"/>
                    <a:pt x="507857" y="22672"/>
                  </a:cubicBezTo>
                  <a:lnTo>
                    <a:pt x="84325" y="268036"/>
                  </a:lnTo>
                  <a:cubicBezTo>
                    <a:pt x="32145" y="298266"/>
                    <a:pt x="0" y="354133"/>
                    <a:pt x="0" y="414592"/>
                  </a:cubicBezTo>
                  <a:lnTo>
                    <a:pt x="0" y="905317"/>
                  </a:lnTo>
                  <a:cubicBezTo>
                    <a:pt x="0" y="965782"/>
                    <a:pt x="32145" y="1021644"/>
                    <a:pt x="84325" y="1051879"/>
                  </a:cubicBezTo>
                  <a:lnTo>
                    <a:pt x="507857" y="1297241"/>
                  </a:lnTo>
                  <a:cubicBezTo>
                    <a:pt x="533947" y="1312356"/>
                    <a:pt x="563065" y="1319910"/>
                    <a:pt x="592185" y="1319910"/>
                  </a:cubicBezTo>
                  <a:cubicBezTo>
                    <a:pt x="621298" y="1319910"/>
                    <a:pt x="650416" y="1312356"/>
                    <a:pt x="676506" y="1297241"/>
                  </a:cubicBezTo>
                  <a:lnTo>
                    <a:pt x="1100038" y="1051879"/>
                  </a:lnTo>
                  <a:cubicBezTo>
                    <a:pt x="1152217" y="1021644"/>
                    <a:pt x="1184365" y="965782"/>
                    <a:pt x="1184365" y="905317"/>
                  </a:cubicBezTo>
                  <a:lnTo>
                    <a:pt x="1184365" y="414592"/>
                  </a:lnTo>
                  <a:cubicBezTo>
                    <a:pt x="1184365" y="354133"/>
                    <a:pt x="1152217" y="298266"/>
                    <a:pt x="1100038" y="268036"/>
                  </a:cubicBezTo>
                  <a:lnTo>
                    <a:pt x="676506" y="22672"/>
                  </a:lnTo>
                  <a:cubicBezTo>
                    <a:pt x="650416" y="7558"/>
                    <a:pt x="621298" y="0"/>
                    <a:pt x="592185" y="0"/>
                  </a:cubicBezTo>
                  <a:lnTo>
                    <a:pt x="592185" y="0"/>
                  </a:lnTo>
                  <a:close/>
                </a:path>
              </a:pathLst>
            </a:custGeom>
            <a:solidFill>
              <a:sysClr val="window" lastClr="FFFFFF"/>
            </a:solidFill>
            <a:ln w="0" cap="flat">
              <a:no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sp>
          <p:nvSpPr>
            <p:cNvPr id="64" name="Graphic 3">
              <a:extLst>
                <a:ext uri="{FF2B5EF4-FFF2-40B4-BE49-F238E27FC236}">
                  <a16:creationId xmlns:a16="http://schemas.microsoft.com/office/drawing/2014/main" id="{0BD66239-5668-20DA-C259-4E2AB0348CA0}"/>
                </a:ext>
              </a:extLst>
            </p:cNvPr>
            <p:cNvSpPr/>
            <p:nvPr/>
          </p:nvSpPr>
          <p:spPr>
            <a:xfrm>
              <a:off x="775452" y="3341078"/>
              <a:ext cx="916646" cy="1018886"/>
            </a:xfrm>
            <a:custGeom>
              <a:avLst/>
              <a:gdLst>
                <a:gd name="connsiteX0" fmla="*/ 2135496 w 2135495"/>
                <a:gd name="connsiteY0" fmla="*/ 1641949 h 2373688"/>
                <a:gd name="connsiteX1" fmla="*/ 2135496 w 2135495"/>
                <a:gd name="connsiteY1" fmla="*/ 731745 h 2373688"/>
                <a:gd name="connsiteX2" fmla="*/ 1996802 w 2135495"/>
                <a:gd name="connsiteY2" fmla="*/ 492164 h 2373688"/>
                <a:gd name="connsiteX3" fmla="*/ 1206437 w 2135495"/>
                <a:gd name="connsiteY3" fmla="*/ 37063 h 2373688"/>
                <a:gd name="connsiteX4" fmla="*/ 929057 w 2135495"/>
                <a:gd name="connsiteY4" fmla="*/ 37063 h 2373688"/>
                <a:gd name="connsiteX5" fmla="*/ 138692 w 2135495"/>
                <a:gd name="connsiteY5" fmla="*/ 492164 h 2373688"/>
                <a:gd name="connsiteX6" fmla="*/ 0 w 2135495"/>
                <a:gd name="connsiteY6" fmla="*/ 731745 h 2373688"/>
                <a:gd name="connsiteX7" fmla="*/ 0 w 2135495"/>
                <a:gd name="connsiteY7" fmla="*/ 1641949 h 2373688"/>
                <a:gd name="connsiteX8" fmla="*/ 138692 w 2135495"/>
                <a:gd name="connsiteY8" fmla="*/ 1881529 h 2373688"/>
                <a:gd name="connsiteX9" fmla="*/ 929057 w 2135495"/>
                <a:gd name="connsiteY9" fmla="*/ 2336626 h 2373688"/>
                <a:gd name="connsiteX10" fmla="*/ 1206437 w 2135495"/>
                <a:gd name="connsiteY10" fmla="*/ 2336626 h 2373688"/>
                <a:gd name="connsiteX11" fmla="*/ 1996802 w 2135495"/>
                <a:gd name="connsiteY11" fmla="*/ 1881529 h 2373688"/>
                <a:gd name="connsiteX12" fmla="*/ 2135496 w 2135495"/>
                <a:gd name="connsiteY12" fmla="*/ 1641949 h 2373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135495" h="2373688">
                  <a:moveTo>
                    <a:pt x="2135496" y="1641949"/>
                  </a:moveTo>
                  <a:lnTo>
                    <a:pt x="2135496" y="731745"/>
                  </a:lnTo>
                  <a:cubicBezTo>
                    <a:pt x="2135496" y="632909"/>
                    <a:pt x="2082632" y="541582"/>
                    <a:pt x="1996802" y="492164"/>
                  </a:cubicBezTo>
                  <a:lnTo>
                    <a:pt x="1206437" y="37063"/>
                  </a:lnTo>
                  <a:cubicBezTo>
                    <a:pt x="1120616" y="-12354"/>
                    <a:pt x="1014879" y="-12354"/>
                    <a:pt x="929057" y="37063"/>
                  </a:cubicBezTo>
                  <a:lnTo>
                    <a:pt x="138692" y="492164"/>
                  </a:lnTo>
                  <a:cubicBezTo>
                    <a:pt x="52869" y="541582"/>
                    <a:pt x="0" y="632909"/>
                    <a:pt x="0" y="731745"/>
                  </a:cubicBezTo>
                  <a:lnTo>
                    <a:pt x="0" y="1641949"/>
                  </a:lnTo>
                  <a:cubicBezTo>
                    <a:pt x="0" y="1740783"/>
                    <a:pt x="52869" y="1832112"/>
                    <a:pt x="138692" y="1881529"/>
                  </a:cubicBezTo>
                  <a:lnTo>
                    <a:pt x="929057" y="2336626"/>
                  </a:lnTo>
                  <a:cubicBezTo>
                    <a:pt x="1014879" y="2386043"/>
                    <a:pt x="1120616" y="2386043"/>
                    <a:pt x="1206437" y="2336626"/>
                  </a:cubicBezTo>
                  <a:lnTo>
                    <a:pt x="1996802" y="1881529"/>
                  </a:lnTo>
                  <a:cubicBezTo>
                    <a:pt x="2082632" y="1832112"/>
                    <a:pt x="2135496" y="1740783"/>
                    <a:pt x="2135496" y="1641949"/>
                  </a:cubicBezTo>
                  <a:close/>
                </a:path>
              </a:pathLst>
            </a:custGeom>
            <a:noFill/>
            <a:ln w="31750" cap="flat">
              <a:noFill/>
              <a:prstDash val="solid"/>
              <a:miter/>
            </a:ln>
          </p:spPr>
          <p:txBody>
            <a:bodyPr rtlCol="0" anchor="ctr"/>
            <a:lstStyle/>
            <a:p>
              <a:pPr defTabSz="2031980" eaLnBrk="1" fontAlgn="auto" hangingPunct="1">
                <a:spcBef>
                  <a:spcPts val="0"/>
                </a:spcBef>
                <a:spcAft>
                  <a:spcPts val="0"/>
                </a:spcAft>
                <a:defRPr/>
              </a:pPr>
              <a:endParaRPr lang="en-US" sz="4000" dirty="0">
                <a:solidFill>
                  <a:prstClr val="black"/>
                </a:solidFill>
                <a:latin typeface="Calibri" panose="020F0502020204030204"/>
              </a:endParaRPr>
            </a:p>
          </p:txBody>
        </p:sp>
      </p:grpSp>
      <p:grpSp>
        <p:nvGrpSpPr>
          <p:cNvPr id="65" name="Group 64">
            <a:extLst>
              <a:ext uri="{FF2B5EF4-FFF2-40B4-BE49-F238E27FC236}">
                <a16:creationId xmlns:a16="http://schemas.microsoft.com/office/drawing/2014/main" id="{9DCC8D33-2026-096D-670C-8A8E911237EC}"/>
              </a:ext>
            </a:extLst>
          </p:cNvPr>
          <p:cNvGrpSpPr/>
          <p:nvPr/>
        </p:nvGrpSpPr>
        <p:grpSpPr>
          <a:xfrm>
            <a:off x="11690943" y="4897507"/>
            <a:ext cx="2640509" cy="2520211"/>
            <a:chOff x="641592" y="3190565"/>
            <a:chExt cx="1184364" cy="1319910"/>
          </a:xfrm>
        </p:grpSpPr>
        <p:sp>
          <p:nvSpPr>
            <p:cNvPr id="66" name="Graphic 39">
              <a:extLst>
                <a:ext uri="{FF2B5EF4-FFF2-40B4-BE49-F238E27FC236}">
                  <a16:creationId xmlns:a16="http://schemas.microsoft.com/office/drawing/2014/main" id="{46E2C873-6501-C80A-8964-730C9F9F21A5}"/>
                </a:ext>
              </a:extLst>
            </p:cNvPr>
            <p:cNvSpPr/>
            <p:nvPr/>
          </p:nvSpPr>
          <p:spPr>
            <a:xfrm>
              <a:off x="641592" y="3190565"/>
              <a:ext cx="1184364" cy="1319910"/>
            </a:xfrm>
            <a:custGeom>
              <a:avLst/>
              <a:gdLst>
                <a:gd name="connsiteX0" fmla="*/ 592185 w 1184364"/>
                <a:gd name="connsiteY0" fmla="*/ 46489 h 1319910"/>
                <a:gd name="connsiteX1" fmla="*/ 653341 w 1184364"/>
                <a:gd name="connsiteY1" fmla="*/ 62933 h 1319910"/>
                <a:gd name="connsiteX2" fmla="*/ 1076873 w 1184364"/>
                <a:gd name="connsiteY2" fmla="*/ 308296 h 1319910"/>
                <a:gd name="connsiteX3" fmla="*/ 1138035 w 1184364"/>
                <a:gd name="connsiteY3" fmla="*/ 414592 h 1319910"/>
                <a:gd name="connsiteX4" fmla="*/ 1138035 w 1184364"/>
                <a:gd name="connsiteY4" fmla="*/ 905317 h 1319910"/>
                <a:gd name="connsiteX5" fmla="*/ 1076873 w 1184364"/>
                <a:gd name="connsiteY5" fmla="*/ 1011614 h 1319910"/>
                <a:gd name="connsiteX6" fmla="*/ 653341 w 1184364"/>
                <a:gd name="connsiteY6" fmla="*/ 1256982 h 1319910"/>
                <a:gd name="connsiteX7" fmla="*/ 592185 w 1184364"/>
                <a:gd name="connsiteY7" fmla="*/ 1273422 h 1319910"/>
                <a:gd name="connsiteX8" fmla="*/ 531022 w 1184364"/>
                <a:gd name="connsiteY8" fmla="*/ 1256982 h 1319910"/>
                <a:gd name="connsiteX9" fmla="*/ 107490 w 1184364"/>
                <a:gd name="connsiteY9" fmla="*/ 1011614 h 1319910"/>
                <a:gd name="connsiteX10" fmla="*/ 46330 w 1184364"/>
                <a:gd name="connsiteY10" fmla="*/ 905317 h 1319910"/>
                <a:gd name="connsiteX11" fmla="*/ 46330 w 1184364"/>
                <a:gd name="connsiteY11" fmla="*/ 414592 h 1319910"/>
                <a:gd name="connsiteX12" fmla="*/ 107490 w 1184364"/>
                <a:gd name="connsiteY12" fmla="*/ 308296 h 1319910"/>
                <a:gd name="connsiteX13" fmla="*/ 531022 w 1184364"/>
                <a:gd name="connsiteY13" fmla="*/ 62933 h 1319910"/>
                <a:gd name="connsiteX14" fmla="*/ 592185 w 1184364"/>
                <a:gd name="connsiteY14" fmla="*/ 46489 h 1319910"/>
                <a:gd name="connsiteX15" fmla="*/ 592185 w 1184364"/>
                <a:gd name="connsiteY15" fmla="*/ 0 h 1319910"/>
                <a:gd name="connsiteX16" fmla="*/ 507857 w 1184364"/>
                <a:gd name="connsiteY16" fmla="*/ 22672 h 1319910"/>
                <a:gd name="connsiteX17" fmla="*/ 84325 w 1184364"/>
                <a:gd name="connsiteY17" fmla="*/ 268036 h 1319910"/>
                <a:gd name="connsiteX18" fmla="*/ 0 w 1184364"/>
                <a:gd name="connsiteY18" fmla="*/ 414592 h 1319910"/>
                <a:gd name="connsiteX19" fmla="*/ 0 w 1184364"/>
                <a:gd name="connsiteY19" fmla="*/ 905317 h 1319910"/>
                <a:gd name="connsiteX20" fmla="*/ 84325 w 1184364"/>
                <a:gd name="connsiteY20" fmla="*/ 1051879 h 1319910"/>
                <a:gd name="connsiteX21" fmla="*/ 507857 w 1184364"/>
                <a:gd name="connsiteY21" fmla="*/ 1297241 h 1319910"/>
                <a:gd name="connsiteX22" fmla="*/ 592185 w 1184364"/>
                <a:gd name="connsiteY22" fmla="*/ 1319910 h 1319910"/>
                <a:gd name="connsiteX23" fmla="*/ 676506 w 1184364"/>
                <a:gd name="connsiteY23" fmla="*/ 1297241 h 1319910"/>
                <a:gd name="connsiteX24" fmla="*/ 1100038 w 1184364"/>
                <a:gd name="connsiteY24" fmla="*/ 1051879 h 1319910"/>
                <a:gd name="connsiteX25" fmla="*/ 1184365 w 1184364"/>
                <a:gd name="connsiteY25" fmla="*/ 905317 h 1319910"/>
                <a:gd name="connsiteX26" fmla="*/ 1184365 w 1184364"/>
                <a:gd name="connsiteY26" fmla="*/ 414592 h 1319910"/>
                <a:gd name="connsiteX27" fmla="*/ 1100038 w 1184364"/>
                <a:gd name="connsiteY27" fmla="*/ 268036 h 1319910"/>
                <a:gd name="connsiteX28" fmla="*/ 676506 w 1184364"/>
                <a:gd name="connsiteY28" fmla="*/ 22672 h 1319910"/>
                <a:gd name="connsiteX29" fmla="*/ 592185 w 1184364"/>
                <a:gd name="connsiteY29" fmla="*/ 0 h 1319910"/>
                <a:gd name="connsiteX30" fmla="*/ 592185 w 1184364"/>
                <a:gd name="connsiteY30" fmla="*/ 0 h 13199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Lst>
              <a:rect l="l" t="t" r="r" b="b"/>
              <a:pathLst>
                <a:path w="1184364" h="1319910">
                  <a:moveTo>
                    <a:pt x="592185" y="46489"/>
                  </a:moveTo>
                  <a:cubicBezTo>
                    <a:pt x="613624" y="46489"/>
                    <a:pt x="634774" y="52175"/>
                    <a:pt x="653341" y="62933"/>
                  </a:cubicBezTo>
                  <a:lnTo>
                    <a:pt x="1076873" y="308296"/>
                  </a:lnTo>
                  <a:cubicBezTo>
                    <a:pt x="1114597" y="330152"/>
                    <a:pt x="1138035" y="370883"/>
                    <a:pt x="1138035" y="414592"/>
                  </a:cubicBezTo>
                  <a:lnTo>
                    <a:pt x="1138035" y="905317"/>
                  </a:lnTo>
                  <a:cubicBezTo>
                    <a:pt x="1138035" y="949028"/>
                    <a:pt x="1114597" y="989758"/>
                    <a:pt x="1076873" y="1011614"/>
                  </a:cubicBezTo>
                  <a:lnTo>
                    <a:pt x="653341" y="1256982"/>
                  </a:lnTo>
                  <a:cubicBezTo>
                    <a:pt x="634774" y="1267738"/>
                    <a:pt x="613624" y="1273422"/>
                    <a:pt x="592185" y="1273422"/>
                  </a:cubicBezTo>
                  <a:cubicBezTo>
                    <a:pt x="570740" y="1273422"/>
                    <a:pt x="549592" y="1267738"/>
                    <a:pt x="531022" y="1256982"/>
                  </a:cubicBezTo>
                  <a:lnTo>
                    <a:pt x="107490" y="1011614"/>
                  </a:lnTo>
                  <a:cubicBezTo>
                    <a:pt x="69765" y="989758"/>
                    <a:pt x="46330" y="949028"/>
                    <a:pt x="46330" y="905317"/>
                  </a:cubicBezTo>
                  <a:lnTo>
                    <a:pt x="46330" y="414592"/>
                  </a:lnTo>
                  <a:cubicBezTo>
                    <a:pt x="46330" y="370882"/>
                    <a:pt x="69765" y="330152"/>
                    <a:pt x="107490" y="308296"/>
                  </a:cubicBezTo>
                  <a:lnTo>
                    <a:pt x="531022" y="62933"/>
                  </a:lnTo>
                  <a:cubicBezTo>
                    <a:pt x="549592" y="52175"/>
                    <a:pt x="570740" y="46489"/>
                    <a:pt x="592185" y="46489"/>
                  </a:cubicBezTo>
                  <a:moveTo>
                    <a:pt x="592185" y="0"/>
                  </a:moveTo>
                  <a:cubicBezTo>
                    <a:pt x="563065" y="0"/>
                    <a:pt x="533947" y="7558"/>
                    <a:pt x="507857" y="22672"/>
                  </a:cubicBezTo>
                  <a:lnTo>
                    <a:pt x="84325" y="268036"/>
                  </a:lnTo>
                  <a:cubicBezTo>
                    <a:pt x="32145" y="298266"/>
                    <a:pt x="0" y="354133"/>
                    <a:pt x="0" y="414592"/>
                  </a:cubicBezTo>
                  <a:lnTo>
                    <a:pt x="0" y="905317"/>
                  </a:lnTo>
                  <a:cubicBezTo>
                    <a:pt x="0" y="965782"/>
                    <a:pt x="32145" y="1021644"/>
                    <a:pt x="84325" y="1051879"/>
                  </a:cubicBezTo>
                  <a:lnTo>
                    <a:pt x="507857" y="1297241"/>
                  </a:lnTo>
                  <a:cubicBezTo>
                    <a:pt x="533947" y="1312356"/>
                    <a:pt x="563065" y="1319910"/>
                    <a:pt x="592185" y="1319910"/>
                  </a:cubicBezTo>
                  <a:cubicBezTo>
                    <a:pt x="621298" y="1319910"/>
                    <a:pt x="650416" y="1312356"/>
                    <a:pt x="676506" y="1297241"/>
                  </a:cubicBezTo>
                  <a:lnTo>
                    <a:pt x="1100038" y="1051879"/>
                  </a:lnTo>
                  <a:cubicBezTo>
                    <a:pt x="1152217" y="1021644"/>
                    <a:pt x="1184365" y="965782"/>
                    <a:pt x="1184365" y="905317"/>
                  </a:cubicBezTo>
                  <a:lnTo>
                    <a:pt x="1184365" y="414592"/>
                  </a:lnTo>
                  <a:cubicBezTo>
                    <a:pt x="1184365" y="354133"/>
                    <a:pt x="1152217" y="298266"/>
                    <a:pt x="1100038" y="268036"/>
                  </a:cubicBezTo>
                  <a:lnTo>
                    <a:pt x="676506" y="22672"/>
                  </a:lnTo>
                  <a:cubicBezTo>
                    <a:pt x="650416" y="7558"/>
                    <a:pt x="621298" y="0"/>
                    <a:pt x="592185" y="0"/>
                  </a:cubicBezTo>
                  <a:lnTo>
                    <a:pt x="592185" y="0"/>
                  </a:lnTo>
                  <a:close/>
                </a:path>
              </a:pathLst>
            </a:custGeom>
            <a:solidFill>
              <a:sysClr val="window" lastClr="FFFFFF"/>
            </a:solidFill>
            <a:ln w="0" cap="flat">
              <a:no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sp>
          <p:nvSpPr>
            <p:cNvPr id="67" name="Graphic 3">
              <a:extLst>
                <a:ext uri="{FF2B5EF4-FFF2-40B4-BE49-F238E27FC236}">
                  <a16:creationId xmlns:a16="http://schemas.microsoft.com/office/drawing/2014/main" id="{5E471AC7-54DD-BBF8-1151-C73BA0C43A25}"/>
                </a:ext>
              </a:extLst>
            </p:cNvPr>
            <p:cNvSpPr/>
            <p:nvPr/>
          </p:nvSpPr>
          <p:spPr>
            <a:xfrm>
              <a:off x="775452" y="3341078"/>
              <a:ext cx="916646" cy="1018886"/>
            </a:xfrm>
            <a:custGeom>
              <a:avLst/>
              <a:gdLst>
                <a:gd name="connsiteX0" fmla="*/ 2135496 w 2135495"/>
                <a:gd name="connsiteY0" fmla="*/ 1641949 h 2373688"/>
                <a:gd name="connsiteX1" fmla="*/ 2135496 w 2135495"/>
                <a:gd name="connsiteY1" fmla="*/ 731745 h 2373688"/>
                <a:gd name="connsiteX2" fmla="*/ 1996802 w 2135495"/>
                <a:gd name="connsiteY2" fmla="*/ 492164 h 2373688"/>
                <a:gd name="connsiteX3" fmla="*/ 1206437 w 2135495"/>
                <a:gd name="connsiteY3" fmla="*/ 37063 h 2373688"/>
                <a:gd name="connsiteX4" fmla="*/ 929057 w 2135495"/>
                <a:gd name="connsiteY4" fmla="*/ 37063 h 2373688"/>
                <a:gd name="connsiteX5" fmla="*/ 138692 w 2135495"/>
                <a:gd name="connsiteY5" fmla="*/ 492164 h 2373688"/>
                <a:gd name="connsiteX6" fmla="*/ 0 w 2135495"/>
                <a:gd name="connsiteY6" fmla="*/ 731745 h 2373688"/>
                <a:gd name="connsiteX7" fmla="*/ 0 w 2135495"/>
                <a:gd name="connsiteY7" fmla="*/ 1641949 h 2373688"/>
                <a:gd name="connsiteX8" fmla="*/ 138692 w 2135495"/>
                <a:gd name="connsiteY8" fmla="*/ 1881529 h 2373688"/>
                <a:gd name="connsiteX9" fmla="*/ 929057 w 2135495"/>
                <a:gd name="connsiteY9" fmla="*/ 2336626 h 2373688"/>
                <a:gd name="connsiteX10" fmla="*/ 1206437 w 2135495"/>
                <a:gd name="connsiteY10" fmla="*/ 2336626 h 2373688"/>
                <a:gd name="connsiteX11" fmla="*/ 1996802 w 2135495"/>
                <a:gd name="connsiteY11" fmla="*/ 1881529 h 2373688"/>
                <a:gd name="connsiteX12" fmla="*/ 2135496 w 2135495"/>
                <a:gd name="connsiteY12" fmla="*/ 1641949 h 2373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135495" h="2373688">
                  <a:moveTo>
                    <a:pt x="2135496" y="1641949"/>
                  </a:moveTo>
                  <a:lnTo>
                    <a:pt x="2135496" y="731745"/>
                  </a:lnTo>
                  <a:cubicBezTo>
                    <a:pt x="2135496" y="632909"/>
                    <a:pt x="2082632" y="541582"/>
                    <a:pt x="1996802" y="492164"/>
                  </a:cubicBezTo>
                  <a:lnTo>
                    <a:pt x="1206437" y="37063"/>
                  </a:lnTo>
                  <a:cubicBezTo>
                    <a:pt x="1120616" y="-12354"/>
                    <a:pt x="1014879" y="-12354"/>
                    <a:pt x="929057" y="37063"/>
                  </a:cubicBezTo>
                  <a:lnTo>
                    <a:pt x="138692" y="492164"/>
                  </a:lnTo>
                  <a:cubicBezTo>
                    <a:pt x="52869" y="541582"/>
                    <a:pt x="0" y="632909"/>
                    <a:pt x="0" y="731745"/>
                  </a:cubicBezTo>
                  <a:lnTo>
                    <a:pt x="0" y="1641949"/>
                  </a:lnTo>
                  <a:cubicBezTo>
                    <a:pt x="0" y="1740783"/>
                    <a:pt x="52869" y="1832112"/>
                    <a:pt x="138692" y="1881529"/>
                  </a:cubicBezTo>
                  <a:lnTo>
                    <a:pt x="929057" y="2336626"/>
                  </a:lnTo>
                  <a:cubicBezTo>
                    <a:pt x="1014879" y="2386043"/>
                    <a:pt x="1120616" y="2386043"/>
                    <a:pt x="1206437" y="2336626"/>
                  </a:cubicBezTo>
                  <a:lnTo>
                    <a:pt x="1996802" y="1881529"/>
                  </a:lnTo>
                  <a:cubicBezTo>
                    <a:pt x="2082632" y="1832112"/>
                    <a:pt x="2135496" y="1740783"/>
                    <a:pt x="2135496" y="1641949"/>
                  </a:cubicBezTo>
                  <a:close/>
                </a:path>
              </a:pathLst>
            </a:custGeom>
            <a:noFill/>
            <a:ln w="31750" cap="flat">
              <a:no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grpSp>
      <p:grpSp>
        <p:nvGrpSpPr>
          <p:cNvPr id="68" name="Group 67">
            <a:extLst>
              <a:ext uri="{FF2B5EF4-FFF2-40B4-BE49-F238E27FC236}">
                <a16:creationId xmlns:a16="http://schemas.microsoft.com/office/drawing/2014/main" id="{8FF98A35-656F-84D8-12C7-584A313D14A3}"/>
              </a:ext>
            </a:extLst>
          </p:cNvPr>
          <p:cNvGrpSpPr/>
          <p:nvPr/>
        </p:nvGrpSpPr>
        <p:grpSpPr>
          <a:xfrm>
            <a:off x="15394428" y="4897507"/>
            <a:ext cx="2640509" cy="2520211"/>
            <a:chOff x="641592" y="3190565"/>
            <a:chExt cx="1184364" cy="1319910"/>
          </a:xfrm>
        </p:grpSpPr>
        <p:sp>
          <p:nvSpPr>
            <p:cNvPr id="69" name="Graphic 39">
              <a:extLst>
                <a:ext uri="{FF2B5EF4-FFF2-40B4-BE49-F238E27FC236}">
                  <a16:creationId xmlns:a16="http://schemas.microsoft.com/office/drawing/2014/main" id="{44EF17AC-02D2-1318-895D-BFF7EA859541}"/>
                </a:ext>
              </a:extLst>
            </p:cNvPr>
            <p:cNvSpPr/>
            <p:nvPr/>
          </p:nvSpPr>
          <p:spPr>
            <a:xfrm>
              <a:off x="641592" y="3190565"/>
              <a:ext cx="1184364" cy="1319910"/>
            </a:xfrm>
            <a:custGeom>
              <a:avLst/>
              <a:gdLst>
                <a:gd name="connsiteX0" fmla="*/ 592185 w 1184364"/>
                <a:gd name="connsiteY0" fmla="*/ 46489 h 1319910"/>
                <a:gd name="connsiteX1" fmla="*/ 653341 w 1184364"/>
                <a:gd name="connsiteY1" fmla="*/ 62933 h 1319910"/>
                <a:gd name="connsiteX2" fmla="*/ 1076873 w 1184364"/>
                <a:gd name="connsiteY2" fmla="*/ 308296 h 1319910"/>
                <a:gd name="connsiteX3" fmla="*/ 1138035 w 1184364"/>
                <a:gd name="connsiteY3" fmla="*/ 414592 h 1319910"/>
                <a:gd name="connsiteX4" fmla="*/ 1138035 w 1184364"/>
                <a:gd name="connsiteY4" fmla="*/ 905317 h 1319910"/>
                <a:gd name="connsiteX5" fmla="*/ 1076873 w 1184364"/>
                <a:gd name="connsiteY5" fmla="*/ 1011614 h 1319910"/>
                <a:gd name="connsiteX6" fmla="*/ 653341 w 1184364"/>
                <a:gd name="connsiteY6" fmla="*/ 1256982 h 1319910"/>
                <a:gd name="connsiteX7" fmla="*/ 592185 w 1184364"/>
                <a:gd name="connsiteY7" fmla="*/ 1273422 h 1319910"/>
                <a:gd name="connsiteX8" fmla="*/ 531022 w 1184364"/>
                <a:gd name="connsiteY8" fmla="*/ 1256982 h 1319910"/>
                <a:gd name="connsiteX9" fmla="*/ 107490 w 1184364"/>
                <a:gd name="connsiteY9" fmla="*/ 1011614 h 1319910"/>
                <a:gd name="connsiteX10" fmla="*/ 46330 w 1184364"/>
                <a:gd name="connsiteY10" fmla="*/ 905317 h 1319910"/>
                <a:gd name="connsiteX11" fmla="*/ 46330 w 1184364"/>
                <a:gd name="connsiteY11" fmla="*/ 414592 h 1319910"/>
                <a:gd name="connsiteX12" fmla="*/ 107490 w 1184364"/>
                <a:gd name="connsiteY12" fmla="*/ 308296 h 1319910"/>
                <a:gd name="connsiteX13" fmla="*/ 531022 w 1184364"/>
                <a:gd name="connsiteY13" fmla="*/ 62933 h 1319910"/>
                <a:gd name="connsiteX14" fmla="*/ 592185 w 1184364"/>
                <a:gd name="connsiteY14" fmla="*/ 46489 h 1319910"/>
                <a:gd name="connsiteX15" fmla="*/ 592185 w 1184364"/>
                <a:gd name="connsiteY15" fmla="*/ 0 h 1319910"/>
                <a:gd name="connsiteX16" fmla="*/ 507857 w 1184364"/>
                <a:gd name="connsiteY16" fmla="*/ 22672 h 1319910"/>
                <a:gd name="connsiteX17" fmla="*/ 84325 w 1184364"/>
                <a:gd name="connsiteY17" fmla="*/ 268036 h 1319910"/>
                <a:gd name="connsiteX18" fmla="*/ 0 w 1184364"/>
                <a:gd name="connsiteY18" fmla="*/ 414592 h 1319910"/>
                <a:gd name="connsiteX19" fmla="*/ 0 w 1184364"/>
                <a:gd name="connsiteY19" fmla="*/ 905317 h 1319910"/>
                <a:gd name="connsiteX20" fmla="*/ 84325 w 1184364"/>
                <a:gd name="connsiteY20" fmla="*/ 1051879 h 1319910"/>
                <a:gd name="connsiteX21" fmla="*/ 507857 w 1184364"/>
                <a:gd name="connsiteY21" fmla="*/ 1297241 h 1319910"/>
                <a:gd name="connsiteX22" fmla="*/ 592185 w 1184364"/>
                <a:gd name="connsiteY22" fmla="*/ 1319910 h 1319910"/>
                <a:gd name="connsiteX23" fmla="*/ 676506 w 1184364"/>
                <a:gd name="connsiteY23" fmla="*/ 1297241 h 1319910"/>
                <a:gd name="connsiteX24" fmla="*/ 1100038 w 1184364"/>
                <a:gd name="connsiteY24" fmla="*/ 1051879 h 1319910"/>
                <a:gd name="connsiteX25" fmla="*/ 1184365 w 1184364"/>
                <a:gd name="connsiteY25" fmla="*/ 905317 h 1319910"/>
                <a:gd name="connsiteX26" fmla="*/ 1184365 w 1184364"/>
                <a:gd name="connsiteY26" fmla="*/ 414592 h 1319910"/>
                <a:gd name="connsiteX27" fmla="*/ 1100038 w 1184364"/>
                <a:gd name="connsiteY27" fmla="*/ 268036 h 1319910"/>
                <a:gd name="connsiteX28" fmla="*/ 676506 w 1184364"/>
                <a:gd name="connsiteY28" fmla="*/ 22672 h 1319910"/>
                <a:gd name="connsiteX29" fmla="*/ 592185 w 1184364"/>
                <a:gd name="connsiteY29" fmla="*/ 0 h 1319910"/>
                <a:gd name="connsiteX30" fmla="*/ 592185 w 1184364"/>
                <a:gd name="connsiteY30" fmla="*/ 0 h 13199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Lst>
              <a:rect l="l" t="t" r="r" b="b"/>
              <a:pathLst>
                <a:path w="1184364" h="1319910">
                  <a:moveTo>
                    <a:pt x="592185" y="46489"/>
                  </a:moveTo>
                  <a:cubicBezTo>
                    <a:pt x="613624" y="46489"/>
                    <a:pt x="634774" y="52175"/>
                    <a:pt x="653341" y="62933"/>
                  </a:cubicBezTo>
                  <a:lnTo>
                    <a:pt x="1076873" y="308296"/>
                  </a:lnTo>
                  <a:cubicBezTo>
                    <a:pt x="1114597" y="330152"/>
                    <a:pt x="1138035" y="370883"/>
                    <a:pt x="1138035" y="414592"/>
                  </a:cubicBezTo>
                  <a:lnTo>
                    <a:pt x="1138035" y="905317"/>
                  </a:lnTo>
                  <a:cubicBezTo>
                    <a:pt x="1138035" y="949028"/>
                    <a:pt x="1114597" y="989758"/>
                    <a:pt x="1076873" y="1011614"/>
                  </a:cubicBezTo>
                  <a:lnTo>
                    <a:pt x="653341" y="1256982"/>
                  </a:lnTo>
                  <a:cubicBezTo>
                    <a:pt x="634774" y="1267738"/>
                    <a:pt x="613624" y="1273422"/>
                    <a:pt x="592185" y="1273422"/>
                  </a:cubicBezTo>
                  <a:cubicBezTo>
                    <a:pt x="570740" y="1273422"/>
                    <a:pt x="549592" y="1267738"/>
                    <a:pt x="531022" y="1256982"/>
                  </a:cubicBezTo>
                  <a:lnTo>
                    <a:pt x="107490" y="1011614"/>
                  </a:lnTo>
                  <a:cubicBezTo>
                    <a:pt x="69765" y="989758"/>
                    <a:pt x="46330" y="949028"/>
                    <a:pt x="46330" y="905317"/>
                  </a:cubicBezTo>
                  <a:lnTo>
                    <a:pt x="46330" y="414592"/>
                  </a:lnTo>
                  <a:cubicBezTo>
                    <a:pt x="46330" y="370882"/>
                    <a:pt x="69765" y="330152"/>
                    <a:pt x="107490" y="308296"/>
                  </a:cubicBezTo>
                  <a:lnTo>
                    <a:pt x="531022" y="62933"/>
                  </a:lnTo>
                  <a:cubicBezTo>
                    <a:pt x="549592" y="52175"/>
                    <a:pt x="570740" y="46489"/>
                    <a:pt x="592185" y="46489"/>
                  </a:cubicBezTo>
                  <a:moveTo>
                    <a:pt x="592185" y="0"/>
                  </a:moveTo>
                  <a:cubicBezTo>
                    <a:pt x="563065" y="0"/>
                    <a:pt x="533947" y="7558"/>
                    <a:pt x="507857" y="22672"/>
                  </a:cubicBezTo>
                  <a:lnTo>
                    <a:pt x="84325" y="268036"/>
                  </a:lnTo>
                  <a:cubicBezTo>
                    <a:pt x="32145" y="298266"/>
                    <a:pt x="0" y="354133"/>
                    <a:pt x="0" y="414592"/>
                  </a:cubicBezTo>
                  <a:lnTo>
                    <a:pt x="0" y="905317"/>
                  </a:lnTo>
                  <a:cubicBezTo>
                    <a:pt x="0" y="965782"/>
                    <a:pt x="32145" y="1021644"/>
                    <a:pt x="84325" y="1051879"/>
                  </a:cubicBezTo>
                  <a:lnTo>
                    <a:pt x="507857" y="1297241"/>
                  </a:lnTo>
                  <a:cubicBezTo>
                    <a:pt x="533947" y="1312356"/>
                    <a:pt x="563065" y="1319910"/>
                    <a:pt x="592185" y="1319910"/>
                  </a:cubicBezTo>
                  <a:cubicBezTo>
                    <a:pt x="621298" y="1319910"/>
                    <a:pt x="650416" y="1312356"/>
                    <a:pt x="676506" y="1297241"/>
                  </a:cubicBezTo>
                  <a:lnTo>
                    <a:pt x="1100038" y="1051879"/>
                  </a:lnTo>
                  <a:cubicBezTo>
                    <a:pt x="1152217" y="1021644"/>
                    <a:pt x="1184365" y="965782"/>
                    <a:pt x="1184365" y="905317"/>
                  </a:cubicBezTo>
                  <a:lnTo>
                    <a:pt x="1184365" y="414592"/>
                  </a:lnTo>
                  <a:cubicBezTo>
                    <a:pt x="1184365" y="354133"/>
                    <a:pt x="1152217" y="298266"/>
                    <a:pt x="1100038" y="268036"/>
                  </a:cubicBezTo>
                  <a:lnTo>
                    <a:pt x="676506" y="22672"/>
                  </a:lnTo>
                  <a:cubicBezTo>
                    <a:pt x="650416" y="7558"/>
                    <a:pt x="621298" y="0"/>
                    <a:pt x="592185" y="0"/>
                  </a:cubicBezTo>
                  <a:lnTo>
                    <a:pt x="592185" y="0"/>
                  </a:lnTo>
                  <a:close/>
                </a:path>
              </a:pathLst>
            </a:custGeom>
            <a:solidFill>
              <a:sysClr val="window" lastClr="FFFFFF"/>
            </a:solidFill>
            <a:ln w="0" cap="flat">
              <a:no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sp>
          <p:nvSpPr>
            <p:cNvPr id="70" name="Graphic 3">
              <a:extLst>
                <a:ext uri="{FF2B5EF4-FFF2-40B4-BE49-F238E27FC236}">
                  <a16:creationId xmlns:a16="http://schemas.microsoft.com/office/drawing/2014/main" id="{93D110F0-5ED1-905B-68CD-1823F1FE083F}"/>
                </a:ext>
              </a:extLst>
            </p:cNvPr>
            <p:cNvSpPr/>
            <p:nvPr/>
          </p:nvSpPr>
          <p:spPr>
            <a:xfrm>
              <a:off x="775452" y="3341078"/>
              <a:ext cx="916646" cy="1018886"/>
            </a:xfrm>
            <a:custGeom>
              <a:avLst/>
              <a:gdLst>
                <a:gd name="connsiteX0" fmla="*/ 2135496 w 2135495"/>
                <a:gd name="connsiteY0" fmla="*/ 1641949 h 2373688"/>
                <a:gd name="connsiteX1" fmla="*/ 2135496 w 2135495"/>
                <a:gd name="connsiteY1" fmla="*/ 731745 h 2373688"/>
                <a:gd name="connsiteX2" fmla="*/ 1996802 w 2135495"/>
                <a:gd name="connsiteY2" fmla="*/ 492164 h 2373688"/>
                <a:gd name="connsiteX3" fmla="*/ 1206437 w 2135495"/>
                <a:gd name="connsiteY3" fmla="*/ 37063 h 2373688"/>
                <a:gd name="connsiteX4" fmla="*/ 929057 w 2135495"/>
                <a:gd name="connsiteY4" fmla="*/ 37063 h 2373688"/>
                <a:gd name="connsiteX5" fmla="*/ 138692 w 2135495"/>
                <a:gd name="connsiteY5" fmla="*/ 492164 h 2373688"/>
                <a:gd name="connsiteX6" fmla="*/ 0 w 2135495"/>
                <a:gd name="connsiteY6" fmla="*/ 731745 h 2373688"/>
                <a:gd name="connsiteX7" fmla="*/ 0 w 2135495"/>
                <a:gd name="connsiteY7" fmla="*/ 1641949 h 2373688"/>
                <a:gd name="connsiteX8" fmla="*/ 138692 w 2135495"/>
                <a:gd name="connsiteY8" fmla="*/ 1881529 h 2373688"/>
                <a:gd name="connsiteX9" fmla="*/ 929057 w 2135495"/>
                <a:gd name="connsiteY9" fmla="*/ 2336626 h 2373688"/>
                <a:gd name="connsiteX10" fmla="*/ 1206437 w 2135495"/>
                <a:gd name="connsiteY10" fmla="*/ 2336626 h 2373688"/>
                <a:gd name="connsiteX11" fmla="*/ 1996802 w 2135495"/>
                <a:gd name="connsiteY11" fmla="*/ 1881529 h 2373688"/>
                <a:gd name="connsiteX12" fmla="*/ 2135496 w 2135495"/>
                <a:gd name="connsiteY12" fmla="*/ 1641949 h 2373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135495" h="2373688">
                  <a:moveTo>
                    <a:pt x="2135496" y="1641949"/>
                  </a:moveTo>
                  <a:lnTo>
                    <a:pt x="2135496" y="731745"/>
                  </a:lnTo>
                  <a:cubicBezTo>
                    <a:pt x="2135496" y="632909"/>
                    <a:pt x="2082632" y="541582"/>
                    <a:pt x="1996802" y="492164"/>
                  </a:cubicBezTo>
                  <a:lnTo>
                    <a:pt x="1206437" y="37063"/>
                  </a:lnTo>
                  <a:cubicBezTo>
                    <a:pt x="1120616" y="-12354"/>
                    <a:pt x="1014879" y="-12354"/>
                    <a:pt x="929057" y="37063"/>
                  </a:cubicBezTo>
                  <a:lnTo>
                    <a:pt x="138692" y="492164"/>
                  </a:lnTo>
                  <a:cubicBezTo>
                    <a:pt x="52869" y="541582"/>
                    <a:pt x="0" y="632909"/>
                    <a:pt x="0" y="731745"/>
                  </a:cubicBezTo>
                  <a:lnTo>
                    <a:pt x="0" y="1641949"/>
                  </a:lnTo>
                  <a:cubicBezTo>
                    <a:pt x="0" y="1740783"/>
                    <a:pt x="52869" y="1832112"/>
                    <a:pt x="138692" y="1881529"/>
                  </a:cubicBezTo>
                  <a:lnTo>
                    <a:pt x="929057" y="2336626"/>
                  </a:lnTo>
                  <a:cubicBezTo>
                    <a:pt x="1014879" y="2386043"/>
                    <a:pt x="1120616" y="2386043"/>
                    <a:pt x="1206437" y="2336626"/>
                  </a:cubicBezTo>
                  <a:lnTo>
                    <a:pt x="1996802" y="1881529"/>
                  </a:lnTo>
                  <a:cubicBezTo>
                    <a:pt x="2082632" y="1832112"/>
                    <a:pt x="2135496" y="1740783"/>
                    <a:pt x="2135496" y="1641949"/>
                  </a:cubicBezTo>
                  <a:close/>
                </a:path>
              </a:pathLst>
            </a:custGeom>
            <a:noFill/>
            <a:ln w="31750" cap="flat">
              <a:no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grpSp>
      <p:pic>
        <p:nvPicPr>
          <p:cNvPr id="71" name="Graphic 70">
            <a:extLst>
              <a:ext uri="{FF2B5EF4-FFF2-40B4-BE49-F238E27FC236}">
                <a16:creationId xmlns:a16="http://schemas.microsoft.com/office/drawing/2014/main" id="{E6B17757-93D3-BCBC-D36A-BEB8B9ED3A32}"/>
              </a:ext>
            </a:extLst>
          </p:cNvPr>
          <p:cNvPicPr>
            <a:picLocks noChangeAspect="1"/>
          </p:cNvPicPr>
          <p:nvPr/>
        </p:nvPicPr>
        <p:blipFill>
          <a:blip r:embed="rId2">
            <a:extLst>
              <a:ext uri="{96DAC541-7B7A-43D3-8B79-37D633B846F1}">
                <asvg:svgBlip xmlns:asvg="http://schemas.microsoft.com/office/drawing/2016/SVG/main" xmlns="" r:embed="rId3"/>
              </a:ext>
            </a:extLst>
          </a:blip>
          <a:stretch>
            <a:fillRect/>
          </a:stretch>
        </p:blipFill>
        <p:spPr>
          <a:xfrm>
            <a:off x="5379500" y="5889152"/>
            <a:ext cx="783240" cy="952938"/>
          </a:xfrm>
          <a:prstGeom prst="rect">
            <a:avLst/>
          </a:prstGeom>
        </p:spPr>
      </p:pic>
      <p:grpSp>
        <p:nvGrpSpPr>
          <p:cNvPr id="72" name="Graphic 52">
            <a:extLst>
              <a:ext uri="{FF2B5EF4-FFF2-40B4-BE49-F238E27FC236}">
                <a16:creationId xmlns:a16="http://schemas.microsoft.com/office/drawing/2014/main" id="{AAA4DBF3-60D7-2D8A-6A05-573490AC2C92}"/>
              </a:ext>
            </a:extLst>
          </p:cNvPr>
          <p:cNvGrpSpPr/>
          <p:nvPr/>
        </p:nvGrpSpPr>
        <p:grpSpPr>
          <a:xfrm>
            <a:off x="9003040" y="5616619"/>
            <a:ext cx="870644" cy="1082031"/>
            <a:chOff x="2667000" y="666750"/>
            <a:chExt cx="3809999" cy="5528854"/>
          </a:xfrm>
          <a:solidFill>
            <a:sysClr val="window" lastClr="FFFFFF">
              <a:alpha val="65000"/>
            </a:sysClr>
          </a:solidFill>
        </p:grpSpPr>
        <p:sp>
          <p:nvSpPr>
            <p:cNvPr id="73" name="Freeform 54">
              <a:extLst>
                <a:ext uri="{FF2B5EF4-FFF2-40B4-BE49-F238E27FC236}">
                  <a16:creationId xmlns:a16="http://schemas.microsoft.com/office/drawing/2014/main" id="{6AFF5649-8A1E-E3C6-1DAA-6F9EED3438A1}"/>
                </a:ext>
              </a:extLst>
            </p:cNvPr>
            <p:cNvSpPr/>
            <p:nvPr/>
          </p:nvSpPr>
          <p:spPr>
            <a:xfrm>
              <a:off x="2667000" y="1519833"/>
              <a:ext cx="3390839" cy="4257335"/>
            </a:xfrm>
            <a:custGeom>
              <a:avLst/>
              <a:gdLst>
                <a:gd name="connsiteX0" fmla="*/ 2996232 w 3390842"/>
                <a:gd name="connsiteY0" fmla="*/ 0 h 4257337"/>
                <a:gd name="connsiteX1" fmla="*/ 2830973 w 3390842"/>
                <a:gd name="connsiteY1" fmla="*/ 0 h 4257337"/>
                <a:gd name="connsiteX2" fmla="*/ 2353656 w 3390842"/>
                <a:gd name="connsiteY2" fmla="*/ 476497 h 4257337"/>
                <a:gd name="connsiteX3" fmla="*/ 1037187 w 3390842"/>
                <a:gd name="connsiteY3" fmla="*/ 476497 h 4257337"/>
                <a:gd name="connsiteX4" fmla="*/ 559865 w 3390842"/>
                <a:gd name="connsiteY4" fmla="*/ 0 h 4257337"/>
                <a:gd name="connsiteX5" fmla="*/ 394608 w 3390842"/>
                <a:gd name="connsiteY5" fmla="*/ 0 h 4257337"/>
                <a:gd name="connsiteX6" fmla="*/ 0 w 3390842"/>
                <a:gd name="connsiteY6" fmla="*/ 393925 h 4257337"/>
                <a:gd name="connsiteX7" fmla="*/ 0 w 3390842"/>
                <a:gd name="connsiteY7" fmla="*/ 3863406 h 4257337"/>
                <a:gd name="connsiteX8" fmla="*/ 394608 w 3390842"/>
                <a:gd name="connsiteY8" fmla="*/ 4257338 h 4257337"/>
                <a:gd name="connsiteX9" fmla="*/ 2108864 w 3390842"/>
                <a:gd name="connsiteY9" fmla="*/ 4257338 h 4257337"/>
                <a:gd name="connsiteX10" fmla="*/ 2023882 w 3390842"/>
                <a:gd name="connsiteY10" fmla="*/ 3861105 h 4257337"/>
                <a:gd name="connsiteX11" fmla="*/ 396910 w 3390842"/>
                <a:gd name="connsiteY11" fmla="*/ 3861105 h 4257337"/>
                <a:gd name="connsiteX12" fmla="*/ 396910 w 3390842"/>
                <a:gd name="connsiteY12" fmla="*/ 716818 h 4257337"/>
                <a:gd name="connsiteX13" fmla="*/ 2993927 w 3390842"/>
                <a:gd name="connsiteY13" fmla="*/ 716818 h 4257337"/>
                <a:gd name="connsiteX14" fmla="*/ 2993927 w 3390842"/>
                <a:gd name="connsiteY14" fmla="*/ 2892739 h 4257337"/>
                <a:gd name="connsiteX15" fmla="*/ 3390843 w 3390842"/>
                <a:gd name="connsiteY15" fmla="*/ 2977565 h 4257337"/>
                <a:gd name="connsiteX16" fmla="*/ 3390843 w 3390842"/>
                <a:gd name="connsiteY16" fmla="*/ 393925 h 4257337"/>
                <a:gd name="connsiteX17" fmla="*/ 2996232 w 3390842"/>
                <a:gd name="connsiteY17" fmla="*/ 0 h 42573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Lst>
              <a:rect l="l" t="t" r="r" b="b"/>
              <a:pathLst>
                <a:path w="3390842" h="4257337">
                  <a:moveTo>
                    <a:pt x="2996232" y="0"/>
                  </a:moveTo>
                  <a:lnTo>
                    <a:pt x="2830973" y="0"/>
                  </a:lnTo>
                  <a:cubicBezTo>
                    <a:pt x="2830973" y="262744"/>
                    <a:pt x="2616851" y="476497"/>
                    <a:pt x="2353656" y="476497"/>
                  </a:cubicBezTo>
                  <a:lnTo>
                    <a:pt x="1037187" y="476497"/>
                  </a:lnTo>
                  <a:cubicBezTo>
                    <a:pt x="773990" y="476497"/>
                    <a:pt x="559865" y="262744"/>
                    <a:pt x="559865" y="0"/>
                  </a:cubicBezTo>
                  <a:lnTo>
                    <a:pt x="394608" y="0"/>
                  </a:lnTo>
                  <a:cubicBezTo>
                    <a:pt x="176673" y="0"/>
                    <a:pt x="0" y="176368"/>
                    <a:pt x="0" y="393925"/>
                  </a:cubicBezTo>
                  <a:lnTo>
                    <a:pt x="0" y="3863406"/>
                  </a:lnTo>
                  <a:cubicBezTo>
                    <a:pt x="0" y="4080963"/>
                    <a:pt x="176673" y="4257338"/>
                    <a:pt x="394608" y="4257338"/>
                  </a:cubicBezTo>
                  <a:lnTo>
                    <a:pt x="2108864" y="4257338"/>
                  </a:lnTo>
                  <a:cubicBezTo>
                    <a:pt x="2054285" y="4136321"/>
                    <a:pt x="2023882" y="4002193"/>
                    <a:pt x="2023882" y="3861105"/>
                  </a:cubicBezTo>
                  <a:lnTo>
                    <a:pt x="396910" y="3861105"/>
                  </a:lnTo>
                  <a:lnTo>
                    <a:pt x="396910" y="716818"/>
                  </a:lnTo>
                  <a:lnTo>
                    <a:pt x="2993927" y="716818"/>
                  </a:lnTo>
                  <a:lnTo>
                    <a:pt x="2993927" y="2892739"/>
                  </a:lnTo>
                  <a:cubicBezTo>
                    <a:pt x="3135259" y="2892739"/>
                    <a:pt x="3269618" y="2923081"/>
                    <a:pt x="3390843" y="2977565"/>
                  </a:cubicBezTo>
                  <a:lnTo>
                    <a:pt x="3390843" y="393925"/>
                  </a:lnTo>
                  <a:cubicBezTo>
                    <a:pt x="3390843" y="176368"/>
                    <a:pt x="3214164" y="0"/>
                    <a:pt x="2996232" y="0"/>
                  </a:cubicBezTo>
                  <a:close/>
                </a:path>
              </a:pathLst>
            </a:custGeom>
            <a:grpFill/>
            <a:ln w="0" cap="flat">
              <a:no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sp>
          <p:nvSpPr>
            <p:cNvPr id="74" name="Freeform 55">
              <a:extLst>
                <a:ext uri="{FF2B5EF4-FFF2-40B4-BE49-F238E27FC236}">
                  <a16:creationId xmlns:a16="http://schemas.microsoft.com/office/drawing/2014/main" id="{2C850DED-6CE3-17B5-7ABA-195EC0C396C9}"/>
                </a:ext>
              </a:extLst>
            </p:cNvPr>
            <p:cNvSpPr/>
            <p:nvPr/>
          </p:nvSpPr>
          <p:spPr>
            <a:xfrm>
              <a:off x="3380838" y="666750"/>
              <a:ext cx="1963162" cy="1175872"/>
            </a:xfrm>
            <a:custGeom>
              <a:avLst/>
              <a:gdLst>
                <a:gd name="connsiteX0" fmla="*/ 1639817 w 1963162"/>
                <a:gd name="connsiteY0" fmla="*/ 530294 h 1175872"/>
                <a:gd name="connsiteX1" fmla="*/ 1304928 w 1963162"/>
                <a:gd name="connsiteY1" fmla="*/ 530294 h 1175872"/>
                <a:gd name="connsiteX2" fmla="*/ 1304928 w 1963162"/>
                <a:gd name="connsiteY2" fmla="*/ 322788 h 1175872"/>
                <a:gd name="connsiteX3" fmla="*/ 981583 w 1963162"/>
                <a:gd name="connsiteY3" fmla="*/ 0 h 1175872"/>
                <a:gd name="connsiteX4" fmla="*/ 658238 w 1963162"/>
                <a:gd name="connsiteY4" fmla="*/ 322788 h 1175872"/>
                <a:gd name="connsiteX5" fmla="*/ 658238 w 1963162"/>
                <a:gd name="connsiteY5" fmla="*/ 530294 h 1175872"/>
                <a:gd name="connsiteX6" fmla="*/ 323348 w 1963162"/>
                <a:gd name="connsiteY6" fmla="*/ 530294 h 1175872"/>
                <a:gd name="connsiteX7" fmla="*/ 0 w 1963162"/>
                <a:gd name="connsiteY7" fmla="*/ 853082 h 1175872"/>
                <a:gd name="connsiteX8" fmla="*/ 323348 w 1963162"/>
                <a:gd name="connsiteY8" fmla="*/ 1175872 h 1175872"/>
                <a:gd name="connsiteX9" fmla="*/ 1639817 w 1963162"/>
                <a:gd name="connsiteY9" fmla="*/ 1175872 h 1175872"/>
                <a:gd name="connsiteX10" fmla="*/ 1963162 w 1963162"/>
                <a:gd name="connsiteY10" fmla="*/ 853082 h 1175872"/>
                <a:gd name="connsiteX11" fmla="*/ 1639817 w 1963162"/>
                <a:gd name="connsiteY11" fmla="*/ 530294 h 1175872"/>
                <a:gd name="connsiteX12" fmla="*/ 981583 w 1963162"/>
                <a:gd name="connsiteY12" fmla="*/ 122967 h 1175872"/>
                <a:gd name="connsiteX13" fmla="*/ 1181751 w 1963162"/>
                <a:gd name="connsiteY13" fmla="*/ 322788 h 1175872"/>
                <a:gd name="connsiteX14" fmla="*/ 981583 w 1963162"/>
                <a:gd name="connsiteY14" fmla="*/ 522609 h 1175872"/>
                <a:gd name="connsiteX15" fmla="*/ 781415 w 1963162"/>
                <a:gd name="connsiteY15" fmla="*/ 322788 h 1175872"/>
                <a:gd name="connsiteX16" fmla="*/ 981583 w 1963162"/>
                <a:gd name="connsiteY16" fmla="*/ 122967 h 1175872"/>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1963162" h="1175872">
                  <a:moveTo>
                    <a:pt x="1639817" y="530294"/>
                  </a:moveTo>
                  <a:lnTo>
                    <a:pt x="1304928" y="530294"/>
                  </a:lnTo>
                  <a:lnTo>
                    <a:pt x="1304928" y="322788"/>
                  </a:lnTo>
                  <a:cubicBezTo>
                    <a:pt x="1304928" y="144518"/>
                    <a:pt x="1160157" y="0"/>
                    <a:pt x="981583" y="0"/>
                  </a:cubicBezTo>
                  <a:cubicBezTo>
                    <a:pt x="802998" y="0"/>
                    <a:pt x="658238" y="144518"/>
                    <a:pt x="658238" y="322788"/>
                  </a:cubicBezTo>
                  <a:lnTo>
                    <a:pt x="658238" y="530294"/>
                  </a:lnTo>
                  <a:lnTo>
                    <a:pt x="323348" y="530294"/>
                  </a:lnTo>
                  <a:cubicBezTo>
                    <a:pt x="144766" y="530294"/>
                    <a:pt x="0" y="674812"/>
                    <a:pt x="0" y="853082"/>
                  </a:cubicBezTo>
                  <a:cubicBezTo>
                    <a:pt x="0" y="1031351"/>
                    <a:pt x="144766" y="1175872"/>
                    <a:pt x="323348" y="1175872"/>
                  </a:cubicBezTo>
                  <a:lnTo>
                    <a:pt x="1639817" y="1175872"/>
                  </a:lnTo>
                  <a:cubicBezTo>
                    <a:pt x="1818392" y="1175872"/>
                    <a:pt x="1963162" y="1031351"/>
                    <a:pt x="1963162" y="853082"/>
                  </a:cubicBezTo>
                  <a:cubicBezTo>
                    <a:pt x="1963162" y="674811"/>
                    <a:pt x="1818392" y="530294"/>
                    <a:pt x="1639817" y="530294"/>
                  </a:cubicBezTo>
                  <a:close/>
                  <a:moveTo>
                    <a:pt x="981583" y="122967"/>
                  </a:moveTo>
                  <a:cubicBezTo>
                    <a:pt x="1092130" y="122967"/>
                    <a:pt x="1181751" y="212429"/>
                    <a:pt x="1181751" y="322788"/>
                  </a:cubicBezTo>
                  <a:cubicBezTo>
                    <a:pt x="1181751" y="433146"/>
                    <a:pt x="1092130" y="522609"/>
                    <a:pt x="981583" y="522609"/>
                  </a:cubicBezTo>
                  <a:cubicBezTo>
                    <a:pt x="871036" y="522609"/>
                    <a:pt x="781415" y="433146"/>
                    <a:pt x="781415" y="322788"/>
                  </a:cubicBezTo>
                  <a:cubicBezTo>
                    <a:pt x="781415" y="212429"/>
                    <a:pt x="871036" y="122967"/>
                    <a:pt x="981583" y="122967"/>
                  </a:cubicBezTo>
                  <a:close/>
                </a:path>
              </a:pathLst>
            </a:custGeom>
            <a:grpFill/>
            <a:ln w="0" cap="flat">
              <a:no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sp>
          <p:nvSpPr>
            <p:cNvPr id="75" name="Freeform 56">
              <a:extLst>
                <a:ext uri="{FF2B5EF4-FFF2-40B4-BE49-F238E27FC236}">
                  <a16:creationId xmlns:a16="http://schemas.microsoft.com/office/drawing/2014/main" id="{7C017335-C447-B80E-1ED8-E58F808381EE}"/>
                </a:ext>
              </a:extLst>
            </p:cNvPr>
            <p:cNvSpPr/>
            <p:nvPr/>
          </p:nvSpPr>
          <p:spPr>
            <a:xfrm>
              <a:off x="4844862" y="4566276"/>
              <a:ext cx="1632137" cy="1629328"/>
            </a:xfrm>
            <a:custGeom>
              <a:avLst/>
              <a:gdLst>
                <a:gd name="connsiteX0" fmla="*/ 816064 w 1632137"/>
                <a:gd name="connsiteY0" fmla="*/ 0 h 1629328"/>
                <a:gd name="connsiteX1" fmla="*/ 0 w 1632137"/>
                <a:gd name="connsiteY1" fmla="*/ 814659 h 1629328"/>
                <a:gd name="connsiteX2" fmla="*/ 816064 w 1632137"/>
                <a:gd name="connsiteY2" fmla="*/ 1629328 h 1629328"/>
                <a:gd name="connsiteX3" fmla="*/ 1632137 w 1632137"/>
                <a:gd name="connsiteY3" fmla="*/ 814659 h 1629328"/>
                <a:gd name="connsiteX4" fmla="*/ 816064 w 1632137"/>
                <a:gd name="connsiteY4" fmla="*/ 0 h 1629328"/>
                <a:gd name="connsiteX5" fmla="*/ 1339015 w 1632137"/>
                <a:gd name="connsiteY5" fmla="*/ 674597 h 1629328"/>
                <a:gd name="connsiteX6" fmla="*/ 835885 w 1632137"/>
                <a:gd name="connsiteY6" fmla="*/ 1176861 h 1629328"/>
                <a:gd name="connsiteX7" fmla="*/ 745160 w 1632137"/>
                <a:gd name="connsiteY7" fmla="*/ 1214382 h 1629328"/>
                <a:gd name="connsiteX8" fmla="*/ 654425 w 1632137"/>
                <a:gd name="connsiteY8" fmla="*/ 1176861 h 1629328"/>
                <a:gd name="connsiteX9" fmla="*/ 343605 w 1632137"/>
                <a:gd name="connsiteY9" fmla="*/ 866576 h 1629328"/>
                <a:gd name="connsiteX10" fmla="*/ 343605 w 1632137"/>
                <a:gd name="connsiteY10" fmla="*/ 685428 h 1629328"/>
                <a:gd name="connsiteX11" fmla="*/ 525066 w 1632137"/>
                <a:gd name="connsiteY11" fmla="*/ 685428 h 1629328"/>
                <a:gd name="connsiteX12" fmla="*/ 745160 w 1632137"/>
                <a:gd name="connsiteY12" fmla="*/ 905143 h 1629328"/>
                <a:gd name="connsiteX13" fmla="*/ 1157554 w 1632137"/>
                <a:gd name="connsiteY13" fmla="*/ 493449 h 1629328"/>
                <a:gd name="connsiteX14" fmla="*/ 1339015 w 1632137"/>
                <a:gd name="connsiteY14" fmla="*/ 493449 h 1629328"/>
                <a:gd name="connsiteX15" fmla="*/ 1339015 w 1632137"/>
                <a:gd name="connsiteY15" fmla="*/ 674597 h 162932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Lst>
              <a:rect l="l" t="t" r="r" b="b"/>
              <a:pathLst>
                <a:path w="1632137" h="1629328">
                  <a:moveTo>
                    <a:pt x="816064" y="0"/>
                  </a:moveTo>
                  <a:cubicBezTo>
                    <a:pt x="365360" y="0"/>
                    <a:pt x="0" y="364740"/>
                    <a:pt x="0" y="814659"/>
                  </a:cubicBezTo>
                  <a:cubicBezTo>
                    <a:pt x="0" y="1264587"/>
                    <a:pt x="365360" y="1629328"/>
                    <a:pt x="816064" y="1629328"/>
                  </a:cubicBezTo>
                  <a:cubicBezTo>
                    <a:pt x="1266768" y="1629328"/>
                    <a:pt x="1632137" y="1264587"/>
                    <a:pt x="1632137" y="814659"/>
                  </a:cubicBezTo>
                  <a:cubicBezTo>
                    <a:pt x="1632137" y="364740"/>
                    <a:pt x="1266768" y="0"/>
                    <a:pt x="816064" y="0"/>
                  </a:cubicBezTo>
                  <a:close/>
                  <a:moveTo>
                    <a:pt x="1339015" y="674597"/>
                  </a:moveTo>
                  <a:lnTo>
                    <a:pt x="835885" y="1176861"/>
                  </a:lnTo>
                  <a:cubicBezTo>
                    <a:pt x="810835" y="1201878"/>
                    <a:pt x="777992" y="1214382"/>
                    <a:pt x="745160" y="1214382"/>
                  </a:cubicBezTo>
                  <a:cubicBezTo>
                    <a:pt x="712318" y="1214382"/>
                    <a:pt x="679475" y="1201878"/>
                    <a:pt x="654425" y="1176861"/>
                  </a:cubicBezTo>
                  <a:lnTo>
                    <a:pt x="343605" y="866576"/>
                  </a:lnTo>
                  <a:cubicBezTo>
                    <a:pt x="293494" y="816552"/>
                    <a:pt x="293494" y="735452"/>
                    <a:pt x="343605" y="685428"/>
                  </a:cubicBezTo>
                  <a:cubicBezTo>
                    <a:pt x="393706" y="635412"/>
                    <a:pt x="474964" y="635412"/>
                    <a:pt x="525066" y="685428"/>
                  </a:cubicBezTo>
                  <a:lnTo>
                    <a:pt x="745160" y="905143"/>
                  </a:lnTo>
                  <a:lnTo>
                    <a:pt x="1157554" y="493449"/>
                  </a:lnTo>
                  <a:cubicBezTo>
                    <a:pt x="1207656" y="443443"/>
                    <a:pt x="1288914" y="443443"/>
                    <a:pt x="1339015" y="493449"/>
                  </a:cubicBezTo>
                  <a:cubicBezTo>
                    <a:pt x="1389126" y="543483"/>
                    <a:pt x="1389126" y="624573"/>
                    <a:pt x="1339015" y="674597"/>
                  </a:cubicBezTo>
                  <a:close/>
                </a:path>
              </a:pathLst>
            </a:custGeom>
            <a:grpFill/>
            <a:ln w="0" cap="flat">
              <a:no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grpSp>
          <p:nvGrpSpPr>
            <p:cNvPr id="76" name="Graphic 52">
              <a:extLst>
                <a:ext uri="{FF2B5EF4-FFF2-40B4-BE49-F238E27FC236}">
                  <a16:creationId xmlns:a16="http://schemas.microsoft.com/office/drawing/2014/main" id="{C02EECD0-4197-6FF9-4B52-E442B87727B3}"/>
                </a:ext>
              </a:extLst>
            </p:cNvPr>
            <p:cNvGrpSpPr/>
            <p:nvPr/>
          </p:nvGrpSpPr>
          <p:grpSpPr>
            <a:xfrm>
              <a:off x="3290254" y="2738228"/>
              <a:ext cx="2144329" cy="2136203"/>
              <a:chOff x="3290254" y="2738228"/>
              <a:chExt cx="2144329" cy="2136203"/>
            </a:xfrm>
            <a:grpFill/>
          </p:grpSpPr>
          <p:grpSp>
            <p:nvGrpSpPr>
              <p:cNvPr id="77" name="Graphic 52">
                <a:extLst>
                  <a:ext uri="{FF2B5EF4-FFF2-40B4-BE49-F238E27FC236}">
                    <a16:creationId xmlns:a16="http://schemas.microsoft.com/office/drawing/2014/main" id="{330501F6-6D35-FF05-F383-8D362E24DE10}"/>
                  </a:ext>
                </a:extLst>
              </p:cNvPr>
              <p:cNvGrpSpPr/>
              <p:nvPr/>
            </p:nvGrpSpPr>
            <p:grpSpPr>
              <a:xfrm>
                <a:off x="3290254" y="2738228"/>
                <a:ext cx="2144329" cy="374020"/>
                <a:chOff x="3290254" y="2738228"/>
                <a:chExt cx="2144329" cy="374020"/>
              </a:xfrm>
              <a:grpFill/>
            </p:grpSpPr>
            <p:sp>
              <p:nvSpPr>
                <p:cNvPr id="84" name="Freeform 59">
                  <a:extLst>
                    <a:ext uri="{FF2B5EF4-FFF2-40B4-BE49-F238E27FC236}">
                      <a16:creationId xmlns:a16="http://schemas.microsoft.com/office/drawing/2014/main" id="{3028F21A-2EFF-2572-CB02-7F9F0E25482D}"/>
                    </a:ext>
                  </a:extLst>
                </p:cNvPr>
                <p:cNvSpPr/>
                <p:nvPr/>
              </p:nvSpPr>
              <p:spPr>
                <a:xfrm>
                  <a:off x="3933396" y="2797143"/>
                  <a:ext cx="1501187" cy="256190"/>
                </a:xfrm>
                <a:custGeom>
                  <a:avLst/>
                  <a:gdLst>
                    <a:gd name="connsiteX0" fmla="*/ 1372876 w 1501187"/>
                    <a:gd name="connsiteY0" fmla="*/ 256190 h 256190"/>
                    <a:gd name="connsiteX1" fmla="*/ 128311 w 1501187"/>
                    <a:gd name="connsiteY1" fmla="*/ 256190 h 256190"/>
                    <a:gd name="connsiteX2" fmla="*/ 0 w 1501187"/>
                    <a:gd name="connsiteY2" fmla="*/ 128091 h 256190"/>
                    <a:gd name="connsiteX3" fmla="*/ 128311 w 1501187"/>
                    <a:gd name="connsiteY3" fmla="*/ 0 h 256190"/>
                    <a:gd name="connsiteX4" fmla="*/ 1372876 w 1501187"/>
                    <a:gd name="connsiteY4" fmla="*/ 0 h 256190"/>
                    <a:gd name="connsiteX5" fmla="*/ 1501188 w 1501187"/>
                    <a:gd name="connsiteY5" fmla="*/ 128091 h 256190"/>
                    <a:gd name="connsiteX6" fmla="*/ 1372876 w 1501187"/>
                    <a:gd name="connsiteY6" fmla="*/ 256190 h 2561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01187" h="256190">
                      <a:moveTo>
                        <a:pt x="1372876" y="256190"/>
                      </a:moveTo>
                      <a:lnTo>
                        <a:pt x="128311" y="256190"/>
                      </a:lnTo>
                      <a:cubicBezTo>
                        <a:pt x="57445" y="256190"/>
                        <a:pt x="0" y="198835"/>
                        <a:pt x="0" y="128091"/>
                      </a:cubicBezTo>
                      <a:cubicBezTo>
                        <a:pt x="0" y="57356"/>
                        <a:pt x="57445" y="0"/>
                        <a:pt x="128311" y="0"/>
                      </a:cubicBezTo>
                      <a:lnTo>
                        <a:pt x="1372876" y="0"/>
                      </a:lnTo>
                      <a:cubicBezTo>
                        <a:pt x="1443742" y="0"/>
                        <a:pt x="1501188" y="57356"/>
                        <a:pt x="1501188" y="128091"/>
                      </a:cubicBezTo>
                      <a:cubicBezTo>
                        <a:pt x="1501188" y="198835"/>
                        <a:pt x="1443742" y="256190"/>
                        <a:pt x="1372876" y="256190"/>
                      </a:cubicBezTo>
                      <a:close/>
                    </a:path>
                  </a:pathLst>
                </a:custGeom>
                <a:grpFill/>
                <a:ln w="0" cap="flat">
                  <a:no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sp>
              <p:nvSpPr>
                <p:cNvPr id="85" name="Freeform 60">
                  <a:extLst>
                    <a:ext uri="{FF2B5EF4-FFF2-40B4-BE49-F238E27FC236}">
                      <a16:creationId xmlns:a16="http://schemas.microsoft.com/office/drawing/2014/main" id="{3FF7DC49-9B61-F7BD-8D50-805A5C1CDC10}"/>
                    </a:ext>
                  </a:extLst>
                </p:cNvPr>
                <p:cNvSpPr/>
                <p:nvPr/>
              </p:nvSpPr>
              <p:spPr>
                <a:xfrm>
                  <a:off x="3290254" y="2738228"/>
                  <a:ext cx="374670" cy="374020"/>
                </a:xfrm>
                <a:custGeom>
                  <a:avLst/>
                  <a:gdLst>
                    <a:gd name="connsiteX0" fmla="*/ 187335 w 374670"/>
                    <a:gd name="connsiteY0" fmla="*/ 374021 h 374020"/>
                    <a:gd name="connsiteX1" fmla="*/ 187334 w 374670"/>
                    <a:gd name="connsiteY1" fmla="*/ 374021 h 374020"/>
                    <a:gd name="connsiteX2" fmla="*/ 0 w 374670"/>
                    <a:gd name="connsiteY2" fmla="*/ 187006 h 374020"/>
                    <a:gd name="connsiteX3" fmla="*/ 0 w 374670"/>
                    <a:gd name="connsiteY3" fmla="*/ 187006 h 374020"/>
                    <a:gd name="connsiteX4" fmla="*/ 187334 w 374670"/>
                    <a:gd name="connsiteY4" fmla="*/ 0 h 374020"/>
                    <a:gd name="connsiteX5" fmla="*/ 187335 w 374670"/>
                    <a:gd name="connsiteY5" fmla="*/ 0 h 374020"/>
                    <a:gd name="connsiteX6" fmla="*/ 374671 w 374670"/>
                    <a:gd name="connsiteY6" fmla="*/ 187006 h 374020"/>
                    <a:gd name="connsiteX7" fmla="*/ 374671 w 374670"/>
                    <a:gd name="connsiteY7" fmla="*/ 187006 h 374020"/>
                    <a:gd name="connsiteX8" fmla="*/ 187335 w 374670"/>
                    <a:gd name="connsiteY8" fmla="*/ 374021 h 37402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74670" h="374020">
                      <a:moveTo>
                        <a:pt x="187335" y="374021"/>
                      </a:moveTo>
                      <a:lnTo>
                        <a:pt x="187334" y="374021"/>
                      </a:lnTo>
                      <a:cubicBezTo>
                        <a:pt x="83872" y="374021"/>
                        <a:pt x="0" y="290298"/>
                        <a:pt x="0" y="187006"/>
                      </a:cubicBezTo>
                      <a:lnTo>
                        <a:pt x="0" y="187006"/>
                      </a:lnTo>
                      <a:cubicBezTo>
                        <a:pt x="0" y="83723"/>
                        <a:pt x="83872" y="0"/>
                        <a:pt x="187334" y="0"/>
                      </a:cubicBezTo>
                      <a:lnTo>
                        <a:pt x="187335" y="0"/>
                      </a:lnTo>
                      <a:cubicBezTo>
                        <a:pt x="290796" y="0"/>
                        <a:pt x="374671" y="83723"/>
                        <a:pt x="374671" y="187006"/>
                      </a:cubicBezTo>
                      <a:lnTo>
                        <a:pt x="374671" y="187006"/>
                      </a:lnTo>
                      <a:cubicBezTo>
                        <a:pt x="374671" y="290298"/>
                        <a:pt x="290796" y="374021"/>
                        <a:pt x="187335" y="374021"/>
                      </a:cubicBezTo>
                      <a:close/>
                    </a:path>
                  </a:pathLst>
                </a:custGeom>
                <a:grpFill/>
                <a:ln w="0" cap="flat">
                  <a:no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grpSp>
          <p:grpSp>
            <p:nvGrpSpPr>
              <p:cNvPr id="78" name="Graphic 52">
                <a:extLst>
                  <a:ext uri="{FF2B5EF4-FFF2-40B4-BE49-F238E27FC236}">
                    <a16:creationId xmlns:a16="http://schemas.microsoft.com/office/drawing/2014/main" id="{A739B38F-DABF-DF12-FDD1-8F4725FA62E0}"/>
                  </a:ext>
                </a:extLst>
              </p:cNvPr>
              <p:cNvGrpSpPr/>
              <p:nvPr/>
            </p:nvGrpSpPr>
            <p:grpSpPr>
              <a:xfrm>
                <a:off x="3290254" y="3619314"/>
                <a:ext cx="2144329" cy="374023"/>
                <a:chOff x="3290254" y="3619314"/>
                <a:chExt cx="2144329" cy="374023"/>
              </a:xfrm>
              <a:grpFill/>
            </p:grpSpPr>
            <p:sp>
              <p:nvSpPr>
                <p:cNvPr id="82" name="Freeform 62">
                  <a:extLst>
                    <a:ext uri="{FF2B5EF4-FFF2-40B4-BE49-F238E27FC236}">
                      <a16:creationId xmlns:a16="http://schemas.microsoft.com/office/drawing/2014/main" id="{D53D56BB-A715-CD67-4A89-A265D4ECC2BF}"/>
                    </a:ext>
                  </a:extLst>
                </p:cNvPr>
                <p:cNvSpPr/>
                <p:nvPr/>
              </p:nvSpPr>
              <p:spPr>
                <a:xfrm>
                  <a:off x="3933396" y="3678239"/>
                  <a:ext cx="1501187" cy="256180"/>
                </a:xfrm>
                <a:custGeom>
                  <a:avLst/>
                  <a:gdLst>
                    <a:gd name="connsiteX0" fmla="*/ 1372876 w 1501187"/>
                    <a:gd name="connsiteY0" fmla="*/ 256181 h 256180"/>
                    <a:gd name="connsiteX1" fmla="*/ 128311 w 1501187"/>
                    <a:gd name="connsiteY1" fmla="*/ 256181 h 256180"/>
                    <a:gd name="connsiteX2" fmla="*/ 0 w 1501187"/>
                    <a:gd name="connsiteY2" fmla="*/ 128091 h 256180"/>
                    <a:gd name="connsiteX3" fmla="*/ 128311 w 1501187"/>
                    <a:gd name="connsiteY3" fmla="*/ 0 h 256180"/>
                    <a:gd name="connsiteX4" fmla="*/ 1372876 w 1501187"/>
                    <a:gd name="connsiteY4" fmla="*/ 0 h 256180"/>
                    <a:gd name="connsiteX5" fmla="*/ 1501188 w 1501187"/>
                    <a:gd name="connsiteY5" fmla="*/ 128091 h 256180"/>
                    <a:gd name="connsiteX6" fmla="*/ 1372876 w 1501187"/>
                    <a:gd name="connsiteY6" fmla="*/ 256181 h 25618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501187" h="256180">
                      <a:moveTo>
                        <a:pt x="1372876" y="256181"/>
                      </a:moveTo>
                      <a:lnTo>
                        <a:pt x="128311" y="256181"/>
                      </a:lnTo>
                      <a:cubicBezTo>
                        <a:pt x="57445" y="256181"/>
                        <a:pt x="0" y="198825"/>
                        <a:pt x="0" y="128091"/>
                      </a:cubicBezTo>
                      <a:cubicBezTo>
                        <a:pt x="0" y="57346"/>
                        <a:pt x="57445" y="0"/>
                        <a:pt x="128311" y="0"/>
                      </a:cubicBezTo>
                      <a:lnTo>
                        <a:pt x="1372876" y="0"/>
                      </a:lnTo>
                      <a:cubicBezTo>
                        <a:pt x="1443742" y="0"/>
                        <a:pt x="1501188" y="57346"/>
                        <a:pt x="1501188" y="128091"/>
                      </a:cubicBezTo>
                      <a:cubicBezTo>
                        <a:pt x="1501188" y="198825"/>
                        <a:pt x="1443742" y="256181"/>
                        <a:pt x="1372876" y="256181"/>
                      </a:cubicBezTo>
                      <a:close/>
                    </a:path>
                  </a:pathLst>
                </a:custGeom>
                <a:grpFill/>
                <a:ln w="0" cap="flat">
                  <a:no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sp>
              <p:nvSpPr>
                <p:cNvPr id="83" name="Freeform 63">
                  <a:extLst>
                    <a:ext uri="{FF2B5EF4-FFF2-40B4-BE49-F238E27FC236}">
                      <a16:creationId xmlns:a16="http://schemas.microsoft.com/office/drawing/2014/main" id="{C12E2E09-1EBB-9310-2AA6-92B7BD47DEF7}"/>
                    </a:ext>
                  </a:extLst>
                </p:cNvPr>
                <p:cNvSpPr/>
                <p:nvPr/>
              </p:nvSpPr>
              <p:spPr>
                <a:xfrm>
                  <a:off x="3290254" y="3619314"/>
                  <a:ext cx="374668" cy="374023"/>
                </a:xfrm>
                <a:custGeom>
                  <a:avLst/>
                  <a:gdLst>
                    <a:gd name="connsiteX0" fmla="*/ 187335 w 374668"/>
                    <a:gd name="connsiteY0" fmla="*/ 0 h 374023"/>
                    <a:gd name="connsiteX1" fmla="*/ 374669 w 374668"/>
                    <a:gd name="connsiteY1" fmla="*/ 187012 h 374023"/>
                    <a:gd name="connsiteX2" fmla="*/ 374669 w 374668"/>
                    <a:gd name="connsiteY2" fmla="*/ 187012 h 374023"/>
                    <a:gd name="connsiteX3" fmla="*/ 187335 w 374668"/>
                    <a:gd name="connsiteY3" fmla="*/ 374024 h 374023"/>
                    <a:gd name="connsiteX4" fmla="*/ 187334 w 374668"/>
                    <a:gd name="connsiteY4" fmla="*/ 374024 h 374023"/>
                    <a:gd name="connsiteX5" fmla="*/ 0 w 374668"/>
                    <a:gd name="connsiteY5" fmla="*/ 187012 h 374023"/>
                    <a:gd name="connsiteX6" fmla="*/ 0 w 374668"/>
                    <a:gd name="connsiteY6" fmla="*/ 187012 h 374023"/>
                    <a:gd name="connsiteX7" fmla="*/ 187334 w 374668"/>
                    <a:gd name="connsiteY7" fmla="*/ 0 h 37402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Lst>
                  <a:rect l="l" t="t" r="r" b="b"/>
                  <a:pathLst>
                    <a:path w="374668" h="374023">
                      <a:moveTo>
                        <a:pt x="187335" y="0"/>
                      </a:moveTo>
                      <a:cubicBezTo>
                        <a:pt x="290796" y="0"/>
                        <a:pt x="374669" y="83728"/>
                        <a:pt x="374669" y="187012"/>
                      </a:cubicBezTo>
                      <a:lnTo>
                        <a:pt x="374669" y="187012"/>
                      </a:lnTo>
                      <a:cubicBezTo>
                        <a:pt x="374669" y="290296"/>
                        <a:pt x="290797" y="374024"/>
                        <a:pt x="187335" y="374024"/>
                      </a:cubicBezTo>
                      <a:lnTo>
                        <a:pt x="187334" y="374024"/>
                      </a:lnTo>
                      <a:cubicBezTo>
                        <a:pt x="83872" y="374024"/>
                        <a:pt x="0" y="290296"/>
                        <a:pt x="0" y="187012"/>
                      </a:cubicBezTo>
                      <a:lnTo>
                        <a:pt x="0" y="187012"/>
                      </a:lnTo>
                      <a:cubicBezTo>
                        <a:pt x="0" y="83728"/>
                        <a:pt x="83872" y="0"/>
                        <a:pt x="187334" y="0"/>
                      </a:cubicBezTo>
                      <a:close/>
                    </a:path>
                  </a:pathLst>
                </a:custGeom>
                <a:grpFill/>
                <a:ln w="0" cap="flat">
                  <a:no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grpSp>
          <p:grpSp>
            <p:nvGrpSpPr>
              <p:cNvPr id="79" name="Graphic 52">
                <a:extLst>
                  <a:ext uri="{FF2B5EF4-FFF2-40B4-BE49-F238E27FC236}">
                    <a16:creationId xmlns:a16="http://schemas.microsoft.com/office/drawing/2014/main" id="{559A3EBF-60E9-A85E-ED95-1F19D78ED824}"/>
                  </a:ext>
                </a:extLst>
              </p:cNvPr>
              <p:cNvGrpSpPr/>
              <p:nvPr/>
            </p:nvGrpSpPr>
            <p:grpSpPr>
              <a:xfrm>
                <a:off x="3290254" y="4500401"/>
                <a:ext cx="1646962" cy="374030"/>
                <a:chOff x="3290254" y="4500401"/>
                <a:chExt cx="1646962" cy="374030"/>
              </a:xfrm>
              <a:grpFill/>
            </p:grpSpPr>
            <p:sp>
              <p:nvSpPr>
                <p:cNvPr id="80" name="Freeform 65">
                  <a:extLst>
                    <a:ext uri="{FF2B5EF4-FFF2-40B4-BE49-F238E27FC236}">
                      <a16:creationId xmlns:a16="http://schemas.microsoft.com/office/drawing/2014/main" id="{3C70AA7A-CEDC-A55C-FA9D-01071A4D73B8}"/>
                    </a:ext>
                  </a:extLst>
                </p:cNvPr>
                <p:cNvSpPr/>
                <p:nvPr/>
              </p:nvSpPr>
              <p:spPr>
                <a:xfrm>
                  <a:off x="3933396" y="4559325"/>
                  <a:ext cx="1003820" cy="256181"/>
                </a:xfrm>
                <a:custGeom>
                  <a:avLst/>
                  <a:gdLst>
                    <a:gd name="connsiteX0" fmla="*/ 875509 w 1003820"/>
                    <a:gd name="connsiteY0" fmla="*/ 256181 h 256181"/>
                    <a:gd name="connsiteX1" fmla="*/ 128311 w 1003820"/>
                    <a:gd name="connsiteY1" fmla="*/ 256181 h 256181"/>
                    <a:gd name="connsiteX2" fmla="*/ 0 w 1003820"/>
                    <a:gd name="connsiteY2" fmla="*/ 128091 h 256181"/>
                    <a:gd name="connsiteX3" fmla="*/ 128311 w 1003820"/>
                    <a:gd name="connsiteY3" fmla="*/ 0 h 256181"/>
                    <a:gd name="connsiteX4" fmla="*/ 875509 w 1003820"/>
                    <a:gd name="connsiteY4" fmla="*/ 0 h 256181"/>
                    <a:gd name="connsiteX5" fmla="*/ 1003821 w 1003820"/>
                    <a:gd name="connsiteY5" fmla="*/ 128091 h 256181"/>
                    <a:gd name="connsiteX6" fmla="*/ 875509 w 1003820"/>
                    <a:gd name="connsiteY6" fmla="*/ 256181 h 256181"/>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Lst>
                  <a:rect l="l" t="t" r="r" b="b"/>
                  <a:pathLst>
                    <a:path w="1003820" h="256181">
                      <a:moveTo>
                        <a:pt x="875509" y="256181"/>
                      </a:moveTo>
                      <a:lnTo>
                        <a:pt x="128311" y="256181"/>
                      </a:lnTo>
                      <a:cubicBezTo>
                        <a:pt x="57445" y="256181"/>
                        <a:pt x="0" y="198835"/>
                        <a:pt x="0" y="128091"/>
                      </a:cubicBezTo>
                      <a:cubicBezTo>
                        <a:pt x="0" y="57356"/>
                        <a:pt x="57445" y="0"/>
                        <a:pt x="128311" y="0"/>
                      </a:cubicBezTo>
                      <a:lnTo>
                        <a:pt x="875509" y="0"/>
                      </a:lnTo>
                      <a:cubicBezTo>
                        <a:pt x="946375" y="0"/>
                        <a:pt x="1003821" y="57346"/>
                        <a:pt x="1003821" y="128091"/>
                      </a:cubicBezTo>
                      <a:cubicBezTo>
                        <a:pt x="1003821" y="198835"/>
                        <a:pt x="946375" y="256181"/>
                        <a:pt x="875509" y="256181"/>
                      </a:cubicBezTo>
                      <a:close/>
                    </a:path>
                  </a:pathLst>
                </a:custGeom>
                <a:grpFill/>
                <a:ln w="0" cap="flat">
                  <a:no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sp>
              <p:nvSpPr>
                <p:cNvPr id="81" name="Freeform 66">
                  <a:extLst>
                    <a:ext uri="{FF2B5EF4-FFF2-40B4-BE49-F238E27FC236}">
                      <a16:creationId xmlns:a16="http://schemas.microsoft.com/office/drawing/2014/main" id="{33861AAF-7C5F-E08E-ECB3-EBE016A5E757}"/>
                    </a:ext>
                  </a:extLst>
                </p:cNvPr>
                <p:cNvSpPr/>
                <p:nvPr/>
              </p:nvSpPr>
              <p:spPr>
                <a:xfrm>
                  <a:off x="3290254" y="4500401"/>
                  <a:ext cx="374670" cy="374030"/>
                </a:xfrm>
                <a:custGeom>
                  <a:avLst/>
                  <a:gdLst>
                    <a:gd name="connsiteX0" fmla="*/ 187335 w 374670"/>
                    <a:gd name="connsiteY0" fmla="*/ 374031 h 374030"/>
                    <a:gd name="connsiteX1" fmla="*/ 187334 w 374670"/>
                    <a:gd name="connsiteY1" fmla="*/ 374031 h 374030"/>
                    <a:gd name="connsiteX2" fmla="*/ 0 w 374670"/>
                    <a:gd name="connsiteY2" fmla="*/ 187015 h 374030"/>
                    <a:gd name="connsiteX3" fmla="*/ 0 w 374670"/>
                    <a:gd name="connsiteY3" fmla="*/ 187015 h 374030"/>
                    <a:gd name="connsiteX4" fmla="*/ 187334 w 374670"/>
                    <a:gd name="connsiteY4" fmla="*/ 0 h 374030"/>
                    <a:gd name="connsiteX5" fmla="*/ 187335 w 374670"/>
                    <a:gd name="connsiteY5" fmla="*/ 0 h 374030"/>
                    <a:gd name="connsiteX6" fmla="*/ 374671 w 374670"/>
                    <a:gd name="connsiteY6" fmla="*/ 187015 h 374030"/>
                    <a:gd name="connsiteX7" fmla="*/ 374671 w 374670"/>
                    <a:gd name="connsiteY7" fmla="*/ 187015 h 374030"/>
                    <a:gd name="connsiteX8" fmla="*/ 187335 w 374670"/>
                    <a:gd name="connsiteY8" fmla="*/ 374031 h 37403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Lst>
                  <a:rect l="l" t="t" r="r" b="b"/>
                  <a:pathLst>
                    <a:path w="374670" h="374030">
                      <a:moveTo>
                        <a:pt x="187335" y="374031"/>
                      </a:moveTo>
                      <a:lnTo>
                        <a:pt x="187334" y="374031"/>
                      </a:lnTo>
                      <a:cubicBezTo>
                        <a:pt x="83872" y="374031"/>
                        <a:pt x="0" y="290298"/>
                        <a:pt x="0" y="187015"/>
                      </a:cubicBezTo>
                      <a:lnTo>
                        <a:pt x="0" y="187015"/>
                      </a:lnTo>
                      <a:cubicBezTo>
                        <a:pt x="0" y="83733"/>
                        <a:pt x="83872" y="0"/>
                        <a:pt x="187334" y="0"/>
                      </a:cubicBezTo>
                      <a:lnTo>
                        <a:pt x="187335" y="0"/>
                      </a:lnTo>
                      <a:cubicBezTo>
                        <a:pt x="290796" y="0"/>
                        <a:pt x="374671" y="83733"/>
                        <a:pt x="374671" y="187015"/>
                      </a:cubicBezTo>
                      <a:lnTo>
                        <a:pt x="374671" y="187015"/>
                      </a:lnTo>
                      <a:cubicBezTo>
                        <a:pt x="374671" y="290298"/>
                        <a:pt x="290796" y="374031"/>
                        <a:pt x="187335" y="374031"/>
                      </a:cubicBezTo>
                      <a:close/>
                    </a:path>
                  </a:pathLst>
                </a:custGeom>
                <a:grpFill/>
                <a:ln w="0" cap="flat">
                  <a:no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grpSp>
        </p:grpSp>
      </p:grpSp>
      <p:pic>
        <p:nvPicPr>
          <p:cNvPr id="87" name="Graphic 86">
            <a:extLst>
              <a:ext uri="{FF2B5EF4-FFF2-40B4-BE49-F238E27FC236}">
                <a16:creationId xmlns:a16="http://schemas.microsoft.com/office/drawing/2014/main" id="{61DBA89F-B453-81F9-61D1-56723CA5A16A}"/>
              </a:ext>
            </a:extLst>
          </p:cNvPr>
          <p:cNvPicPr>
            <a:picLocks noChangeAspect="1"/>
          </p:cNvPicPr>
          <p:nvPr/>
        </p:nvPicPr>
        <p:blipFill>
          <a:blip r:embed="rId4">
            <a:extLst>
              <a:ext uri="{96DAC541-7B7A-43D3-8B79-37D633B846F1}">
                <asvg:svgBlip xmlns:asvg="http://schemas.microsoft.com/office/drawing/2016/SVG/main" xmlns="" r:embed="rId5"/>
              </a:ext>
            </a:extLst>
          </a:blip>
          <a:stretch>
            <a:fillRect/>
          </a:stretch>
        </p:blipFill>
        <p:spPr>
          <a:xfrm>
            <a:off x="12520441" y="5631131"/>
            <a:ext cx="981509" cy="1090567"/>
          </a:xfrm>
          <a:prstGeom prst="rect">
            <a:avLst/>
          </a:prstGeom>
        </p:spPr>
      </p:pic>
      <p:pic>
        <p:nvPicPr>
          <p:cNvPr id="88" name="Graphic 87">
            <a:extLst>
              <a:ext uri="{FF2B5EF4-FFF2-40B4-BE49-F238E27FC236}">
                <a16:creationId xmlns:a16="http://schemas.microsoft.com/office/drawing/2014/main" id="{3D3FB95D-94C4-604A-574E-AEB6A274D5D5}"/>
              </a:ext>
            </a:extLst>
          </p:cNvPr>
          <p:cNvPicPr>
            <a:picLocks noChangeAspect="1"/>
          </p:cNvPicPr>
          <p:nvPr/>
        </p:nvPicPr>
        <p:blipFill>
          <a:blip r:embed="rId6">
            <a:extLst>
              <a:ext uri="{96DAC541-7B7A-43D3-8B79-37D633B846F1}">
                <asvg:svgBlip xmlns:asvg="http://schemas.microsoft.com/office/drawing/2016/SVG/main" xmlns="" r:embed="rId7"/>
              </a:ext>
            </a:extLst>
          </a:blip>
          <a:stretch>
            <a:fillRect/>
          </a:stretch>
        </p:blipFill>
        <p:spPr>
          <a:xfrm>
            <a:off x="16147863" y="6005092"/>
            <a:ext cx="1138522" cy="720307"/>
          </a:xfrm>
          <a:prstGeom prst="rect">
            <a:avLst/>
          </a:prstGeom>
        </p:spPr>
      </p:pic>
    </p:spTree>
    <p:extLst>
      <p:ext uri="{BB962C8B-B14F-4D97-AF65-F5344CB8AC3E}">
        <p14:creationId xmlns:p14="http://schemas.microsoft.com/office/powerpoint/2010/main" val="1137523408"/>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55"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anim calcmode="lin" valueType="num">
                                      <p:cBhvr>
                                        <p:cTn id="7" dur="1000" fill="hold"/>
                                        <p:tgtEl>
                                          <p:spTgt spid="5"/>
                                        </p:tgtEl>
                                        <p:attrNameLst>
                                          <p:attrName>ppt_w</p:attrName>
                                        </p:attrNameLst>
                                      </p:cBhvr>
                                      <p:tavLst>
                                        <p:tav tm="0">
                                          <p:val>
                                            <p:strVal val="#ppt_w*0.70"/>
                                          </p:val>
                                        </p:tav>
                                        <p:tav tm="100000">
                                          <p:val>
                                            <p:strVal val="#ppt_w"/>
                                          </p:val>
                                        </p:tav>
                                      </p:tavLst>
                                    </p:anim>
                                    <p:anim calcmode="lin" valueType="num">
                                      <p:cBhvr>
                                        <p:cTn id="8" dur="1000" fill="hold"/>
                                        <p:tgtEl>
                                          <p:spTgt spid="5"/>
                                        </p:tgtEl>
                                        <p:attrNameLst>
                                          <p:attrName>ppt_h</p:attrName>
                                        </p:attrNameLst>
                                      </p:cBhvr>
                                      <p:tavLst>
                                        <p:tav tm="0">
                                          <p:val>
                                            <p:strVal val="#ppt_h"/>
                                          </p:val>
                                        </p:tav>
                                        <p:tav tm="100000">
                                          <p:val>
                                            <p:strVal val="#ppt_h"/>
                                          </p:val>
                                        </p:tav>
                                      </p:tavLst>
                                    </p:anim>
                                    <p:animEffect transition="in" filter="fade">
                                      <p:cBhvr>
                                        <p:cTn id="9" dur="1000"/>
                                        <p:tgtEl>
                                          <p:spTgt spid="5"/>
                                        </p:tgtEl>
                                      </p:cBhvr>
                                    </p:animEffect>
                                  </p:childTnLst>
                                </p:cTn>
                              </p:par>
                              <p:par>
                                <p:cTn id="10" presetID="55" presetClass="entr" presetSubtype="0" fill="hold" grpId="0" nodeType="withEffect">
                                  <p:stCondLst>
                                    <p:cond delay="0"/>
                                  </p:stCondLst>
                                  <p:childTnLst>
                                    <p:set>
                                      <p:cBhvr>
                                        <p:cTn id="11" dur="1" fill="hold">
                                          <p:stCondLst>
                                            <p:cond delay="0"/>
                                          </p:stCondLst>
                                        </p:cTn>
                                        <p:tgtEl>
                                          <p:spTgt spid="7"/>
                                        </p:tgtEl>
                                        <p:attrNameLst>
                                          <p:attrName>style.visibility</p:attrName>
                                        </p:attrNameLst>
                                      </p:cBhvr>
                                      <p:to>
                                        <p:strVal val="visible"/>
                                      </p:to>
                                    </p:set>
                                    <p:anim calcmode="lin" valueType="num">
                                      <p:cBhvr>
                                        <p:cTn id="12" dur="1000" fill="hold"/>
                                        <p:tgtEl>
                                          <p:spTgt spid="7"/>
                                        </p:tgtEl>
                                        <p:attrNameLst>
                                          <p:attrName>ppt_w</p:attrName>
                                        </p:attrNameLst>
                                      </p:cBhvr>
                                      <p:tavLst>
                                        <p:tav tm="0">
                                          <p:val>
                                            <p:strVal val="#ppt_w*0.70"/>
                                          </p:val>
                                        </p:tav>
                                        <p:tav tm="100000">
                                          <p:val>
                                            <p:strVal val="#ppt_w"/>
                                          </p:val>
                                        </p:tav>
                                      </p:tavLst>
                                    </p:anim>
                                    <p:anim calcmode="lin" valueType="num">
                                      <p:cBhvr>
                                        <p:cTn id="13" dur="1000" fill="hold"/>
                                        <p:tgtEl>
                                          <p:spTgt spid="7"/>
                                        </p:tgtEl>
                                        <p:attrNameLst>
                                          <p:attrName>ppt_h</p:attrName>
                                        </p:attrNameLst>
                                      </p:cBhvr>
                                      <p:tavLst>
                                        <p:tav tm="0">
                                          <p:val>
                                            <p:strVal val="#ppt_h"/>
                                          </p:val>
                                        </p:tav>
                                        <p:tav tm="100000">
                                          <p:val>
                                            <p:strVal val="#ppt_h"/>
                                          </p:val>
                                        </p:tav>
                                      </p:tavLst>
                                    </p:anim>
                                    <p:animEffect transition="in" filter="fade">
                                      <p:cBhvr>
                                        <p:cTn id="14" dur="1000"/>
                                        <p:tgtEl>
                                          <p:spTgt spid="7"/>
                                        </p:tgtEl>
                                      </p:cBhvr>
                                    </p:animEffect>
                                  </p:childTnLst>
                                </p:cTn>
                              </p:par>
                              <p:par>
                                <p:cTn id="15" presetID="55" presetClass="entr" presetSubtype="0" fill="hold" grpId="0" nodeType="withEffect">
                                  <p:stCondLst>
                                    <p:cond delay="0"/>
                                  </p:stCondLst>
                                  <p:childTnLst>
                                    <p:set>
                                      <p:cBhvr>
                                        <p:cTn id="16" dur="1" fill="hold">
                                          <p:stCondLst>
                                            <p:cond delay="0"/>
                                          </p:stCondLst>
                                        </p:cTn>
                                        <p:tgtEl>
                                          <p:spTgt spid="8"/>
                                        </p:tgtEl>
                                        <p:attrNameLst>
                                          <p:attrName>style.visibility</p:attrName>
                                        </p:attrNameLst>
                                      </p:cBhvr>
                                      <p:to>
                                        <p:strVal val="visible"/>
                                      </p:to>
                                    </p:set>
                                    <p:anim calcmode="lin" valueType="num">
                                      <p:cBhvr>
                                        <p:cTn id="17" dur="1000" fill="hold"/>
                                        <p:tgtEl>
                                          <p:spTgt spid="8"/>
                                        </p:tgtEl>
                                        <p:attrNameLst>
                                          <p:attrName>ppt_w</p:attrName>
                                        </p:attrNameLst>
                                      </p:cBhvr>
                                      <p:tavLst>
                                        <p:tav tm="0">
                                          <p:val>
                                            <p:strVal val="#ppt_w*0.70"/>
                                          </p:val>
                                        </p:tav>
                                        <p:tav tm="100000">
                                          <p:val>
                                            <p:strVal val="#ppt_w"/>
                                          </p:val>
                                        </p:tav>
                                      </p:tavLst>
                                    </p:anim>
                                    <p:anim calcmode="lin" valueType="num">
                                      <p:cBhvr>
                                        <p:cTn id="18" dur="1000" fill="hold"/>
                                        <p:tgtEl>
                                          <p:spTgt spid="8"/>
                                        </p:tgtEl>
                                        <p:attrNameLst>
                                          <p:attrName>ppt_h</p:attrName>
                                        </p:attrNameLst>
                                      </p:cBhvr>
                                      <p:tavLst>
                                        <p:tav tm="0">
                                          <p:val>
                                            <p:strVal val="#ppt_h"/>
                                          </p:val>
                                        </p:tav>
                                        <p:tav tm="100000">
                                          <p:val>
                                            <p:strVal val="#ppt_h"/>
                                          </p:val>
                                        </p:tav>
                                      </p:tavLst>
                                    </p:anim>
                                    <p:animEffect transition="in" filter="fade">
                                      <p:cBhvr>
                                        <p:cTn id="19" dur="1000"/>
                                        <p:tgtEl>
                                          <p:spTgt spid="8"/>
                                        </p:tgtEl>
                                      </p:cBhvr>
                                    </p:animEffect>
                                  </p:childTnLst>
                                </p:cTn>
                              </p:par>
                              <p:par>
                                <p:cTn id="20" presetID="55" presetClass="entr" presetSubtype="0" fill="hold" grpId="0" nodeType="withEffect">
                                  <p:stCondLst>
                                    <p:cond delay="0"/>
                                  </p:stCondLst>
                                  <p:childTnLst>
                                    <p:set>
                                      <p:cBhvr>
                                        <p:cTn id="21" dur="1" fill="hold">
                                          <p:stCondLst>
                                            <p:cond delay="0"/>
                                          </p:stCondLst>
                                        </p:cTn>
                                        <p:tgtEl>
                                          <p:spTgt spid="9"/>
                                        </p:tgtEl>
                                        <p:attrNameLst>
                                          <p:attrName>style.visibility</p:attrName>
                                        </p:attrNameLst>
                                      </p:cBhvr>
                                      <p:to>
                                        <p:strVal val="visible"/>
                                      </p:to>
                                    </p:set>
                                    <p:anim calcmode="lin" valueType="num">
                                      <p:cBhvr>
                                        <p:cTn id="22" dur="1000" fill="hold"/>
                                        <p:tgtEl>
                                          <p:spTgt spid="9"/>
                                        </p:tgtEl>
                                        <p:attrNameLst>
                                          <p:attrName>ppt_w</p:attrName>
                                        </p:attrNameLst>
                                      </p:cBhvr>
                                      <p:tavLst>
                                        <p:tav tm="0">
                                          <p:val>
                                            <p:strVal val="#ppt_w*0.70"/>
                                          </p:val>
                                        </p:tav>
                                        <p:tav tm="100000">
                                          <p:val>
                                            <p:strVal val="#ppt_w"/>
                                          </p:val>
                                        </p:tav>
                                      </p:tavLst>
                                    </p:anim>
                                    <p:anim calcmode="lin" valueType="num">
                                      <p:cBhvr>
                                        <p:cTn id="23" dur="1000" fill="hold"/>
                                        <p:tgtEl>
                                          <p:spTgt spid="9"/>
                                        </p:tgtEl>
                                        <p:attrNameLst>
                                          <p:attrName>ppt_h</p:attrName>
                                        </p:attrNameLst>
                                      </p:cBhvr>
                                      <p:tavLst>
                                        <p:tav tm="0">
                                          <p:val>
                                            <p:strVal val="#ppt_h"/>
                                          </p:val>
                                        </p:tav>
                                        <p:tav tm="100000">
                                          <p:val>
                                            <p:strVal val="#ppt_h"/>
                                          </p:val>
                                        </p:tav>
                                      </p:tavLst>
                                    </p:anim>
                                    <p:animEffect transition="in" filter="fade">
                                      <p:cBhvr>
                                        <p:cTn id="24" dur="1000"/>
                                        <p:tgtEl>
                                          <p:spTgt spid="9"/>
                                        </p:tgtEl>
                                      </p:cBhvr>
                                    </p:animEffect>
                                  </p:childTnLst>
                                </p:cTn>
                              </p:par>
                              <p:par>
                                <p:cTn id="25" presetID="55" presetClass="entr" presetSubtype="0" fill="hold" grpId="0" nodeType="withEffect">
                                  <p:stCondLst>
                                    <p:cond delay="0"/>
                                  </p:stCondLst>
                                  <p:childTnLst>
                                    <p:set>
                                      <p:cBhvr>
                                        <p:cTn id="26" dur="1" fill="hold">
                                          <p:stCondLst>
                                            <p:cond delay="0"/>
                                          </p:stCondLst>
                                        </p:cTn>
                                        <p:tgtEl>
                                          <p:spTgt spid="10"/>
                                        </p:tgtEl>
                                        <p:attrNameLst>
                                          <p:attrName>style.visibility</p:attrName>
                                        </p:attrNameLst>
                                      </p:cBhvr>
                                      <p:to>
                                        <p:strVal val="visible"/>
                                      </p:to>
                                    </p:set>
                                    <p:anim calcmode="lin" valueType="num">
                                      <p:cBhvr>
                                        <p:cTn id="27" dur="1000" fill="hold"/>
                                        <p:tgtEl>
                                          <p:spTgt spid="10"/>
                                        </p:tgtEl>
                                        <p:attrNameLst>
                                          <p:attrName>ppt_w</p:attrName>
                                        </p:attrNameLst>
                                      </p:cBhvr>
                                      <p:tavLst>
                                        <p:tav tm="0">
                                          <p:val>
                                            <p:strVal val="#ppt_w*0.70"/>
                                          </p:val>
                                        </p:tav>
                                        <p:tav tm="100000">
                                          <p:val>
                                            <p:strVal val="#ppt_w"/>
                                          </p:val>
                                        </p:tav>
                                      </p:tavLst>
                                    </p:anim>
                                    <p:anim calcmode="lin" valueType="num">
                                      <p:cBhvr>
                                        <p:cTn id="28" dur="1000" fill="hold"/>
                                        <p:tgtEl>
                                          <p:spTgt spid="10"/>
                                        </p:tgtEl>
                                        <p:attrNameLst>
                                          <p:attrName>ppt_h</p:attrName>
                                        </p:attrNameLst>
                                      </p:cBhvr>
                                      <p:tavLst>
                                        <p:tav tm="0">
                                          <p:val>
                                            <p:strVal val="#ppt_h"/>
                                          </p:val>
                                        </p:tav>
                                        <p:tav tm="100000">
                                          <p:val>
                                            <p:strVal val="#ppt_h"/>
                                          </p:val>
                                        </p:tav>
                                      </p:tavLst>
                                    </p:anim>
                                    <p:animEffect transition="in" filter="fade">
                                      <p:cBhvr>
                                        <p:cTn id="29" dur="1000"/>
                                        <p:tgtEl>
                                          <p:spTgt spid="10"/>
                                        </p:tgtEl>
                                      </p:cBhvr>
                                    </p:animEffect>
                                  </p:childTnLst>
                                </p:cTn>
                              </p:par>
                              <p:par>
                                <p:cTn id="30" presetID="55" presetClass="entr" presetSubtype="0" fill="hold" grpId="0" nodeType="withEffect">
                                  <p:stCondLst>
                                    <p:cond delay="0"/>
                                  </p:stCondLst>
                                  <p:childTnLst>
                                    <p:set>
                                      <p:cBhvr>
                                        <p:cTn id="31" dur="1" fill="hold">
                                          <p:stCondLst>
                                            <p:cond delay="0"/>
                                          </p:stCondLst>
                                        </p:cTn>
                                        <p:tgtEl>
                                          <p:spTgt spid="12"/>
                                        </p:tgtEl>
                                        <p:attrNameLst>
                                          <p:attrName>style.visibility</p:attrName>
                                        </p:attrNameLst>
                                      </p:cBhvr>
                                      <p:to>
                                        <p:strVal val="visible"/>
                                      </p:to>
                                    </p:set>
                                    <p:anim calcmode="lin" valueType="num">
                                      <p:cBhvr>
                                        <p:cTn id="32" dur="1000" fill="hold"/>
                                        <p:tgtEl>
                                          <p:spTgt spid="12"/>
                                        </p:tgtEl>
                                        <p:attrNameLst>
                                          <p:attrName>ppt_w</p:attrName>
                                        </p:attrNameLst>
                                      </p:cBhvr>
                                      <p:tavLst>
                                        <p:tav tm="0">
                                          <p:val>
                                            <p:strVal val="#ppt_w*0.70"/>
                                          </p:val>
                                        </p:tav>
                                        <p:tav tm="100000">
                                          <p:val>
                                            <p:strVal val="#ppt_w"/>
                                          </p:val>
                                        </p:tav>
                                      </p:tavLst>
                                    </p:anim>
                                    <p:anim calcmode="lin" valueType="num">
                                      <p:cBhvr>
                                        <p:cTn id="33" dur="1000" fill="hold"/>
                                        <p:tgtEl>
                                          <p:spTgt spid="12"/>
                                        </p:tgtEl>
                                        <p:attrNameLst>
                                          <p:attrName>ppt_h</p:attrName>
                                        </p:attrNameLst>
                                      </p:cBhvr>
                                      <p:tavLst>
                                        <p:tav tm="0">
                                          <p:val>
                                            <p:strVal val="#ppt_h"/>
                                          </p:val>
                                        </p:tav>
                                        <p:tav tm="100000">
                                          <p:val>
                                            <p:strVal val="#ppt_h"/>
                                          </p:val>
                                        </p:tav>
                                      </p:tavLst>
                                    </p:anim>
                                    <p:animEffect transition="in" filter="fade">
                                      <p:cBhvr>
                                        <p:cTn id="34" dur="1000"/>
                                        <p:tgtEl>
                                          <p:spTgt spid="12"/>
                                        </p:tgtEl>
                                      </p:cBhvr>
                                    </p:animEffect>
                                  </p:childTnLst>
                                </p:cTn>
                              </p:par>
                              <p:par>
                                <p:cTn id="35" presetID="55" presetClass="entr" presetSubtype="0" fill="hold" grpId="0" nodeType="withEffect">
                                  <p:stCondLst>
                                    <p:cond delay="0"/>
                                  </p:stCondLst>
                                  <p:childTnLst>
                                    <p:set>
                                      <p:cBhvr>
                                        <p:cTn id="36" dur="1" fill="hold">
                                          <p:stCondLst>
                                            <p:cond delay="0"/>
                                          </p:stCondLst>
                                        </p:cTn>
                                        <p:tgtEl>
                                          <p:spTgt spid="13"/>
                                        </p:tgtEl>
                                        <p:attrNameLst>
                                          <p:attrName>style.visibility</p:attrName>
                                        </p:attrNameLst>
                                      </p:cBhvr>
                                      <p:to>
                                        <p:strVal val="visible"/>
                                      </p:to>
                                    </p:set>
                                    <p:anim calcmode="lin" valueType="num">
                                      <p:cBhvr>
                                        <p:cTn id="37" dur="1000" fill="hold"/>
                                        <p:tgtEl>
                                          <p:spTgt spid="13"/>
                                        </p:tgtEl>
                                        <p:attrNameLst>
                                          <p:attrName>ppt_w</p:attrName>
                                        </p:attrNameLst>
                                      </p:cBhvr>
                                      <p:tavLst>
                                        <p:tav tm="0">
                                          <p:val>
                                            <p:strVal val="#ppt_w*0.70"/>
                                          </p:val>
                                        </p:tav>
                                        <p:tav tm="100000">
                                          <p:val>
                                            <p:strVal val="#ppt_w"/>
                                          </p:val>
                                        </p:tav>
                                      </p:tavLst>
                                    </p:anim>
                                    <p:anim calcmode="lin" valueType="num">
                                      <p:cBhvr>
                                        <p:cTn id="38" dur="1000" fill="hold"/>
                                        <p:tgtEl>
                                          <p:spTgt spid="13"/>
                                        </p:tgtEl>
                                        <p:attrNameLst>
                                          <p:attrName>ppt_h</p:attrName>
                                        </p:attrNameLst>
                                      </p:cBhvr>
                                      <p:tavLst>
                                        <p:tav tm="0">
                                          <p:val>
                                            <p:strVal val="#ppt_h"/>
                                          </p:val>
                                        </p:tav>
                                        <p:tav tm="100000">
                                          <p:val>
                                            <p:strVal val="#ppt_h"/>
                                          </p:val>
                                        </p:tav>
                                      </p:tavLst>
                                    </p:anim>
                                    <p:animEffect transition="in" filter="fade">
                                      <p:cBhvr>
                                        <p:cTn id="39" dur="1000"/>
                                        <p:tgtEl>
                                          <p:spTgt spid="13"/>
                                        </p:tgtEl>
                                      </p:cBhvr>
                                    </p:animEffect>
                                  </p:childTnLst>
                                </p:cTn>
                              </p:par>
                              <p:par>
                                <p:cTn id="40" presetID="55" presetClass="entr" presetSubtype="0" fill="hold" grpId="0" nodeType="withEffect">
                                  <p:stCondLst>
                                    <p:cond delay="0"/>
                                  </p:stCondLst>
                                  <p:childTnLst>
                                    <p:set>
                                      <p:cBhvr>
                                        <p:cTn id="41" dur="1" fill="hold">
                                          <p:stCondLst>
                                            <p:cond delay="0"/>
                                          </p:stCondLst>
                                        </p:cTn>
                                        <p:tgtEl>
                                          <p:spTgt spid="14"/>
                                        </p:tgtEl>
                                        <p:attrNameLst>
                                          <p:attrName>style.visibility</p:attrName>
                                        </p:attrNameLst>
                                      </p:cBhvr>
                                      <p:to>
                                        <p:strVal val="visible"/>
                                      </p:to>
                                    </p:set>
                                    <p:anim calcmode="lin" valueType="num">
                                      <p:cBhvr>
                                        <p:cTn id="42" dur="1000" fill="hold"/>
                                        <p:tgtEl>
                                          <p:spTgt spid="14"/>
                                        </p:tgtEl>
                                        <p:attrNameLst>
                                          <p:attrName>ppt_w</p:attrName>
                                        </p:attrNameLst>
                                      </p:cBhvr>
                                      <p:tavLst>
                                        <p:tav tm="0">
                                          <p:val>
                                            <p:strVal val="#ppt_w*0.70"/>
                                          </p:val>
                                        </p:tav>
                                        <p:tav tm="100000">
                                          <p:val>
                                            <p:strVal val="#ppt_w"/>
                                          </p:val>
                                        </p:tav>
                                      </p:tavLst>
                                    </p:anim>
                                    <p:anim calcmode="lin" valueType="num">
                                      <p:cBhvr>
                                        <p:cTn id="43" dur="1000" fill="hold"/>
                                        <p:tgtEl>
                                          <p:spTgt spid="14"/>
                                        </p:tgtEl>
                                        <p:attrNameLst>
                                          <p:attrName>ppt_h</p:attrName>
                                        </p:attrNameLst>
                                      </p:cBhvr>
                                      <p:tavLst>
                                        <p:tav tm="0">
                                          <p:val>
                                            <p:strVal val="#ppt_h"/>
                                          </p:val>
                                        </p:tav>
                                        <p:tav tm="100000">
                                          <p:val>
                                            <p:strVal val="#ppt_h"/>
                                          </p:val>
                                        </p:tav>
                                      </p:tavLst>
                                    </p:anim>
                                    <p:animEffect transition="in" filter="fade">
                                      <p:cBhvr>
                                        <p:cTn id="44" dur="1000"/>
                                        <p:tgtEl>
                                          <p:spTgt spid="14"/>
                                        </p:tgtEl>
                                      </p:cBhvr>
                                    </p:animEffect>
                                  </p:childTnLst>
                                </p:cTn>
                              </p:par>
                              <p:par>
                                <p:cTn id="45" presetID="55" presetClass="entr" presetSubtype="0" fill="hold" grpId="0" nodeType="withEffect">
                                  <p:stCondLst>
                                    <p:cond delay="0"/>
                                  </p:stCondLst>
                                  <p:childTnLst>
                                    <p:set>
                                      <p:cBhvr>
                                        <p:cTn id="46" dur="1" fill="hold">
                                          <p:stCondLst>
                                            <p:cond delay="0"/>
                                          </p:stCondLst>
                                        </p:cTn>
                                        <p:tgtEl>
                                          <p:spTgt spid="16"/>
                                        </p:tgtEl>
                                        <p:attrNameLst>
                                          <p:attrName>style.visibility</p:attrName>
                                        </p:attrNameLst>
                                      </p:cBhvr>
                                      <p:to>
                                        <p:strVal val="visible"/>
                                      </p:to>
                                    </p:set>
                                    <p:anim calcmode="lin" valueType="num">
                                      <p:cBhvr>
                                        <p:cTn id="47" dur="1000" fill="hold"/>
                                        <p:tgtEl>
                                          <p:spTgt spid="16"/>
                                        </p:tgtEl>
                                        <p:attrNameLst>
                                          <p:attrName>ppt_w</p:attrName>
                                        </p:attrNameLst>
                                      </p:cBhvr>
                                      <p:tavLst>
                                        <p:tav tm="0">
                                          <p:val>
                                            <p:strVal val="#ppt_w*0.70"/>
                                          </p:val>
                                        </p:tav>
                                        <p:tav tm="100000">
                                          <p:val>
                                            <p:strVal val="#ppt_w"/>
                                          </p:val>
                                        </p:tav>
                                      </p:tavLst>
                                    </p:anim>
                                    <p:anim calcmode="lin" valueType="num">
                                      <p:cBhvr>
                                        <p:cTn id="48" dur="1000" fill="hold"/>
                                        <p:tgtEl>
                                          <p:spTgt spid="16"/>
                                        </p:tgtEl>
                                        <p:attrNameLst>
                                          <p:attrName>ppt_h</p:attrName>
                                        </p:attrNameLst>
                                      </p:cBhvr>
                                      <p:tavLst>
                                        <p:tav tm="0">
                                          <p:val>
                                            <p:strVal val="#ppt_h"/>
                                          </p:val>
                                        </p:tav>
                                        <p:tav tm="100000">
                                          <p:val>
                                            <p:strVal val="#ppt_h"/>
                                          </p:val>
                                        </p:tav>
                                      </p:tavLst>
                                    </p:anim>
                                    <p:animEffect transition="in" filter="fade">
                                      <p:cBhvr>
                                        <p:cTn id="49" dur="1000"/>
                                        <p:tgtEl>
                                          <p:spTgt spid="16"/>
                                        </p:tgtEl>
                                      </p:cBhvr>
                                    </p:animEffect>
                                  </p:childTnLst>
                                </p:cTn>
                              </p:par>
                              <p:par>
                                <p:cTn id="50" presetID="55" presetClass="entr" presetSubtype="0" fill="hold" grpId="0" nodeType="withEffect">
                                  <p:stCondLst>
                                    <p:cond delay="0"/>
                                  </p:stCondLst>
                                  <p:childTnLst>
                                    <p:set>
                                      <p:cBhvr>
                                        <p:cTn id="51" dur="1" fill="hold">
                                          <p:stCondLst>
                                            <p:cond delay="0"/>
                                          </p:stCondLst>
                                        </p:cTn>
                                        <p:tgtEl>
                                          <p:spTgt spid="17"/>
                                        </p:tgtEl>
                                        <p:attrNameLst>
                                          <p:attrName>style.visibility</p:attrName>
                                        </p:attrNameLst>
                                      </p:cBhvr>
                                      <p:to>
                                        <p:strVal val="visible"/>
                                      </p:to>
                                    </p:set>
                                    <p:anim calcmode="lin" valueType="num">
                                      <p:cBhvr>
                                        <p:cTn id="52" dur="1000" fill="hold"/>
                                        <p:tgtEl>
                                          <p:spTgt spid="17"/>
                                        </p:tgtEl>
                                        <p:attrNameLst>
                                          <p:attrName>ppt_w</p:attrName>
                                        </p:attrNameLst>
                                      </p:cBhvr>
                                      <p:tavLst>
                                        <p:tav tm="0">
                                          <p:val>
                                            <p:strVal val="#ppt_w*0.70"/>
                                          </p:val>
                                        </p:tav>
                                        <p:tav tm="100000">
                                          <p:val>
                                            <p:strVal val="#ppt_w"/>
                                          </p:val>
                                        </p:tav>
                                      </p:tavLst>
                                    </p:anim>
                                    <p:anim calcmode="lin" valueType="num">
                                      <p:cBhvr>
                                        <p:cTn id="53" dur="1000" fill="hold"/>
                                        <p:tgtEl>
                                          <p:spTgt spid="17"/>
                                        </p:tgtEl>
                                        <p:attrNameLst>
                                          <p:attrName>ppt_h</p:attrName>
                                        </p:attrNameLst>
                                      </p:cBhvr>
                                      <p:tavLst>
                                        <p:tav tm="0">
                                          <p:val>
                                            <p:strVal val="#ppt_h"/>
                                          </p:val>
                                        </p:tav>
                                        <p:tav tm="100000">
                                          <p:val>
                                            <p:strVal val="#ppt_h"/>
                                          </p:val>
                                        </p:tav>
                                      </p:tavLst>
                                    </p:anim>
                                    <p:animEffect transition="in" filter="fade">
                                      <p:cBhvr>
                                        <p:cTn id="54" dur="1000"/>
                                        <p:tgtEl>
                                          <p:spTgt spid="17"/>
                                        </p:tgtEl>
                                      </p:cBhvr>
                                    </p:animEffect>
                                  </p:childTnLst>
                                </p:cTn>
                              </p:par>
                              <p:par>
                                <p:cTn id="55" presetID="55" presetClass="entr" presetSubtype="0" fill="hold" grpId="0" nodeType="withEffect">
                                  <p:stCondLst>
                                    <p:cond delay="0"/>
                                  </p:stCondLst>
                                  <p:childTnLst>
                                    <p:set>
                                      <p:cBhvr>
                                        <p:cTn id="56" dur="1" fill="hold">
                                          <p:stCondLst>
                                            <p:cond delay="0"/>
                                          </p:stCondLst>
                                        </p:cTn>
                                        <p:tgtEl>
                                          <p:spTgt spid="18"/>
                                        </p:tgtEl>
                                        <p:attrNameLst>
                                          <p:attrName>style.visibility</p:attrName>
                                        </p:attrNameLst>
                                      </p:cBhvr>
                                      <p:to>
                                        <p:strVal val="visible"/>
                                      </p:to>
                                    </p:set>
                                    <p:anim calcmode="lin" valueType="num">
                                      <p:cBhvr>
                                        <p:cTn id="57" dur="1000" fill="hold"/>
                                        <p:tgtEl>
                                          <p:spTgt spid="18"/>
                                        </p:tgtEl>
                                        <p:attrNameLst>
                                          <p:attrName>ppt_w</p:attrName>
                                        </p:attrNameLst>
                                      </p:cBhvr>
                                      <p:tavLst>
                                        <p:tav tm="0">
                                          <p:val>
                                            <p:strVal val="#ppt_w*0.70"/>
                                          </p:val>
                                        </p:tav>
                                        <p:tav tm="100000">
                                          <p:val>
                                            <p:strVal val="#ppt_w"/>
                                          </p:val>
                                        </p:tav>
                                      </p:tavLst>
                                    </p:anim>
                                    <p:anim calcmode="lin" valueType="num">
                                      <p:cBhvr>
                                        <p:cTn id="58" dur="1000" fill="hold"/>
                                        <p:tgtEl>
                                          <p:spTgt spid="18"/>
                                        </p:tgtEl>
                                        <p:attrNameLst>
                                          <p:attrName>ppt_h</p:attrName>
                                        </p:attrNameLst>
                                      </p:cBhvr>
                                      <p:tavLst>
                                        <p:tav tm="0">
                                          <p:val>
                                            <p:strVal val="#ppt_h"/>
                                          </p:val>
                                        </p:tav>
                                        <p:tav tm="100000">
                                          <p:val>
                                            <p:strVal val="#ppt_h"/>
                                          </p:val>
                                        </p:tav>
                                      </p:tavLst>
                                    </p:anim>
                                    <p:animEffect transition="in" filter="fade">
                                      <p:cBhvr>
                                        <p:cTn id="59" dur="1000"/>
                                        <p:tgtEl>
                                          <p:spTgt spid="18"/>
                                        </p:tgtEl>
                                      </p:cBhvr>
                                    </p:animEffect>
                                  </p:childTnLst>
                                </p:cTn>
                              </p:par>
                              <p:par>
                                <p:cTn id="60" presetID="55" presetClass="entr" presetSubtype="0" fill="hold" grpId="0" nodeType="withEffect">
                                  <p:stCondLst>
                                    <p:cond delay="0"/>
                                  </p:stCondLst>
                                  <p:childTnLst>
                                    <p:set>
                                      <p:cBhvr>
                                        <p:cTn id="61" dur="1" fill="hold">
                                          <p:stCondLst>
                                            <p:cond delay="0"/>
                                          </p:stCondLst>
                                        </p:cTn>
                                        <p:tgtEl>
                                          <p:spTgt spid="19"/>
                                        </p:tgtEl>
                                        <p:attrNameLst>
                                          <p:attrName>style.visibility</p:attrName>
                                        </p:attrNameLst>
                                      </p:cBhvr>
                                      <p:to>
                                        <p:strVal val="visible"/>
                                      </p:to>
                                    </p:set>
                                    <p:anim calcmode="lin" valueType="num">
                                      <p:cBhvr>
                                        <p:cTn id="62" dur="1000" fill="hold"/>
                                        <p:tgtEl>
                                          <p:spTgt spid="19"/>
                                        </p:tgtEl>
                                        <p:attrNameLst>
                                          <p:attrName>ppt_w</p:attrName>
                                        </p:attrNameLst>
                                      </p:cBhvr>
                                      <p:tavLst>
                                        <p:tav tm="0">
                                          <p:val>
                                            <p:strVal val="#ppt_w*0.70"/>
                                          </p:val>
                                        </p:tav>
                                        <p:tav tm="100000">
                                          <p:val>
                                            <p:strVal val="#ppt_w"/>
                                          </p:val>
                                        </p:tav>
                                      </p:tavLst>
                                    </p:anim>
                                    <p:anim calcmode="lin" valueType="num">
                                      <p:cBhvr>
                                        <p:cTn id="63" dur="1000" fill="hold"/>
                                        <p:tgtEl>
                                          <p:spTgt spid="19"/>
                                        </p:tgtEl>
                                        <p:attrNameLst>
                                          <p:attrName>ppt_h</p:attrName>
                                        </p:attrNameLst>
                                      </p:cBhvr>
                                      <p:tavLst>
                                        <p:tav tm="0">
                                          <p:val>
                                            <p:strVal val="#ppt_h"/>
                                          </p:val>
                                        </p:tav>
                                        <p:tav tm="100000">
                                          <p:val>
                                            <p:strVal val="#ppt_h"/>
                                          </p:val>
                                        </p:tav>
                                      </p:tavLst>
                                    </p:anim>
                                    <p:animEffect transition="in" filter="fade">
                                      <p:cBhvr>
                                        <p:cTn id="64" dur="1000"/>
                                        <p:tgtEl>
                                          <p:spTgt spid="19"/>
                                        </p:tgtEl>
                                      </p:cBhvr>
                                    </p:animEffect>
                                  </p:childTnLst>
                                </p:cTn>
                              </p:par>
                              <p:par>
                                <p:cTn id="65" presetID="55" presetClass="entr" presetSubtype="0" fill="hold" grpId="0" nodeType="withEffect">
                                  <p:stCondLst>
                                    <p:cond delay="0"/>
                                  </p:stCondLst>
                                  <p:childTnLst>
                                    <p:set>
                                      <p:cBhvr>
                                        <p:cTn id="66" dur="1" fill="hold">
                                          <p:stCondLst>
                                            <p:cond delay="0"/>
                                          </p:stCondLst>
                                        </p:cTn>
                                        <p:tgtEl>
                                          <p:spTgt spid="20"/>
                                        </p:tgtEl>
                                        <p:attrNameLst>
                                          <p:attrName>style.visibility</p:attrName>
                                        </p:attrNameLst>
                                      </p:cBhvr>
                                      <p:to>
                                        <p:strVal val="visible"/>
                                      </p:to>
                                    </p:set>
                                    <p:anim calcmode="lin" valueType="num">
                                      <p:cBhvr>
                                        <p:cTn id="67" dur="1000" fill="hold"/>
                                        <p:tgtEl>
                                          <p:spTgt spid="20"/>
                                        </p:tgtEl>
                                        <p:attrNameLst>
                                          <p:attrName>ppt_w</p:attrName>
                                        </p:attrNameLst>
                                      </p:cBhvr>
                                      <p:tavLst>
                                        <p:tav tm="0">
                                          <p:val>
                                            <p:strVal val="#ppt_w*0.70"/>
                                          </p:val>
                                        </p:tav>
                                        <p:tav tm="100000">
                                          <p:val>
                                            <p:strVal val="#ppt_w"/>
                                          </p:val>
                                        </p:tav>
                                      </p:tavLst>
                                    </p:anim>
                                    <p:anim calcmode="lin" valueType="num">
                                      <p:cBhvr>
                                        <p:cTn id="68" dur="1000" fill="hold"/>
                                        <p:tgtEl>
                                          <p:spTgt spid="20"/>
                                        </p:tgtEl>
                                        <p:attrNameLst>
                                          <p:attrName>ppt_h</p:attrName>
                                        </p:attrNameLst>
                                      </p:cBhvr>
                                      <p:tavLst>
                                        <p:tav tm="0">
                                          <p:val>
                                            <p:strVal val="#ppt_h"/>
                                          </p:val>
                                        </p:tav>
                                        <p:tav tm="100000">
                                          <p:val>
                                            <p:strVal val="#ppt_h"/>
                                          </p:val>
                                        </p:tav>
                                      </p:tavLst>
                                    </p:anim>
                                    <p:animEffect transition="in" filter="fade">
                                      <p:cBhvr>
                                        <p:cTn id="69" dur="1000"/>
                                        <p:tgtEl>
                                          <p:spTgt spid="20"/>
                                        </p:tgtEl>
                                      </p:cBhvr>
                                    </p:animEffect>
                                  </p:childTnLst>
                                </p:cTn>
                              </p:par>
                              <p:par>
                                <p:cTn id="70" presetID="55" presetClass="entr" presetSubtype="0" fill="hold" grpId="0" nodeType="withEffect">
                                  <p:stCondLst>
                                    <p:cond delay="0"/>
                                  </p:stCondLst>
                                  <p:childTnLst>
                                    <p:set>
                                      <p:cBhvr>
                                        <p:cTn id="71" dur="1" fill="hold">
                                          <p:stCondLst>
                                            <p:cond delay="0"/>
                                          </p:stCondLst>
                                        </p:cTn>
                                        <p:tgtEl>
                                          <p:spTgt spid="21"/>
                                        </p:tgtEl>
                                        <p:attrNameLst>
                                          <p:attrName>style.visibility</p:attrName>
                                        </p:attrNameLst>
                                      </p:cBhvr>
                                      <p:to>
                                        <p:strVal val="visible"/>
                                      </p:to>
                                    </p:set>
                                    <p:anim calcmode="lin" valueType="num">
                                      <p:cBhvr>
                                        <p:cTn id="72" dur="1000" fill="hold"/>
                                        <p:tgtEl>
                                          <p:spTgt spid="21"/>
                                        </p:tgtEl>
                                        <p:attrNameLst>
                                          <p:attrName>ppt_w</p:attrName>
                                        </p:attrNameLst>
                                      </p:cBhvr>
                                      <p:tavLst>
                                        <p:tav tm="0">
                                          <p:val>
                                            <p:strVal val="#ppt_w*0.70"/>
                                          </p:val>
                                        </p:tav>
                                        <p:tav tm="100000">
                                          <p:val>
                                            <p:strVal val="#ppt_w"/>
                                          </p:val>
                                        </p:tav>
                                      </p:tavLst>
                                    </p:anim>
                                    <p:anim calcmode="lin" valueType="num">
                                      <p:cBhvr>
                                        <p:cTn id="73" dur="1000" fill="hold"/>
                                        <p:tgtEl>
                                          <p:spTgt spid="21"/>
                                        </p:tgtEl>
                                        <p:attrNameLst>
                                          <p:attrName>ppt_h</p:attrName>
                                        </p:attrNameLst>
                                      </p:cBhvr>
                                      <p:tavLst>
                                        <p:tav tm="0">
                                          <p:val>
                                            <p:strVal val="#ppt_h"/>
                                          </p:val>
                                        </p:tav>
                                        <p:tav tm="100000">
                                          <p:val>
                                            <p:strVal val="#ppt_h"/>
                                          </p:val>
                                        </p:tav>
                                      </p:tavLst>
                                    </p:anim>
                                    <p:animEffect transition="in" filter="fade">
                                      <p:cBhvr>
                                        <p:cTn id="74" dur="1000"/>
                                        <p:tgtEl>
                                          <p:spTgt spid="21"/>
                                        </p:tgtEl>
                                      </p:cBhvr>
                                    </p:animEffect>
                                  </p:childTnLst>
                                </p:cTn>
                              </p:par>
                              <p:par>
                                <p:cTn id="75" presetID="55" presetClass="entr" presetSubtype="0" fill="hold" grpId="0" nodeType="withEffect">
                                  <p:stCondLst>
                                    <p:cond delay="0"/>
                                  </p:stCondLst>
                                  <p:childTnLst>
                                    <p:set>
                                      <p:cBhvr>
                                        <p:cTn id="76" dur="1" fill="hold">
                                          <p:stCondLst>
                                            <p:cond delay="0"/>
                                          </p:stCondLst>
                                        </p:cTn>
                                        <p:tgtEl>
                                          <p:spTgt spid="22"/>
                                        </p:tgtEl>
                                        <p:attrNameLst>
                                          <p:attrName>style.visibility</p:attrName>
                                        </p:attrNameLst>
                                      </p:cBhvr>
                                      <p:to>
                                        <p:strVal val="visible"/>
                                      </p:to>
                                    </p:set>
                                    <p:anim calcmode="lin" valueType="num">
                                      <p:cBhvr>
                                        <p:cTn id="77" dur="1000" fill="hold"/>
                                        <p:tgtEl>
                                          <p:spTgt spid="22"/>
                                        </p:tgtEl>
                                        <p:attrNameLst>
                                          <p:attrName>ppt_w</p:attrName>
                                        </p:attrNameLst>
                                      </p:cBhvr>
                                      <p:tavLst>
                                        <p:tav tm="0">
                                          <p:val>
                                            <p:strVal val="#ppt_w*0.70"/>
                                          </p:val>
                                        </p:tav>
                                        <p:tav tm="100000">
                                          <p:val>
                                            <p:strVal val="#ppt_w"/>
                                          </p:val>
                                        </p:tav>
                                      </p:tavLst>
                                    </p:anim>
                                    <p:anim calcmode="lin" valueType="num">
                                      <p:cBhvr>
                                        <p:cTn id="78" dur="1000" fill="hold"/>
                                        <p:tgtEl>
                                          <p:spTgt spid="22"/>
                                        </p:tgtEl>
                                        <p:attrNameLst>
                                          <p:attrName>ppt_h</p:attrName>
                                        </p:attrNameLst>
                                      </p:cBhvr>
                                      <p:tavLst>
                                        <p:tav tm="0">
                                          <p:val>
                                            <p:strVal val="#ppt_h"/>
                                          </p:val>
                                        </p:tav>
                                        <p:tav tm="100000">
                                          <p:val>
                                            <p:strVal val="#ppt_h"/>
                                          </p:val>
                                        </p:tav>
                                      </p:tavLst>
                                    </p:anim>
                                    <p:animEffect transition="in" filter="fade">
                                      <p:cBhvr>
                                        <p:cTn id="79" dur="1000"/>
                                        <p:tgtEl>
                                          <p:spTgt spid="22"/>
                                        </p:tgtEl>
                                      </p:cBhvr>
                                    </p:animEffect>
                                  </p:childTnLst>
                                </p:cTn>
                              </p:par>
                              <p:par>
                                <p:cTn id="80" presetID="55" presetClass="entr" presetSubtype="0" fill="hold" nodeType="withEffect">
                                  <p:stCondLst>
                                    <p:cond delay="0"/>
                                  </p:stCondLst>
                                  <p:childTnLst>
                                    <p:set>
                                      <p:cBhvr>
                                        <p:cTn id="81" dur="1" fill="hold">
                                          <p:stCondLst>
                                            <p:cond delay="0"/>
                                          </p:stCondLst>
                                        </p:cTn>
                                        <p:tgtEl>
                                          <p:spTgt spid="23"/>
                                        </p:tgtEl>
                                        <p:attrNameLst>
                                          <p:attrName>style.visibility</p:attrName>
                                        </p:attrNameLst>
                                      </p:cBhvr>
                                      <p:to>
                                        <p:strVal val="visible"/>
                                      </p:to>
                                    </p:set>
                                    <p:anim calcmode="lin" valueType="num">
                                      <p:cBhvr>
                                        <p:cTn id="82" dur="1000" fill="hold"/>
                                        <p:tgtEl>
                                          <p:spTgt spid="23"/>
                                        </p:tgtEl>
                                        <p:attrNameLst>
                                          <p:attrName>ppt_w</p:attrName>
                                        </p:attrNameLst>
                                      </p:cBhvr>
                                      <p:tavLst>
                                        <p:tav tm="0">
                                          <p:val>
                                            <p:strVal val="#ppt_w*0.70"/>
                                          </p:val>
                                        </p:tav>
                                        <p:tav tm="100000">
                                          <p:val>
                                            <p:strVal val="#ppt_w"/>
                                          </p:val>
                                        </p:tav>
                                      </p:tavLst>
                                    </p:anim>
                                    <p:anim calcmode="lin" valueType="num">
                                      <p:cBhvr>
                                        <p:cTn id="83" dur="1000" fill="hold"/>
                                        <p:tgtEl>
                                          <p:spTgt spid="23"/>
                                        </p:tgtEl>
                                        <p:attrNameLst>
                                          <p:attrName>ppt_h</p:attrName>
                                        </p:attrNameLst>
                                      </p:cBhvr>
                                      <p:tavLst>
                                        <p:tav tm="0">
                                          <p:val>
                                            <p:strVal val="#ppt_h"/>
                                          </p:val>
                                        </p:tav>
                                        <p:tav tm="100000">
                                          <p:val>
                                            <p:strVal val="#ppt_h"/>
                                          </p:val>
                                        </p:tav>
                                      </p:tavLst>
                                    </p:anim>
                                    <p:animEffect transition="in" filter="fade">
                                      <p:cBhvr>
                                        <p:cTn id="84" dur="1000"/>
                                        <p:tgtEl>
                                          <p:spTgt spid="23"/>
                                        </p:tgtEl>
                                      </p:cBhvr>
                                    </p:animEffect>
                                  </p:childTnLst>
                                </p:cTn>
                              </p:par>
                              <p:par>
                                <p:cTn id="85" presetID="55" presetClass="entr" presetSubtype="0" fill="hold" nodeType="withEffect">
                                  <p:stCondLst>
                                    <p:cond delay="0"/>
                                  </p:stCondLst>
                                  <p:childTnLst>
                                    <p:set>
                                      <p:cBhvr>
                                        <p:cTn id="86" dur="1" fill="hold">
                                          <p:stCondLst>
                                            <p:cond delay="0"/>
                                          </p:stCondLst>
                                        </p:cTn>
                                        <p:tgtEl>
                                          <p:spTgt spid="27"/>
                                        </p:tgtEl>
                                        <p:attrNameLst>
                                          <p:attrName>style.visibility</p:attrName>
                                        </p:attrNameLst>
                                      </p:cBhvr>
                                      <p:to>
                                        <p:strVal val="visible"/>
                                      </p:to>
                                    </p:set>
                                    <p:anim calcmode="lin" valueType="num">
                                      <p:cBhvr>
                                        <p:cTn id="87" dur="1000" fill="hold"/>
                                        <p:tgtEl>
                                          <p:spTgt spid="27"/>
                                        </p:tgtEl>
                                        <p:attrNameLst>
                                          <p:attrName>ppt_w</p:attrName>
                                        </p:attrNameLst>
                                      </p:cBhvr>
                                      <p:tavLst>
                                        <p:tav tm="0">
                                          <p:val>
                                            <p:strVal val="#ppt_w*0.70"/>
                                          </p:val>
                                        </p:tav>
                                        <p:tav tm="100000">
                                          <p:val>
                                            <p:strVal val="#ppt_w"/>
                                          </p:val>
                                        </p:tav>
                                      </p:tavLst>
                                    </p:anim>
                                    <p:anim calcmode="lin" valueType="num">
                                      <p:cBhvr>
                                        <p:cTn id="88" dur="1000" fill="hold"/>
                                        <p:tgtEl>
                                          <p:spTgt spid="27"/>
                                        </p:tgtEl>
                                        <p:attrNameLst>
                                          <p:attrName>ppt_h</p:attrName>
                                        </p:attrNameLst>
                                      </p:cBhvr>
                                      <p:tavLst>
                                        <p:tav tm="0">
                                          <p:val>
                                            <p:strVal val="#ppt_h"/>
                                          </p:val>
                                        </p:tav>
                                        <p:tav tm="100000">
                                          <p:val>
                                            <p:strVal val="#ppt_h"/>
                                          </p:val>
                                        </p:tav>
                                      </p:tavLst>
                                    </p:anim>
                                    <p:animEffect transition="in" filter="fade">
                                      <p:cBhvr>
                                        <p:cTn id="89" dur="1000"/>
                                        <p:tgtEl>
                                          <p:spTgt spid="27"/>
                                        </p:tgtEl>
                                      </p:cBhvr>
                                    </p:animEffect>
                                  </p:childTnLst>
                                </p:cTn>
                              </p:par>
                              <p:par>
                                <p:cTn id="90" presetID="55" presetClass="entr" presetSubtype="0" fill="hold" nodeType="withEffect">
                                  <p:stCondLst>
                                    <p:cond delay="0"/>
                                  </p:stCondLst>
                                  <p:childTnLst>
                                    <p:set>
                                      <p:cBhvr>
                                        <p:cTn id="91" dur="1" fill="hold">
                                          <p:stCondLst>
                                            <p:cond delay="0"/>
                                          </p:stCondLst>
                                        </p:cTn>
                                        <p:tgtEl>
                                          <p:spTgt spid="30"/>
                                        </p:tgtEl>
                                        <p:attrNameLst>
                                          <p:attrName>style.visibility</p:attrName>
                                        </p:attrNameLst>
                                      </p:cBhvr>
                                      <p:to>
                                        <p:strVal val="visible"/>
                                      </p:to>
                                    </p:set>
                                    <p:anim calcmode="lin" valueType="num">
                                      <p:cBhvr>
                                        <p:cTn id="92" dur="1000" fill="hold"/>
                                        <p:tgtEl>
                                          <p:spTgt spid="30"/>
                                        </p:tgtEl>
                                        <p:attrNameLst>
                                          <p:attrName>ppt_w</p:attrName>
                                        </p:attrNameLst>
                                      </p:cBhvr>
                                      <p:tavLst>
                                        <p:tav tm="0">
                                          <p:val>
                                            <p:strVal val="#ppt_w*0.70"/>
                                          </p:val>
                                        </p:tav>
                                        <p:tav tm="100000">
                                          <p:val>
                                            <p:strVal val="#ppt_w"/>
                                          </p:val>
                                        </p:tav>
                                      </p:tavLst>
                                    </p:anim>
                                    <p:anim calcmode="lin" valueType="num">
                                      <p:cBhvr>
                                        <p:cTn id="93" dur="1000" fill="hold"/>
                                        <p:tgtEl>
                                          <p:spTgt spid="30"/>
                                        </p:tgtEl>
                                        <p:attrNameLst>
                                          <p:attrName>ppt_h</p:attrName>
                                        </p:attrNameLst>
                                      </p:cBhvr>
                                      <p:tavLst>
                                        <p:tav tm="0">
                                          <p:val>
                                            <p:strVal val="#ppt_h"/>
                                          </p:val>
                                        </p:tav>
                                        <p:tav tm="100000">
                                          <p:val>
                                            <p:strVal val="#ppt_h"/>
                                          </p:val>
                                        </p:tav>
                                      </p:tavLst>
                                    </p:anim>
                                    <p:animEffect transition="in" filter="fade">
                                      <p:cBhvr>
                                        <p:cTn id="94" dur="1000"/>
                                        <p:tgtEl>
                                          <p:spTgt spid="30"/>
                                        </p:tgtEl>
                                      </p:cBhvr>
                                    </p:animEffect>
                                  </p:childTnLst>
                                </p:cTn>
                              </p:par>
                              <p:par>
                                <p:cTn id="95" presetID="55" presetClass="entr" presetSubtype="0" fill="hold" nodeType="withEffect">
                                  <p:stCondLst>
                                    <p:cond delay="0"/>
                                  </p:stCondLst>
                                  <p:childTnLst>
                                    <p:set>
                                      <p:cBhvr>
                                        <p:cTn id="96" dur="1" fill="hold">
                                          <p:stCondLst>
                                            <p:cond delay="0"/>
                                          </p:stCondLst>
                                        </p:cTn>
                                        <p:tgtEl>
                                          <p:spTgt spid="65"/>
                                        </p:tgtEl>
                                        <p:attrNameLst>
                                          <p:attrName>style.visibility</p:attrName>
                                        </p:attrNameLst>
                                      </p:cBhvr>
                                      <p:to>
                                        <p:strVal val="visible"/>
                                      </p:to>
                                    </p:set>
                                    <p:anim calcmode="lin" valueType="num">
                                      <p:cBhvr>
                                        <p:cTn id="97" dur="1000" fill="hold"/>
                                        <p:tgtEl>
                                          <p:spTgt spid="65"/>
                                        </p:tgtEl>
                                        <p:attrNameLst>
                                          <p:attrName>ppt_w</p:attrName>
                                        </p:attrNameLst>
                                      </p:cBhvr>
                                      <p:tavLst>
                                        <p:tav tm="0">
                                          <p:val>
                                            <p:strVal val="#ppt_w*0.70"/>
                                          </p:val>
                                        </p:tav>
                                        <p:tav tm="100000">
                                          <p:val>
                                            <p:strVal val="#ppt_w"/>
                                          </p:val>
                                        </p:tav>
                                      </p:tavLst>
                                    </p:anim>
                                    <p:anim calcmode="lin" valueType="num">
                                      <p:cBhvr>
                                        <p:cTn id="98" dur="1000" fill="hold"/>
                                        <p:tgtEl>
                                          <p:spTgt spid="65"/>
                                        </p:tgtEl>
                                        <p:attrNameLst>
                                          <p:attrName>ppt_h</p:attrName>
                                        </p:attrNameLst>
                                      </p:cBhvr>
                                      <p:tavLst>
                                        <p:tav tm="0">
                                          <p:val>
                                            <p:strVal val="#ppt_h"/>
                                          </p:val>
                                        </p:tav>
                                        <p:tav tm="100000">
                                          <p:val>
                                            <p:strVal val="#ppt_h"/>
                                          </p:val>
                                        </p:tav>
                                      </p:tavLst>
                                    </p:anim>
                                    <p:animEffect transition="in" filter="fade">
                                      <p:cBhvr>
                                        <p:cTn id="99" dur="1000"/>
                                        <p:tgtEl>
                                          <p:spTgt spid="65"/>
                                        </p:tgtEl>
                                      </p:cBhvr>
                                    </p:animEffect>
                                  </p:childTnLst>
                                </p:cTn>
                              </p:par>
                              <p:par>
                                <p:cTn id="100" presetID="55" presetClass="entr" presetSubtype="0" fill="hold" nodeType="withEffect">
                                  <p:stCondLst>
                                    <p:cond delay="0"/>
                                  </p:stCondLst>
                                  <p:childTnLst>
                                    <p:set>
                                      <p:cBhvr>
                                        <p:cTn id="101" dur="1" fill="hold">
                                          <p:stCondLst>
                                            <p:cond delay="0"/>
                                          </p:stCondLst>
                                        </p:cTn>
                                        <p:tgtEl>
                                          <p:spTgt spid="68"/>
                                        </p:tgtEl>
                                        <p:attrNameLst>
                                          <p:attrName>style.visibility</p:attrName>
                                        </p:attrNameLst>
                                      </p:cBhvr>
                                      <p:to>
                                        <p:strVal val="visible"/>
                                      </p:to>
                                    </p:set>
                                    <p:anim calcmode="lin" valueType="num">
                                      <p:cBhvr>
                                        <p:cTn id="102" dur="1000" fill="hold"/>
                                        <p:tgtEl>
                                          <p:spTgt spid="68"/>
                                        </p:tgtEl>
                                        <p:attrNameLst>
                                          <p:attrName>ppt_w</p:attrName>
                                        </p:attrNameLst>
                                      </p:cBhvr>
                                      <p:tavLst>
                                        <p:tav tm="0">
                                          <p:val>
                                            <p:strVal val="#ppt_w*0.70"/>
                                          </p:val>
                                        </p:tav>
                                        <p:tav tm="100000">
                                          <p:val>
                                            <p:strVal val="#ppt_w"/>
                                          </p:val>
                                        </p:tav>
                                      </p:tavLst>
                                    </p:anim>
                                    <p:anim calcmode="lin" valueType="num">
                                      <p:cBhvr>
                                        <p:cTn id="103" dur="1000" fill="hold"/>
                                        <p:tgtEl>
                                          <p:spTgt spid="68"/>
                                        </p:tgtEl>
                                        <p:attrNameLst>
                                          <p:attrName>ppt_h</p:attrName>
                                        </p:attrNameLst>
                                      </p:cBhvr>
                                      <p:tavLst>
                                        <p:tav tm="0">
                                          <p:val>
                                            <p:strVal val="#ppt_h"/>
                                          </p:val>
                                        </p:tav>
                                        <p:tav tm="100000">
                                          <p:val>
                                            <p:strVal val="#ppt_h"/>
                                          </p:val>
                                        </p:tav>
                                      </p:tavLst>
                                    </p:anim>
                                    <p:animEffect transition="in" filter="fade">
                                      <p:cBhvr>
                                        <p:cTn id="104" dur="1000"/>
                                        <p:tgtEl>
                                          <p:spTgt spid="68"/>
                                        </p:tgtEl>
                                      </p:cBhvr>
                                    </p:animEffect>
                                  </p:childTnLst>
                                </p:cTn>
                              </p:par>
                              <p:par>
                                <p:cTn id="105" presetID="55" presetClass="entr" presetSubtype="0" fill="hold" nodeType="withEffect">
                                  <p:stCondLst>
                                    <p:cond delay="0"/>
                                  </p:stCondLst>
                                  <p:childTnLst>
                                    <p:set>
                                      <p:cBhvr>
                                        <p:cTn id="106" dur="1" fill="hold">
                                          <p:stCondLst>
                                            <p:cond delay="0"/>
                                          </p:stCondLst>
                                        </p:cTn>
                                        <p:tgtEl>
                                          <p:spTgt spid="71"/>
                                        </p:tgtEl>
                                        <p:attrNameLst>
                                          <p:attrName>style.visibility</p:attrName>
                                        </p:attrNameLst>
                                      </p:cBhvr>
                                      <p:to>
                                        <p:strVal val="visible"/>
                                      </p:to>
                                    </p:set>
                                    <p:anim calcmode="lin" valueType="num">
                                      <p:cBhvr>
                                        <p:cTn id="107" dur="1000" fill="hold"/>
                                        <p:tgtEl>
                                          <p:spTgt spid="71"/>
                                        </p:tgtEl>
                                        <p:attrNameLst>
                                          <p:attrName>ppt_w</p:attrName>
                                        </p:attrNameLst>
                                      </p:cBhvr>
                                      <p:tavLst>
                                        <p:tav tm="0">
                                          <p:val>
                                            <p:strVal val="#ppt_w*0.70"/>
                                          </p:val>
                                        </p:tav>
                                        <p:tav tm="100000">
                                          <p:val>
                                            <p:strVal val="#ppt_w"/>
                                          </p:val>
                                        </p:tav>
                                      </p:tavLst>
                                    </p:anim>
                                    <p:anim calcmode="lin" valueType="num">
                                      <p:cBhvr>
                                        <p:cTn id="108" dur="1000" fill="hold"/>
                                        <p:tgtEl>
                                          <p:spTgt spid="71"/>
                                        </p:tgtEl>
                                        <p:attrNameLst>
                                          <p:attrName>ppt_h</p:attrName>
                                        </p:attrNameLst>
                                      </p:cBhvr>
                                      <p:tavLst>
                                        <p:tav tm="0">
                                          <p:val>
                                            <p:strVal val="#ppt_h"/>
                                          </p:val>
                                        </p:tav>
                                        <p:tav tm="100000">
                                          <p:val>
                                            <p:strVal val="#ppt_h"/>
                                          </p:val>
                                        </p:tav>
                                      </p:tavLst>
                                    </p:anim>
                                    <p:animEffect transition="in" filter="fade">
                                      <p:cBhvr>
                                        <p:cTn id="109" dur="1000"/>
                                        <p:tgtEl>
                                          <p:spTgt spid="71"/>
                                        </p:tgtEl>
                                      </p:cBhvr>
                                    </p:animEffect>
                                  </p:childTnLst>
                                </p:cTn>
                              </p:par>
                              <p:par>
                                <p:cTn id="110" presetID="55" presetClass="entr" presetSubtype="0" fill="hold" nodeType="withEffect">
                                  <p:stCondLst>
                                    <p:cond delay="0"/>
                                  </p:stCondLst>
                                  <p:childTnLst>
                                    <p:set>
                                      <p:cBhvr>
                                        <p:cTn id="111" dur="1" fill="hold">
                                          <p:stCondLst>
                                            <p:cond delay="0"/>
                                          </p:stCondLst>
                                        </p:cTn>
                                        <p:tgtEl>
                                          <p:spTgt spid="72"/>
                                        </p:tgtEl>
                                        <p:attrNameLst>
                                          <p:attrName>style.visibility</p:attrName>
                                        </p:attrNameLst>
                                      </p:cBhvr>
                                      <p:to>
                                        <p:strVal val="visible"/>
                                      </p:to>
                                    </p:set>
                                    <p:anim calcmode="lin" valueType="num">
                                      <p:cBhvr>
                                        <p:cTn id="112" dur="1000" fill="hold"/>
                                        <p:tgtEl>
                                          <p:spTgt spid="72"/>
                                        </p:tgtEl>
                                        <p:attrNameLst>
                                          <p:attrName>ppt_w</p:attrName>
                                        </p:attrNameLst>
                                      </p:cBhvr>
                                      <p:tavLst>
                                        <p:tav tm="0">
                                          <p:val>
                                            <p:strVal val="#ppt_w*0.70"/>
                                          </p:val>
                                        </p:tav>
                                        <p:tav tm="100000">
                                          <p:val>
                                            <p:strVal val="#ppt_w"/>
                                          </p:val>
                                        </p:tav>
                                      </p:tavLst>
                                    </p:anim>
                                    <p:anim calcmode="lin" valueType="num">
                                      <p:cBhvr>
                                        <p:cTn id="113" dur="1000" fill="hold"/>
                                        <p:tgtEl>
                                          <p:spTgt spid="72"/>
                                        </p:tgtEl>
                                        <p:attrNameLst>
                                          <p:attrName>ppt_h</p:attrName>
                                        </p:attrNameLst>
                                      </p:cBhvr>
                                      <p:tavLst>
                                        <p:tav tm="0">
                                          <p:val>
                                            <p:strVal val="#ppt_h"/>
                                          </p:val>
                                        </p:tav>
                                        <p:tav tm="100000">
                                          <p:val>
                                            <p:strVal val="#ppt_h"/>
                                          </p:val>
                                        </p:tav>
                                      </p:tavLst>
                                    </p:anim>
                                    <p:animEffect transition="in" filter="fade">
                                      <p:cBhvr>
                                        <p:cTn id="114" dur="1000"/>
                                        <p:tgtEl>
                                          <p:spTgt spid="72"/>
                                        </p:tgtEl>
                                      </p:cBhvr>
                                    </p:animEffect>
                                  </p:childTnLst>
                                </p:cTn>
                              </p:par>
                              <p:par>
                                <p:cTn id="115" presetID="55" presetClass="entr" presetSubtype="0" fill="hold" nodeType="withEffect">
                                  <p:stCondLst>
                                    <p:cond delay="0"/>
                                  </p:stCondLst>
                                  <p:childTnLst>
                                    <p:set>
                                      <p:cBhvr>
                                        <p:cTn id="116" dur="1" fill="hold">
                                          <p:stCondLst>
                                            <p:cond delay="0"/>
                                          </p:stCondLst>
                                        </p:cTn>
                                        <p:tgtEl>
                                          <p:spTgt spid="87"/>
                                        </p:tgtEl>
                                        <p:attrNameLst>
                                          <p:attrName>style.visibility</p:attrName>
                                        </p:attrNameLst>
                                      </p:cBhvr>
                                      <p:to>
                                        <p:strVal val="visible"/>
                                      </p:to>
                                    </p:set>
                                    <p:anim calcmode="lin" valueType="num">
                                      <p:cBhvr>
                                        <p:cTn id="117" dur="1000" fill="hold"/>
                                        <p:tgtEl>
                                          <p:spTgt spid="87"/>
                                        </p:tgtEl>
                                        <p:attrNameLst>
                                          <p:attrName>ppt_w</p:attrName>
                                        </p:attrNameLst>
                                      </p:cBhvr>
                                      <p:tavLst>
                                        <p:tav tm="0">
                                          <p:val>
                                            <p:strVal val="#ppt_w*0.70"/>
                                          </p:val>
                                        </p:tav>
                                        <p:tav tm="100000">
                                          <p:val>
                                            <p:strVal val="#ppt_w"/>
                                          </p:val>
                                        </p:tav>
                                      </p:tavLst>
                                    </p:anim>
                                    <p:anim calcmode="lin" valueType="num">
                                      <p:cBhvr>
                                        <p:cTn id="118" dur="1000" fill="hold"/>
                                        <p:tgtEl>
                                          <p:spTgt spid="87"/>
                                        </p:tgtEl>
                                        <p:attrNameLst>
                                          <p:attrName>ppt_h</p:attrName>
                                        </p:attrNameLst>
                                      </p:cBhvr>
                                      <p:tavLst>
                                        <p:tav tm="0">
                                          <p:val>
                                            <p:strVal val="#ppt_h"/>
                                          </p:val>
                                        </p:tav>
                                        <p:tav tm="100000">
                                          <p:val>
                                            <p:strVal val="#ppt_h"/>
                                          </p:val>
                                        </p:tav>
                                      </p:tavLst>
                                    </p:anim>
                                    <p:animEffect transition="in" filter="fade">
                                      <p:cBhvr>
                                        <p:cTn id="119" dur="1000"/>
                                        <p:tgtEl>
                                          <p:spTgt spid="87"/>
                                        </p:tgtEl>
                                      </p:cBhvr>
                                    </p:animEffect>
                                  </p:childTnLst>
                                </p:cTn>
                              </p:par>
                              <p:par>
                                <p:cTn id="120" presetID="55" presetClass="entr" presetSubtype="0" fill="hold" nodeType="withEffect">
                                  <p:stCondLst>
                                    <p:cond delay="0"/>
                                  </p:stCondLst>
                                  <p:childTnLst>
                                    <p:set>
                                      <p:cBhvr>
                                        <p:cTn id="121" dur="1" fill="hold">
                                          <p:stCondLst>
                                            <p:cond delay="0"/>
                                          </p:stCondLst>
                                        </p:cTn>
                                        <p:tgtEl>
                                          <p:spTgt spid="88"/>
                                        </p:tgtEl>
                                        <p:attrNameLst>
                                          <p:attrName>style.visibility</p:attrName>
                                        </p:attrNameLst>
                                      </p:cBhvr>
                                      <p:to>
                                        <p:strVal val="visible"/>
                                      </p:to>
                                    </p:set>
                                    <p:anim calcmode="lin" valueType="num">
                                      <p:cBhvr>
                                        <p:cTn id="122" dur="1000" fill="hold"/>
                                        <p:tgtEl>
                                          <p:spTgt spid="88"/>
                                        </p:tgtEl>
                                        <p:attrNameLst>
                                          <p:attrName>ppt_w</p:attrName>
                                        </p:attrNameLst>
                                      </p:cBhvr>
                                      <p:tavLst>
                                        <p:tav tm="0">
                                          <p:val>
                                            <p:strVal val="#ppt_w*0.70"/>
                                          </p:val>
                                        </p:tav>
                                        <p:tav tm="100000">
                                          <p:val>
                                            <p:strVal val="#ppt_w"/>
                                          </p:val>
                                        </p:tav>
                                      </p:tavLst>
                                    </p:anim>
                                    <p:anim calcmode="lin" valueType="num">
                                      <p:cBhvr>
                                        <p:cTn id="123" dur="1000" fill="hold"/>
                                        <p:tgtEl>
                                          <p:spTgt spid="88"/>
                                        </p:tgtEl>
                                        <p:attrNameLst>
                                          <p:attrName>ppt_h</p:attrName>
                                        </p:attrNameLst>
                                      </p:cBhvr>
                                      <p:tavLst>
                                        <p:tav tm="0">
                                          <p:val>
                                            <p:strVal val="#ppt_h"/>
                                          </p:val>
                                        </p:tav>
                                        <p:tav tm="100000">
                                          <p:val>
                                            <p:strVal val="#ppt_h"/>
                                          </p:val>
                                        </p:tav>
                                      </p:tavLst>
                                    </p:anim>
                                    <p:animEffect transition="in" filter="fade">
                                      <p:cBhvr>
                                        <p:cTn id="124" dur="1000"/>
                                        <p:tgtEl>
                                          <p:spTgt spid="88"/>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7" grpId="0" animBg="1"/>
      <p:bldP spid="8" grpId="0" animBg="1"/>
      <p:bldP spid="9" grpId="0" animBg="1"/>
      <p:bldP spid="10" grpId="0" animBg="1"/>
      <p:bldP spid="12" grpId="0" animBg="1"/>
      <p:bldP spid="13" grpId="0" animBg="1"/>
      <p:bldP spid="14" grpId="0" animBg="1"/>
      <p:bldP spid="16" grpId="0" animBg="1"/>
      <p:bldP spid="17" grpId="0" animBg="1"/>
      <p:bldP spid="18" grpId="0"/>
      <p:bldP spid="19" grpId="0"/>
      <p:bldP spid="20" grpId="0"/>
      <p:bldP spid="21" grpId="0"/>
      <p:bldP spid="22" grpId="0"/>
    </p:bld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p:cNvSpPr/>
          <p:nvPr/>
        </p:nvSpPr>
        <p:spPr>
          <a:xfrm>
            <a:off x="1" y="10765044"/>
            <a:ext cx="19096074" cy="6649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Rectangle 1">
            <a:extLst>
              <a:ext uri="{FF2B5EF4-FFF2-40B4-BE49-F238E27FC236}">
                <a16:creationId xmlns:a16="http://schemas.microsoft.com/office/drawing/2014/main" id="{3C2D32BA-5DD9-4F37-E818-D5D9518B9205}"/>
              </a:ext>
            </a:extLst>
          </p:cNvPr>
          <p:cNvSpPr/>
          <p:nvPr/>
        </p:nvSpPr>
        <p:spPr>
          <a:xfrm>
            <a:off x="0" y="10765044"/>
            <a:ext cx="18523617" cy="6649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 name="Rectangle 4">
            <a:extLst>
              <a:ext uri="{FF2B5EF4-FFF2-40B4-BE49-F238E27FC236}">
                <a16:creationId xmlns:a16="http://schemas.microsoft.com/office/drawing/2014/main" id="{2A83949B-3DB0-882F-4CD5-72582A1E25F7}"/>
              </a:ext>
            </a:extLst>
          </p:cNvPr>
          <p:cNvSpPr/>
          <p:nvPr/>
        </p:nvSpPr>
        <p:spPr>
          <a:xfrm>
            <a:off x="-1" y="8725"/>
            <a:ext cx="19000381" cy="6649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 name="Rectangle 5">
            <a:extLst>
              <a:ext uri="{FF2B5EF4-FFF2-40B4-BE49-F238E27FC236}">
                <a16:creationId xmlns:a16="http://schemas.microsoft.com/office/drawing/2014/main" id="{72FEAB1F-E2D9-E342-2234-F85FE20EFC1B}"/>
              </a:ext>
            </a:extLst>
          </p:cNvPr>
          <p:cNvSpPr/>
          <p:nvPr/>
        </p:nvSpPr>
        <p:spPr>
          <a:xfrm rot="16200000">
            <a:off x="13149820" y="5382522"/>
            <a:ext cx="11412550" cy="6649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8" name="Title 6">
            <a:extLst>
              <a:ext uri="{FF2B5EF4-FFF2-40B4-BE49-F238E27FC236}">
                <a16:creationId xmlns:a16="http://schemas.microsoft.com/office/drawing/2014/main" id="{094B7A30-FD06-416E-0167-9B7917CC1F9C}"/>
              </a:ext>
            </a:extLst>
          </p:cNvPr>
          <p:cNvSpPr txBox="1">
            <a:spLocks/>
          </p:cNvSpPr>
          <p:nvPr/>
        </p:nvSpPr>
        <p:spPr>
          <a:xfrm>
            <a:off x="1176914" y="868635"/>
            <a:ext cx="17823466" cy="383060"/>
          </a:xfrm>
          <a:prstGeom prst="rect">
            <a:avLst/>
          </a:prstGeom>
        </p:spPr>
        <p:txBody>
          <a:bodyPr anchor="ctr" anchorCtr="0"/>
          <a:lstStyle>
            <a:lvl1pPr algn="ctr" defTabSz="914400" rtl="0" eaLnBrk="1" latinLnBrk="0" hangingPunct="1">
              <a:lnSpc>
                <a:spcPct val="90000"/>
              </a:lnSpc>
              <a:spcBef>
                <a:spcPct val="0"/>
              </a:spcBef>
              <a:buNone/>
              <a:defRPr sz="7200" b="1" kern="1200">
                <a:solidFill>
                  <a:schemeClr val="tx1"/>
                </a:solidFill>
                <a:latin typeface="+mn-lt"/>
                <a:ea typeface="+mj-ea"/>
                <a:cs typeface="+mj-cs"/>
              </a:defRPr>
            </a:lvl1pPr>
          </a:lstStyle>
          <a:p>
            <a:pPr algn="l" fontAlgn="auto">
              <a:spcAft>
                <a:spcPts val="0"/>
              </a:spcAft>
            </a:pPr>
            <a:r>
              <a:rPr lang="en-US" sz="4400" b="0" dirty="0">
                <a:solidFill>
                  <a:schemeClr val="accent5"/>
                </a:solidFill>
                <a:latin typeface="Arial" panose="020B0604020202020204" pitchFamily="34" charset="0"/>
                <a:cs typeface="Arial" panose="020B0604020202020204" pitchFamily="34" charset="0"/>
              </a:rPr>
              <a:t>Identifying red flags that insinuate potential fraud</a:t>
            </a:r>
          </a:p>
        </p:txBody>
      </p:sp>
      <p:sp>
        <p:nvSpPr>
          <p:cNvPr id="9" name="Oval 8">
            <a:extLst>
              <a:ext uri="{FF2B5EF4-FFF2-40B4-BE49-F238E27FC236}">
                <a16:creationId xmlns:a16="http://schemas.microsoft.com/office/drawing/2014/main" id="{AB9F989A-5A82-A61B-AC87-C2C8D6B3A45A}"/>
              </a:ext>
            </a:extLst>
          </p:cNvPr>
          <p:cNvSpPr/>
          <p:nvPr/>
        </p:nvSpPr>
        <p:spPr>
          <a:xfrm>
            <a:off x="674121" y="840259"/>
            <a:ext cx="383060" cy="38306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grpSp>
        <p:nvGrpSpPr>
          <p:cNvPr id="10" name="Google Shape;9573;p86">
            <a:extLst>
              <a:ext uri="{FF2B5EF4-FFF2-40B4-BE49-F238E27FC236}">
                <a16:creationId xmlns:a16="http://schemas.microsoft.com/office/drawing/2014/main" id="{2B3A9721-8424-E7B6-62FA-EC92BD47CCB6}"/>
              </a:ext>
            </a:extLst>
          </p:cNvPr>
          <p:cNvGrpSpPr/>
          <p:nvPr/>
        </p:nvGrpSpPr>
        <p:grpSpPr>
          <a:xfrm>
            <a:off x="3258796" y="2747319"/>
            <a:ext cx="13063207" cy="6891142"/>
            <a:chOff x="724986" y="3605478"/>
            <a:chExt cx="1368680" cy="682919"/>
          </a:xfrm>
        </p:grpSpPr>
        <p:sp>
          <p:nvSpPr>
            <p:cNvPr id="12" name="Google Shape;9597;p86">
              <a:extLst>
                <a:ext uri="{FF2B5EF4-FFF2-40B4-BE49-F238E27FC236}">
                  <a16:creationId xmlns:a16="http://schemas.microsoft.com/office/drawing/2014/main" id="{9CE8DE6E-AC27-810F-495B-A833809D37A6}"/>
                </a:ext>
              </a:extLst>
            </p:cNvPr>
            <p:cNvSpPr/>
            <p:nvPr/>
          </p:nvSpPr>
          <p:spPr>
            <a:xfrm>
              <a:off x="1258451" y="3798060"/>
              <a:ext cx="302718" cy="302541"/>
            </a:xfrm>
            <a:custGeom>
              <a:avLst/>
              <a:gdLst/>
              <a:ahLst/>
              <a:cxnLst/>
              <a:rect l="l" t="t" r="r" b="b"/>
              <a:pathLst>
                <a:path w="63165" h="63161" fill="none" extrusionOk="0">
                  <a:moveTo>
                    <a:pt x="63165" y="31580"/>
                  </a:moveTo>
                  <a:cubicBezTo>
                    <a:pt x="63165" y="49021"/>
                    <a:pt x="49025" y="63161"/>
                    <a:pt x="31585" y="63161"/>
                  </a:cubicBezTo>
                  <a:cubicBezTo>
                    <a:pt x="14140" y="63161"/>
                    <a:pt x="1" y="49021"/>
                    <a:pt x="1" y="31580"/>
                  </a:cubicBezTo>
                  <a:cubicBezTo>
                    <a:pt x="1" y="14140"/>
                    <a:pt x="14140" y="0"/>
                    <a:pt x="31585" y="0"/>
                  </a:cubicBezTo>
                  <a:cubicBezTo>
                    <a:pt x="49025" y="0"/>
                    <a:pt x="63165" y="14140"/>
                    <a:pt x="63165" y="31580"/>
                  </a:cubicBezTo>
                  <a:close/>
                </a:path>
              </a:pathLst>
            </a:custGeom>
            <a:solidFill>
              <a:srgbClr val="C00000"/>
            </a:solidFill>
            <a:ln w="9525" cap="flat" cmpd="sng">
              <a:solidFill>
                <a:srgbClr val="F76C6C"/>
              </a:solidFill>
              <a:prstDash val="solid"/>
              <a:miter lim="3647"/>
              <a:headEnd type="none" w="sm" len="sm"/>
              <a:tailEnd type="none" w="sm" len="sm"/>
            </a:ln>
          </p:spPr>
          <p:txBody>
            <a:bodyPr spcFirstLastPara="1" wrap="square" lIns="203167" tIns="203167" rIns="203167" bIns="203167" anchor="ctr" anchorCtr="0">
              <a:noAutofit/>
            </a:bodyPr>
            <a:lstStyle/>
            <a:p>
              <a:pPr>
                <a:spcBef>
                  <a:spcPts val="0"/>
                </a:spcBef>
                <a:spcAft>
                  <a:spcPts val="0"/>
                </a:spcAft>
              </a:pPr>
              <a:endParaRPr sz="6000"/>
            </a:p>
          </p:txBody>
        </p:sp>
        <p:grpSp>
          <p:nvGrpSpPr>
            <p:cNvPr id="13" name="Google Shape;9574;p86">
              <a:extLst>
                <a:ext uri="{FF2B5EF4-FFF2-40B4-BE49-F238E27FC236}">
                  <a16:creationId xmlns:a16="http://schemas.microsoft.com/office/drawing/2014/main" id="{8CDE933C-89B5-40A4-E1CF-B132D17A46D7}"/>
                </a:ext>
              </a:extLst>
            </p:cNvPr>
            <p:cNvGrpSpPr/>
            <p:nvPr/>
          </p:nvGrpSpPr>
          <p:grpSpPr>
            <a:xfrm>
              <a:off x="1498221" y="4047614"/>
              <a:ext cx="529172" cy="240783"/>
              <a:chOff x="1498221" y="4047614"/>
              <a:chExt cx="529172" cy="240783"/>
            </a:xfrm>
          </p:grpSpPr>
          <p:grpSp>
            <p:nvGrpSpPr>
              <p:cNvPr id="162" name="Google Shape;9575;p86">
                <a:extLst>
                  <a:ext uri="{FF2B5EF4-FFF2-40B4-BE49-F238E27FC236}">
                    <a16:creationId xmlns:a16="http://schemas.microsoft.com/office/drawing/2014/main" id="{BF07F641-F7E3-793C-F755-377FAFD63C46}"/>
                  </a:ext>
                </a:extLst>
              </p:cNvPr>
              <p:cNvGrpSpPr/>
              <p:nvPr/>
            </p:nvGrpSpPr>
            <p:grpSpPr>
              <a:xfrm>
                <a:off x="1826655" y="4224370"/>
                <a:ext cx="200738" cy="25631"/>
                <a:chOff x="1826655" y="4224370"/>
                <a:chExt cx="200738" cy="25631"/>
              </a:xfrm>
            </p:grpSpPr>
            <p:sp>
              <p:nvSpPr>
                <p:cNvPr id="168" name="Google Shape;9576;p86">
                  <a:extLst>
                    <a:ext uri="{FF2B5EF4-FFF2-40B4-BE49-F238E27FC236}">
                      <a16:creationId xmlns:a16="http://schemas.microsoft.com/office/drawing/2014/main" id="{B6448019-D901-3444-3252-89263F077C6A}"/>
                    </a:ext>
                  </a:extLst>
                </p:cNvPr>
                <p:cNvSpPr/>
                <p:nvPr/>
              </p:nvSpPr>
              <p:spPr>
                <a:xfrm>
                  <a:off x="1826655" y="4238011"/>
                  <a:ext cx="175094" cy="5"/>
                </a:xfrm>
                <a:custGeom>
                  <a:avLst/>
                  <a:gdLst/>
                  <a:ahLst/>
                  <a:cxnLst/>
                  <a:rect l="l" t="t" r="r" b="b"/>
                  <a:pathLst>
                    <a:path w="36535" h="1" fill="none" extrusionOk="0">
                      <a:moveTo>
                        <a:pt x="1" y="0"/>
                      </a:moveTo>
                      <a:lnTo>
                        <a:pt x="36535" y="0"/>
                      </a:lnTo>
                    </a:path>
                  </a:pathLst>
                </a:custGeom>
                <a:noFill/>
                <a:ln w="9525" cap="rnd" cmpd="sng">
                  <a:solidFill>
                    <a:srgbClr val="F76C6C"/>
                  </a:solidFill>
                  <a:prstDash val="solid"/>
                  <a:round/>
                  <a:headEnd type="none" w="sm" len="sm"/>
                  <a:tailEnd type="none" w="sm" len="sm"/>
                </a:ln>
              </p:spPr>
              <p:txBody>
                <a:bodyPr spcFirstLastPara="1" wrap="square" lIns="203167" tIns="203167" rIns="203167" bIns="203167" anchor="ctr" anchorCtr="0">
                  <a:noAutofit/>
                </a:bodyPr>
                <a:lstStyle/>
                <a:p>
                  <a:pPr>
                    <a:spcBef>
                      <a:spcPts val="0"/>
                    </a:spcBef>
                    <a:spcAft>
                      <a:spcPts val="0"/>
                    </a:spcAft>
                  </a:pPr>
                  <a:endParaRPr sz="6000"/>
                </a:p>
              </p:txBody>
            </p:sp>
            <p:sp>
              <p:nvSpPr>
                <p:cNvPr id="169" name="Google Shape;9577;p86">
                  <a:extLst>
                    <a:ext uri="{FF2B5EF4-FFF2-40B4-BE49-F238E27FC236}">
                      <a16:creationId xmlns:a16="http://schemas.microsoft.com/office/drawing/2014/main" id="{88455BD1-3399-E993-E486-5CDED0277FA5}"/>
                    </a:ext>
                  </a:extLst>
                </p:cNvPr>
                <p:cNvSpPr/>
                <p:nvPr/>
              </p:nvSpPr>
              <p:spPr>
                <a:xfrm>
                  <a:off x="2000728" y="4224370"/>
                  <a:ext cx="26665" cy="25631"/>
                </a:xfrm>
                <a:custGeom>
                  <a:avLst/>
                  <a:gdLst/>
                  <a:ahLst/>
                  <a:cxnLst/>
                  <a:rect l="l" t="t" r="r" b="b"/>
                  <a:pathLst>
                    <a:path w="5564" h="5351" extrusionOk="0">
                      <a:moveTo>
                        <a:pt x="2887" y="0"/>
                      </a:moveTo>
                      <a:cubicBezTo>
                        <a:pt x="2190" y="0"/>
                        <a:pt x="1506" y="271"/>
                        <a:pt x="996" y="783"/>
                      </a:cubicBezTo>
                      <a:cubicBezTo>
                        <a:pt x="230" y="1550"/>
                        <a:pt x="0" y="2699"/>
                        <a:pt x="416" y="3698"/>
                      </a:cubicBezTo>
                      <a:cubicBezTo>
                        <a:pt x="828" y="4698"/>
                        <a:pt x="1806" y="5351"/>
                        <a:pt x="2886" y="5351"/>
                      </a:cubicBezTo>
                      <a:cubicBezTo>
                        <a:pt x="4363" y="5351"/>
                        <a:pt x="5560" y="4150"/>
                        <a:pt x="5563" y="2677"/>
                      </a:cubicBezTo>
                      <a:cubicBezTo>
                        <a:pt x="5560" y="1593"/>
                        <a:pt x="4911" y="619"/>
                        <a:pt x="3911" y="203"/>
                      </a:cubicBezTo>
                      <a:cubicBezTo>
                        <a:pt x="3580" y="67"/>
                        <a:pt x="3232" y="0"/>
                        <a:pt x="2887" y="0"/>
                      </a:cubicBezTo>
                      <a:close/>
                    </a:path>
                  </a:pathLst>
                </a:custGeom>
                <a:solidFill>
                  <a:srgbClr val="F76C6C"/>
                </a:solidFill>
                <a:ln>
                  <a:solidFill>
                    <a:srgbClr val="F76C6C"/>
                  </a:solidFill>
                </a:ln>
              </p:spPr>
              <p:txBody>
                <a:bodyPr spcFirstLastPara="1" wrap="square" lIns="203167" tIns="203167" rIns="203167" bIns="203167" anchor="ctr" anchorCtr="0">
                  <a:noAutofit/>
                </a:bodyPr>
                <a:lstStyle/>
                <a:p>
                  <a:pPr>
                    <a:spcBef>
                      <a:spcPts val="0"/>
                    </a:spcBef>
                    <a:spcAft>
                      <a:spcPts val="0"/>
                    </a:spcAft>
                  </a:pPr>
                  <a:endParaRPr sz="6000"/>
                </a:p>
              </p:txBody>
            </p:sp>
          </p:grpSp>
          <p:grpSp>
            <p:nvGrpSpPr>
              <p:cNvPr id="163" name="Google Shape;9578;p86">
                <a:extLst>
                  <a:ext uri="{FF2B5EF4-FFF2-40B4-BE49-F238E27FC236}">
                    <a16:creationId xmlns:a16="http://schemas.microsoft.com/office/drawing/2014/main" id="{C50696F7-EB4A-89CB-27B6-90B3E9943AA4}"/>
                  </a:ext>
                </a:extLst>
              </p:cNvPr>
              <p:cNvGrpSpPr/>
              <p:nvPr/>
            </p:nvGrpSpPr>
            <p:grpSpPr>
              <a:xfrm>
                <a:off x="1498221" y="4047614"/>
                <a:ext cx="451970" cy="240783"/>
                <a:chOff x="1498221" y="4047614"/>
                <a:chExt cx="451970" cy="240783"/>
              </a:xfrm>
            </p:grpSpPr>
            <p:sp>
              <p:nvSpPr>
                <p:cNvPr id="164" name="Google Shape;9579;p86">
                  <a:extLst>
                    <a:ext uri="{FF2B5EF4-FFF2-40B4-BE49-F238E27FC236}">
                      <a16:creationId xmlns:a16="http://schemas.microsoft.com/office/drawing/2014/main" id="{B1B2EF4A-05BC-F659-5B00-578D737C8BFD}"/>
                    </a:ext>
                  </a:extLst>
                </p:cNvPr>
                <p:cNvSpPr/>
                <p:nvPr/>
              </p:nvSpPr>
              <p:spPr>
                <a:xfrm>
                  <a:off x="1648778" y="4185661"/>
                  <a:ext cx="301413" cy="102736"/>
                </a:xfrm>
                <a:custGeom>
                  <a:avLst/>
                  <a:gdLst/>
                  <a:ahLst/>
                  <a:cxnLst/>
                  <a:rect l="l" t="t" r="r" b="b"/>
                  <a:pathLst>
                    <a:path w="37118" h="21448" extrusionOk="0">
                      <a:moveTo>
                        <a:pt x="4950" y="1"/>
                      </a:moveTo>
                      <a:cubicBezTo>
                        <a:pt x="2218" y="1"/>
                        <a:pt x="0" y="2679"/>
                        <a:pt x="0" y="5984"/>
                      </a:cubicBezTo>
                      <a:lnTo>
                        <a:pt x="0" y="15461"/>
                      </a:lnTo>
                      <a:cubicBezTo>
                        <a:pt x="0" y="18766"/>
                        <a:pt x="2218" y="21447"/>
                        <a:pt x="4950" y="21447"/>
                      </a:cubicBezTo>
                      <a:lnTo>
                        <a:pt x="32168" y="21447"/>
                      </a:lnTo>
                      <a:cubicBezTo>
                        <a:pt x="34904" y="21447"/>
                        <a:pt x="37118" y="18766"/>
                        <a:pt x="37118" y="15461"/>
                      </a:cubicBezTo>
                      <a:lnTo>
                        <a:pt x="37118" y="5984"/>
                      </a:lnTo>
                      <a:cubicBezTo>
                        <a:pt x="37118" y="2679"/>
                        <a:pt x="34904" y="1"/>
                        <a:pt x="32168" y="1"/>
                      </a:cubicBezTo>
                      <a:close/>
                    </a:path>
                  </a:pathLst>
                </a:custGeom>
                <a:solidFill>
                  <a:srgbClr val="114B5F"/>
                </a:solidFill>
                <a:ln w="9525" cap="flat" cmpd="sng">
                  <a:solidFill>
                    <a:srgbClr val="F76C6C"/>
                  </a:solidFill>
                  <a:prstDash val="solid"/>
                  <a:miter lim="3647"/>
                  <a:headEnd type="none" w="sm" len="sm"/>
                  <a:tailEnd type="none" w="sm" len="sm"/>
                </a:ln>
              </p:spPr>
              <p:txBody>
                <a:bodyPr spcFirstLastPara="1" wrap="square" lIns="203167" tIns="203167" rIns="203167" bIns="203167" anchor="ctr" anchorCtr="0">
                  <a:noAutofit/>
                </a:bodyPr>
                <a:lstStyle/>
                <a:p>
                  <a:pPr>
                    <a:spcBef>
                      <a:spcPts val="0"/>
                    </a:spcBef>
                    <a:spcAft>
                      <a:spcPts val="0"/>
                    </a:spcAft>
                  </a:pPr>
                  <a:endParaRPr sz="6000"/>
                </a:p>
              </p:txBody>
            </p:sp>
            <p:grpSp>
              <p:nvGrpSpPr>
                <p:cNvPr id="165" name="Google Shape;9580;p86">
                  <a:extLst>
                    <a:ext uri="{FF2B5EF4-FFF2-40B4-BE49-F238E27FC236}">
                      <a16:creationId xmlns:a16="http://schemas.microsoft.com/office/drawing/2014/main" id="{A8251384-DB6B-1EC7-27CE-FA47CA7AFFCD}"/>
                    </a:ext>
                  </a:extLst>
                </p:cNvPr>
                <p:cNvGrpSpPr/>
                <p:nvPr/>
              </p:nvGrpSpPr>
              <p:grpSpPr>
                <a:xfrm>
                  <a:off x="1498221" y="4047614"/>
                  <a:ext cx="150566" cy="190416"/>
                  <a:chOff x="1498221" y="4047614"/>
                  <a:chExt cx="150566" cy="190416"/>
                </a:xfrm>
              </p:grpSpPr>
              <p:sp>
                <p:nvSpPr>
                  <p:cNvPr id="166" name="Google Shape;9581;p86">
                    <a:extLst>
                      <a:ext uri="{FF2B5EF4-FFF2-40B4-BE49-F238E27FC236}">
                        <a16:creationId xmlns:a16="http://schemas.microsoft.com/office/drawing/2014/main" id="{5AB53C7A-2902-DABB-B6DE-B3530F4B1C90}"/>
                      </a:ext>
                    </a:extLst>
                  </p:cNvPr>
                  <p:cNvSpPr/>
                  <p:nvPr/>
                </p:nvSpPr>
                <p:spPr>
                  <a:xfrm>
                    <a:off x="1510686" y="4060421"/>
                    <a:ext cx="138101" cy="177608"/>
                  </a:xfrm>
                  <a:custGeom>
                    <a:avLst/>
                    <a:gdLst/>
                    <a:ahLst/>
                    <a:cxnLst/>
                    <a:rect l="l" t="t" r="r" b="b"/>
                    <a:pathLst>
                      <a:path w="28816" h="37079" fill="none" extrusionOk="0">
                        <a:moveTo>
                          <a:pt x="28815" y="37078"/>
                        </a:moveTo>
                        <a:lnTo>
                          <a:pt x="17922" y="37078"/>
                        </a:lnTo>
                        <a:cubicBezTo>
                          <a:pt x="14829" y="37078"/>
                          <a:pt x="14212" y="33613"/>
                          <a:pt x="14212" y="33613"/>
                        </a:cubicBezTo>
                        <a:lnTo>
                          <a:pt x="14212" y="10631"/>
                        </a:lnTo>
                        <a:lnTo>
                          <a:pt x="0" y="10631"/>
                        </a:lnTo>
                        <a:lnTo>
                          <a:pt x="0" y="1"/>
                        </a:lnTo>
                      </a:path>
                    </a:pathLst>
                  </a:custGeom>
                  <a:noFill/>
                  <a:ln w="9525" cap="rnd" cmpd="sng">
                    <a:solidFill>
                      <a:srgbClr val="F76C6C"/>
                    </a:solidFill>
                    <a:prstDash val="solid"/>
                    <a:round/>
                    <a:headEnd type="none" w="sm" len="sm"/>
                    <a:tailEnd type="none" w="sm" len="sm"/>
                  </a:ln>
                </p:spPr>
                <p:txBody>
                  <a:bodyPr spcFirstLastPara="1" wrap="square" lIns="203167" tIns="203167" rIns="203167" bIns="203167" anchor="ctr" anchorCtr="0">
                    <a:noAutofit/>
                  </a:bodyPr>
                  <a:lstStyle/>
                  <a:p>
                    <a:pPr>
                      <a:spcBef>
                        <a:spcPts val="0"/>
                      </a:spcBef>
                      <a:spcAft>
                        <a:spcPts val="0"/>
                      </a:spcAft>
                    </a:pPr>
                    <a:endParaRPr sz="6000"/>
                  </a:p>
                </p:txBody>
              </p:sp>
              <p:sp>
                <p:nvSpPr>
                  <p:cNvPr id="167" name="Google Shape;9582;p86">
                    <a:extLst>
                      <a:ext uri="{FF2B5EF4-FFF2-40B4-BE49-F238E27FC236}">
                        <a16:creationId xmlns:a16="http://schemas.microsoft.com/office/drawing/2014/main" id="{83FD04FB-B20B-C722-FE1C-912BAEB57C1B}"/>
                      </a:ext>
                    </a:extLst>
                  </p:cNvPr>
                  <p:cNvSpPr/>
                  <p:nvPr/>
                </p:nvSpPr>
                <p:spPr>
                  <a:xfrm>
                    <a:off x="1498221" y="4047614"/>
                    <a:ext cx="26646" cy="25622"/>
                  </a:xfrm>
                  <a:custGeom>
                    <a:avLst/>
                    <a:gdLst/>
                    <a:ahLst/>
                    <a:cxnLst/>
                    <a:rect l="l" t="t" r="r" b="b"/>
                    <a:pathLst>
                      <a:path w="5560" h="5349" extrusionOk="0">
                        <a:moveTo>
                          <a:pt x="2886" y="1"/>
                        </a:moveTo>
                        <a:cubicBezTo>
                          <a:pt x="1806" y="1"/>
                          <a:pt x="828" y="654"/>
                          <a:pt x="416" y="1653"/>
                        </a:cubicBezTo>
                        <a:cubicBezTo>
                          <a:pt x="0" y="2649"/>
                          <a:pt x="230" y="3802"/>
                          <a:pt x="996" y="4564"/>
                        </a:cubicBezTo>
                        <a:cubicBezTo>
                          <a:pt x="1506" y="5077"/>
                          <a:pt x="2190" y="5349"/>
                          <a:pt x="2886" y="5349"/>
                        </a:cubicBezTo>
                        <a:cubicBezTo>
                          <a:pt x="3232" y="5349"/>
                          <a:pt x="3580" y="5282"/>
                          <a:pt x="3911" y="5144"/>
                        </a:cubicBezTo>
                        <a:cubicBezTo>
                          <a:pt x="4910" y="4732"/>
                          <a:pt x="5560" y="3758"/>
                          <a:pt x="5560" y="2675"/>
                        </a:cubicBezTo>
                        <a:cubicBezTo>
                          <a:pt x="5560" y="1197"/>
                          <a:pt x="4363" y="1"/>
                          <a:pt x="2886" y="1"/>
                        </a:cubicBezTo>
                        <a:close/>
                      </a:path>
                    </a:pathLst>
                  </a:custGeom>
                  <a:solidFill>
                    <a:srgbClr val="114B5F"/>
                  </a:solidFill>
                  <a:ln>
                    <a:solidFill>
                      <a:srgbClr val="F76C6C"/>
                    </a:solidFill>
                  </a:ln>
                </p:spPr>
                <p:txBody>
                  <a:bodyPr spcFirstLastPara="1" wrap="square" lIns="203167" tIns="203167" rIns="203167" bIns="203167" anchor="ctr" anchorCtr="0">
                    <a:noAutofit/>
                  </a:bodyPr>
                  <a:lstStyle/>
                  <a:p>
                    <a:pPr>
                      <a:spcBef>
                        <a:spcPts val="0"/>
                      </a:spcBef>
                      <a:spcAft>
                        <a:spcPts val="0"/>
                      </a:spcAft>
                    </a:pPr>
                    <a:endParaRPr sz="6000"/>
                  </a:p>
                </p:txBody>
              </p:sp>
            </p:grpSp>
          </p:grpSp>
        </p:grpSp>
        <p:grpSp>
          <p:nvGrpSpPr>
            <p:cNvPr id="14" name="Google Shape;9583;p86">
              <a:extLst>
                <a:ext uri="{FF2B5EF4-FFF2-40B4-BE49-F238E27FC236}">
                  <a16:creationId xmlns:a16="http://schemas.microsoft.com/office/drawing/2014/main" id="{A080E1B0-5EAE-63AB-72B8-ED7989CD58D0}"/>
                </a:ext>
              </a:extLst>
            </p:cNvPr>
            <p:cNvGrpSpPr/>
            <p:nvPr/>
          </p:nvGrpSpPr>
          <p:grpSpPr>
            <a:xfrm>
              <a:off x="1560718" y="3800594"/>
              <a:ext cx="532948" cy="302090"/>
              <a:chOff x="1560718" y="3800594"/>
              <a:chExt cx="532948" cy="302090"/>
            </a:xfrm>
          </p:grpSpPr>
          <p:grpSp>
            <p:nvGrpSpPr>
              <p:cNvPr id="122" name="Google Shape;9584;p86">
                <a:extLst>
                  <a:ext uri="{FF2B5EF4-FFF2-40B4-BE49-F238E27FC236}">
                    <a16:creationId xmlns:a16="http://schemas.microsoft.com/office/drawing/2014/main" id="{492A00B6-C267-412F-BD1F-4805D3654E06}"/>
                  </a:ext>
                </a:extLst>
              </p:cNvPr>
              <p:cNvGrpSpPr/>
              <p:nvPr/>
            </p:nvGrpSpPr>
            <p:grpSpPr>
              <a:xfrm>
                <a:off x="1912179" y="3827344"/>
                <a:ext cx="181487" cy="25631"/>
                <a:chOff x="1912179" y="3827344"/>
                <a:chExt cx="181487" cy="25631"/>
              </a:xfrm>
            </p:grpSpPr>
            <p:sp>
              <p:nvSpPr>
                <p:cNvPr id="160" name="Google Shape;9585;p86">
                  <a:extLst>
                    <a:ext uri="{FF2B5EF4-FFF2-40B4-BE49-F238E27FC236}">
                      <a16:creationId xmlns:a16="http://schemas.microsoft.com/office/drawing/2014/main" id="{D7B7F34E-F1AB-22BF-54B1-0158E02058A6}"/>
                    </a:ext>
                  </a:extLst>
                </p:cNvPr>
                <p:cNvSpPr/>
                <p:nvPr/>
              </p:nvSpPr>
              <p:spPr>
                <a:xfrm>
                  <a:off x="2067020" y="3827344"/>
                  <a:ext cx="26646" cy="25631"/>
                </a:xfrm>
                <a:custGeom>
                  <a:avLst/>
                  <a:gdLst/>
                  <a:ahLst/>
                  <a:cxnLst/>
                  <a:rect l="l" t="t" r="r" b="b"/>
                  <a:pathLst>
                    <a:path w="5560" h="5351" extrusionOk="0">
                      <a:moveTo>
                        <a:pt x="2886" y="0"/>
                      </a:moveTo>
                      <a:cubicBezTo>
                        <a:pt x="1806" y="0"/>
                        <a:pt x="828" y="653"/>
                        <a:pt x="416" y="1653"/>
                      </a:cubicBezTo>
                      <a:cubicBezTo>
                        <a:pt x="0" y="2652"/>
                        <a:pt x="230" y="3801"/>
                        <a:pt x="993" y="4567"/>
                      </a:cubicBezTo>
                      <a:cubicBezTo>
                        <a:pt x="1505" y="5080"/>
                        <a:pt x="2190" y="5351"/>
                        <a:pt x="2887" y="5351"/>
                      </a:cubicBezTo>
                      <a:cubicBezTo>
                        <a:pt x="3232" y="5351"/>
                        <a:pt x="3580" y="5284"/>
                        <a:pt x="3911" y="5148"/>
                      </a:cubicBezTo>
                      <a:cubicBezTo>
                        <a:pt x="4910" y="4732"/>
                        <a:pt x="5560" y="3758"/>
                        <a:pt x="5560" y="2678"/>
                      </a:cubicBezTo>
                      <a:cubicBezTo>
                        <a:pt x="5560" y="1200"/>
                        <a:pt x="4363" y="0"/>
                        <a:pt x="2886" y="0"/>
                      </a:cubicBezTo>
                      <a:close/>
                    </a:path>
                  </a:pathLst>
                </a:custGeom>
                <a:solidFill>
                  <a:srgbClr val="F76C6C"/>
                </a:solidFill>
                <a:ln>
                  <a:solidFill>
                    <a:srgbClr val="F76C6C"/>
                  </a:solidFill>
                </a:ln>
              </p:spPr>
              <p:txBody>
                <a:bodyPr spcFirstLastPara="1" wrap="square" lIns="203167" tIns="203167" rIns="203167" bIns="203167" anchor="ctr" anchorCtr="0">
                  <a:noAutofit/>
                </a:bodyPr>
                <a:lstStyle/>
                <a:p>
                  <a:pPr>
                    <a:spcBef>
                      <a:spcPts val="0"/>
                    </a:spcBef>
                    <a:spcAft>
                      <a:spcPts val="0"/>
                    </a:spcAft>
                  </a:pPr>
                  <a:endParaRPr sz="6000"/>
                </a:p>
              </p:txBody>
            </p:sp>
            <p:sp>
              <p:nvSpPr>
                <p:cNvPr id="161" name="Google Shape;9586;p86">
                  <a:extLst>
                    <a:ext uri="{FF2B5EF4-FFF2-40B4-BE49-F238E27FC236}">
                      <a16:creationId xmlns:a16="http://schemas.microsoft.com/office/drawing/2014/main" id="{86EDB11B-5168-DC86-3220-1FA08B1C696A}"/>
                    </a:ext>
                  </a:extLst>
                </p:cNvPr>
                <p:cNvSpPr/>
                <p:nvPr/>
              </p:nvSpPr>
              <p:spPr>
                <a:xfrm>
                  <a:off x="1912179" y="3842838"/>
                  <a:ext cx="156825" cy="5"/>
                </a:xfrm>
                <a:custGeom>
                  <a:avLst/>
                  <a:gdLst/>
                  <a:ahLst/>
                  <a:cxnLst/>
                  <a:rect l="l" t="t" r="r" b="b"/>
                  <a:pathLst>
                    <a:path w="32723" h="1" fill="none" extrusionOk="0">
                      <a:moveTo>
                        <a:pt x="1" y="1"/>
                      </a:moveTo>
                      <a:lnTo>
                        <a:pt x="32723" y="1"/>
                      </a:lnTo>
                    </a:path>
                  </a:pathLst>
                </a:custGeom>
                <a:noFill/>
                <a:ln w="9525" cap="rnd" cmpd="sng">
                  <a:solidFill>
                    <a:srgbClr val="F76C6C"/>
                  </a:solidFill>
                  <a:prstDash val="solid"/>
                  <a:round/>
                  <a:headEnd type="none" w="sm" len="sm"/>
                  <a:tailEnd type="none" w="sm" len="sm"/>
                </a:ln>
              </p:spPr>
              <p:txBody>
                <a:bodyPr spcFirstLastPara="1" wrap="square" lIns="203167" tIns="203167" rIns="203167" bIns="203167" anchor="ctr" anchorCtr="0">
                  <a:noAutofit/>
                </a:bodyPr>
                <a:lstStyle/>
                <a:p>
                  <a:pPr>
                    <a:spcBef>
                      <a:spcPts val="0"/>
                    </a:spcBef>
                    <a:spcAft>
                      <a:spcPts val="0"/>
                    </a:spcAft>
                  </a:pPr>
                  <a:endParaRPr sz="6000"/>
                </a:p>
              </p:txBody>
            </p:sp>
          </p:grpSp>
          <p:grpSp>
            <p:nvGrpSpPr>
              <p:cNvPr id="123" name="Google Shape;9587;p86">
                <a:extLst>
                  <a:ext uri="{FF2B5EF4-FFF2-40B4-BE49-F238E27FC236}">
                    <a16:creationId xmlns:a16="http://schemas.microsoft.com/office/drawing/2014/main" id="{DCB6B9DD-6745-622B-2312-09BAB0E95594}"/>
                  </a:ext>
                </a:extLst>
              </p:cNvPr>
              <p:cNvGrpSpPr/>
              <p:nvPr/>
            </p:nvGrpSpPr>
            <p:grpSpPr>
              <a:xfrm>
                <a:off x="1912179" y="4044505"/>
                <a:ext cx="181487" cy="25622"/>
                <a:chOff x="1912179" y="4044506"/>
                <a:chExt cx="181487" cy="25622"/>
              </a:xfrm>
            </p:grpSpPr>
            <p:sp>
              <p:nvSpPr>
                <p:cNvPr id="158" name="Google Shape;9588;p86">
                  <a:extLst>
                    <a:ext uri="{FF2B5EF4-FFF2-40B4-BE49-F238E27FC236}">
                      <a16:creationId xmlns:a16="http://schemas.microsoft.com/office/drawing/2014/main" id="{86E95D8C-557B-11D7-23A7-6864FC08B06C}"/>
                    </a:ext>
                  </a:extLst>
                </p:cNvPr>
                <p:cNvSpPr/>
                <p:nvPr/>
              </p:nvSpPr>
              <p:spPr>
                <a:xfrm>
                  <a:off x="2067020" y="4044505"/>
                  <a:ext cx="26646" cy="25622"/>
                </a:xfrm>
                <a:custGeom>
                  <a:avLst/>
                  <a:gdLst/>
                  <a:ahLst/>
                  <a:cxnLst/>
                  <a:rect l="l" t="t" r="r" b="b"/>
                  <a:pathLst>
                    <a:path w="5560" h="5349" extrusionOk="0">
                      <a:moveTo>
                        <a:pt x="2886" y="0"/>
                      </a:moveTo>
                      <a:cubicBezTo>
                        <a:pt x="1806" y="0"/>
                        <a:pt x="828" y="650"/>
                        <a:pt x="416" y="1649"/>
                      </a:cubicBezTo>
                      <a:cubicBezTo>
                        <a:pt x="0" y="2649"/>
                        <a:pt x="230" y="3802"/>
                        <a:pt x="993" y="4564"/>
                      </a:cubicBezTo>
                      <a:cubicBezTo>
                        <a:pt x="1505" y="5076"/>
                        <a:pt x="2190" y="5349"/>
                        <a:pt x="2887" y="5349"/>
                      </a:cubicBezTo>
                      <a:cubicBezTo>
                        <a:pt x="3232" y="5349"/>
                        <a:pt x="3580" y="5282"/>
                        <a:pt x="3911" y="5144"/>
                      </a:cubicBezTo>
                      <a:cubicBezTo>
                        <a:pt x="4910" y="4732"/>
                        <a:pt x="5560" y="3758"/>
                        <a:pt x="5560" y="2674"/>
                      </a:cubicBezTo>
                      <a:cubicBezTo>
                        <a:pt x="5560" y="1197"/>
                        <a:pt x="4363" y="0"/>
                        <a:pt x="2886" y="0"/>
                      </a:cubicBezTo>
                      <a:close/>
                    </a:path>
                  </a:pathLst>
                </a:custGeom>
                <a:solidFill>
                  <a:srgbClr val="F76C6C"/>
                </a:solidFill>
                <a:ln>
                  <a:solidFill>
                    <a:srgbClr val="F76C6C"/>
                  </a:solidFill>
                </a:ln>
              </p:spPr>
              <p:txBody>
                <a:bodyPr spcFirstLastPara="1" wrap="square" lIns="203167" tIns="203167" rIns="203167" bIns="203167" anchor="ctr" anchorCtr="0">
                  <a:noAutofit/>
                </a:bodyPr>
                <a:lstStyle/>
                <a:p>
                  <a:pPr>
                    <a:spcBef>
                      <a:spcPts val="0"/>
                    </a:spcBef>
                    <a:spcAft>
                      <a:spcPts val="0"/>
                    </a:spcAft>
                  </a:pPr>
                  <a:endParaRPr sz="6000" dirty="0"/>
                </a:p>
              </p:txBody>
            </p:sp>
            <p:sp>
              <p:nvSpPr>
                <p:cNvPr id="159" name="Google Shape;9589;p86">
                  <a:extLst>
                    <a:ext uri="{FF2B5EF4-FFF2-40B4-BE49-F238E27FC236}">
                      <a16:creationId xmlns:a16="http://schemas.microsoft.com/office/drawing/2014/main" id="{48A09D54-8AD6-282D-DEA7-03ABF1F64E35}"/>
                    </a:ext>
                  </a:extLst>
                </p:cNvPr>
                <p:cNvSpPr/>
                <p:nvPr/>
              </p:nvSpPr>
              <p:spPr>
                <a:xfrm>
                  <a:off x="1912179" y="4059966"/>
                  <a:ext cx="156825" cy="5"/>
                </a:xfrm>
                <a:custGeom>
                  <a:avLst/>
                  <a:gdLst/>
                  <a:ahLst/>
                  <a:cxnLst/>
                  <a:rect l="l" t="t" r="r" b="b"/>
                  <a:pathLst>
                    <a:path w="32723" h="1" fill="none" extrusionOk="0">
                      <a:moveTo>
                        <a:pt x="32723" y="1"/>
                      </a:moveTo>
                      <a:lnTo>
                        <a:pt x="1" y="1"/>
                      </a:lnTo>
                    </a:path>
                  </a:pathLst>
                </a:custGeom>
                <a:noFill/>
                <a:ln w="9525" cap="rnd" cmpd="sng">
                  <a:solidFill>
                    <a:srgbClr val="F76C6C"/>
                  </a:solidFill>
                  <a:prstDash val="solid"/>
                  <a:round/>
                  <a:headEnd type="none" w="sm" len="sm"/>
                  <a:tailEnd type="none" w="sm" len="sm"/>
                </a:ln>
              </p:spPr>
              <p:txBody>
                <a:bodyPr spcFirstLastPara="1" wrap="square" lIns="203167" tIns="203167" rIns="203167" bIns="203167" anchor="ctr" anchorCtr="0">
                  <a:noAutofit/>
                </a:bodyPr>
                <a:lstStyle/>
                <a:p>
                  <a:pPr>
                    <a:spcBef>
                      <a:spcPts val="0"/>
                    </a:spcBef>
                    <a:spcAft>
                      <a:spcPts val="0"/>
                    </a:spcAft>
                  </a:pPr>
                  <a:endParaRPr sz="6000"/>
                </a:p>
              </p:txBody>
            </p:sp>
          </p:grpSp>
          <p:grpSp>
            <p:nvGrpSpPr>
              <p:cNvPr id="124" name="Google Shape;9590;p86">
                <a:extLst>
                  <a:ext uri="{FF2B5EF4-FFF2-40B4-BE49-F238E27FC236}">
                    <a16:creationId xmlns:a16="http://schemas.microsoft.com/office/drawing/2014/main" id="{F3DE101B-1280-9B7C-6221-15E2E7E488B2}"/>
                  </a:ext>
                </a:extLst>
              </p:cNvPr>
              <p:cNvGrpSpPr/>
              <p:nvPr/>
            </p:nvGrpSpPr>
            <p:grpSpPr>
              <a:xfrm>
                <a:off x="1560718" y="3800594"/>
                <a:ext cx="481640" cy="302090"/>
                <a:chOff x="1560718" y="3800594"/>
                <a:chExt cx="481640" cy="302090"/>
              </a:xfrm>
            </p:grpSpPr>
            <p:grpSp>
              <p:nvGrpSpPr>
                <p:cNvPr id="137" name="Google Shape;9591;p86">
                  <a:extLst>
                    <a:ext uri="{FF2B5EF4-FFF2-40B4-BE49-F238E27FC236}">
                      <a16:creationId xmlns:a16="http://schemas.microsoft.com/office/drawing/2014/main" id="{E3192FEA-0150-F09B-2742-4F933F9F86C1}"/>
                    </a:ext>
                  </a:extLst>
                </p:cNvPr>
                <p:cNvGrpSpPr/>
                <p:nvPr/>
              </p:nvGrpSpPr>
              <p:grpSpPr>
                <a:xfrm>
                  <a:off x="1560718" y="3842857"/>
                  <a:ext cx="173586" cy="217131"/>
                  <a:chOff x="1560718" y="3842857"/>
                  <a:chExt cx="173586" cy="217131"/>
                </a:xfrm>
              </p:grpSpPr>
              <p:sp>
                <p:nvSpPr>
                  <p:cNvPr id="142" name="Google Shape;9594;p86">
                    <a:extLst>
                      <a:ext uri="{FF2B5EF4-FFF2-40B4-BE49-F238E27FC236}">
                        <a16:creationId xmlns:a16="http://schemas.microsoft.com/office/drawing/2014/main" id="{3742EB9E-2F41-356D-563B-8E52D9EB1CB7}"/>
                      </a:ext>
                    </a:extLst>
                  </p:cNvPr>
                  <p:cNvSpPr/>
                  <p:nvPr/>
                </p:nvSpPr>
                <p:spPr>
                  <a:xfrm>
                    <a:off x="1645054" y="3842857"/>
                    <a:ext cx="89251" cy="217131"/>
                  </a:xfrm>
                  <a:custGeom>
                    <a:avLst/>
                    <a:gdLst/>
                    <a:ahLst/>
                    <a:cxnLst/>
                    <a:rect l="l" t="t" r="r" b="b"/>
                    <a:pathLst>
                      <a:path w="18623" h="45330" fill="none" extrusionOk="0">
                        <a:moveTo>
                          <a:pt x="18623" y="45330"/>
                        </a:moveTo>
                        <a:lnTo>
                          <a:pt x="5625" y="45330"/>
                        </a:lnTo>
                        <a:cubicBezTo>
                          <a:pt x="2889" y="45330"/>
                          <a:pt x="0" y="42619"/>
                          <a:pt x="0" y="35634"/>
                        </a:cubicBezTo>
                        <a:lnTo>
                          <a:pt x="0" y="9697"/>
                        </a:lnTo>
                        <a:cubicBezTo>
                          <a:pt x="0" y="2711"/>
                          <a:pt x="2889" y="1"/>
                          <a:pt x="5625" y="1"/>
                        </a:cubicBezTo>
                        <a:lnTo>
                          <a:pt x="18623" y="1"/>
                        </a:lnTo>
                      </a:path>
                    </a:pathLst>
                  </a:custGeom>
                  <a:noFill/>
                  <a:ln w="9525" cap="rnd" cmpd="sng">
                    <a:solidFill>
                      <a:srgbClr val="F76C6C"/>
                    </a:solidFill>
                    <a:prstDash val="solid"/>
                    <a:round/>
                    <a:headEnd type="none" w="sm" len="sm"/>
                    <a:tailEnd type="none" w="sm" len="sm"/>
                  </a:ln>
                </p:spPr>
                <p:txBody>
                  <a:bodyPr spcFirstLastPara="1" wrap="square" lIns="203167" tIns="203167" rIns="203167" bIns="203167" anchor="ctr" anchorCtr="0">
                    <a:noAutofit/>
                  </a:bodyPr>
                  <a:lstStyle/>
                  <a:p>
                    <a:pPr>
                      <a:spcBef>
                        <a:spcPts val="0"/>
                      </a:spcBef>
                      <a:spcAft>
                        <a:spcPts val="0"/>
                      </a:spcAft>
                    </a:pPr>
                    <a:endParaRPr sz="6000"/>
                  </a:p>
                </p:txBody>
              </p:sp>
              <p:sp>
                <p:nvSpPr>
                  <p:cNvPr id="144" name="Google Shape;9592;p86">
                    <a:extLst>
                      <a:ext uri="{FF2B5EF4-FFF2-40B4-BE49-F238E27FC236}">
                        <a16:creationId xmlns:a16="http://schemas.microsoft.com/office/drawing/2014/main" id="{AB23857E-9D0D-E3DA-D7A1-0BC8A6B4C201}"/>
                      </a:ext>
                    </a:extLst>
                  </p:cNvPr>
                  <p:cNvSpPr/>
                  <p:nvPr/>
                </p:nvSpPr>
                <p:spPr>
                  <a:xfrm>
                    <a:off x="1560718" y="3951414"/>
                    <a:ext cx="84343" cy="5"/>
                  </a:xfrm>
                  <a:custGeom>
                    <a:avLst/>
                    <a:gdLst/>
                    <a:ahLst/>
                    <a:cxnLst/>
                    <a:rect l="l" t="t" r="r" b="b"/>
                    <a:pathLst>
                      <a:path w="17599" h="1" fill="none" extrusionOk="0">
                        <a:moveTo>
                          <a:pt x="1" y="0"/>
                        </a:moveTo>
                        <a:lnTo>
                          <a:pt x="17598" y="0"/>
                        </a:lnTo>
                      </a:path>
                    </a:pathLst>
                  </a:custGeom>
                  <a:noFill/>
                  <a:ln w="9525" cap="rnd" cmpd="sng">
                    <a:solidFill>
                      <a:srgbClr val="F76C6C"/>
                    </a:solidFill>
                    <a:prstDash val="solid"/>
                    <a:round/>
                    <a:headEnd type="none" w="sm" len="sm"/>
                    <a:tailEnd type="none" w="sm" len="sm"/>
                  </a:ln>
                </p:spPr>
                <p:txBody>
                  <a:bodyPr spcFirstLastPara="1" wrap="square" lIns="203167" tIns="203167" rIns="203167" bIns="203167" anchor="ctr" anchorCtr="0">
                    <a:noAutofit/>
                  </a:bodyPr>
                  <a:lstStyle/>
                  <a:p>
                    <a:pPr>
                      <a:spcBef>
                        <a:spcPts val="0"/>
                      </a:spcBef>
                      <a:spcAft>
                        <a:spcPts val="0"/>
                      </a:spcAft>
                    </a:pPr>
                    <a:endParaRPr sz="6000"/>
                  </a:p>
                </p:txBody>
              </p:sp>
              <p:sp>
                <p:nvSpPr>
                  <p:cNvPr id="157" name="Google Shape;9593;p86">
                    <a:extLst>
                      <a:ext uri="{FF2B5EF4-FFF2-40B4-BE49-F238E27FC236}">
                        <a16:creationId xmlns:a16="http://schemas.microsoft.com/office/drawing/2014/main" id="{C0E2A5E7-3E86-197C-770E-BFD88BEC7818}"/>
                      </a:ext>
                    </a:extLst>
                  </p:cNvPr>
                  <p:cNvSpPr/>
                  <p:nvPr/>
                </p:nvSpPr>
                <p:spPr>
                  <a:xfrm>
                    <a:off x="1631242" y="3936509"/>
                    <a:ext cx="26646" cy="25622"/>
                  </a:xfrm>
                  <a:custGeom>
                    <a:avLst/>
                    <a:gdLst/>
                    <a:ahLst/>
                    <a:cxnLst/>
                    <a:rect l="l" t="t" r="r" b="b"/>
                    <a:pathLst>
                      <a:path w="5560" h="5349" extrusionOk="0">
                        <a:moveTo>
                          <a:pt x="2882" y="1"/>
                        </a:moveTo>
                        <a:cubicBezTo>
                          <a:pt x="1802" y="1"/>
                          <a:pt x="828" y="650"/>
                          <a:pt x="412" y="1649"/>
                        </a:cubicBezTo>
                        <a:cubicBezTo>
                          <a:pt x="0" y="2649"/>
                          <a:pt x="226" y="3798"/>
                          <a:pt x="993" y="4564"/>
                        </a:cubicBezTo>
                        <a:cubicBezTo>
                          <a:pt x="1502" y="5076"/>
                          <a:pt x="2187" y="5349"/>
                          <a:pt x="2883" y="5349"/>
                        </a:cubicBezTo>
                        <a:cubicBezTo>
                          <a:pt x="3228" y="5349"/>
                          <a:pt x="3576" y="5282"/>
                          <a:pt x="3907" y="5144"/>
                        </a:cubicBezTo>
                        <a:cubicBezTo>
                          <a:pt x="4907" y="4732"/>
                          <a:pt x="5556" y="3758"/>
                          <a:pt x="5560" y="2674"/>
                        </a:cubicBezTo>
                        <a:cubicBezTo>
                          <a:pt x="5560" y="1197"/>
                          <a:pt x="4360" y="1"/>
                          <a:pt x="2882" y="1"/>
                        </a:cubicBezTo>
                        <a:close/>
                      </a:path>
                    </a:pathLst>
                  </a:custGeom>
                  <a:solidFill>
                    <a:srgbClr val="114B5F"/>
                  </a:solidFill>
                  <a:ln>
                    <a:solidFill>
                      <a:srgbClr val="F76C6C"/>
                    </a:solidFill>
                  </a:ln>
                </p:spPr>
                <p:txBody>
                  <a:bodyPr spcFirstLastPara="1" wrap="square" lIns="203167" tIns="203167" rIns="203167" bIns="203167" anchor="ctr" anchorCtr="0">
                    <a:noAutofit/>
                  </a:bodyPr>
                  <a:lstStyle/>
                  <a:p>
                    <a:pPr>
                      <a:spcBef>
                        <a:spcPts val="0"/>
                      </a:spcBef>
                      <a:spcAft>
                        <a:spcPts val="0"/>
                      </a:spcAft>
                    </a:pPr>
                    <a:endParaRPr sz="6000"/>
                  </a:p>
                </p:txBody>
              </p:sp>
            </p:grpSp>
            <p:sp>
              <p:nvSpPr>
                <p:cNvPr id="140" name="Google Shape;9595;p86">
                  <a:extLst>
                    <a:ext uri="{FF2B5EF4-FFF2-40B4-BE49-F238E27FC236}">
                      <a16:creationId xmlns:a16="http://schemas.microsoft.com/office/drawing/2014/main" id="{CCC5DCC3-2555-322B-56EC-7E28FBC1D4EE}"/>
                    </a:ext>
                  </a:extLst>
                </p:cNvPr>
                <p:cNvSpPr/>
                <p:nvPr/>
              </p:nvSpPr>
              <p:spPr>
                <a:xfrm>
                  <a:off x="1733808" y="3800594"/>
                  <a:ext cx="308550" cy="102731"/>
                </a:xfrm>
                <a:custGeom>
                  <a:avLst/>
                  <a:gdLst/>
                  <a:ahLst/>
                  <a:cxnLst/>
                  <a:rect l="l" t="t" r="r" b="b"/>
                  <a:pathLst>
                    <a:path w="37115" h="21447" extrusionOk="0">
                      <a:moveTo>
                        <a:pt x="4951" y="0"/>
                      </a:moveTo>
                      <a:cubicBezTo>
                        <a:pt x="2215" y="0"/>
                        <a:pt x="1" y="2678"/>
                        <a:pt x="1" y="5983"/>
                      </a:cubicBezTo>
                      <a:lnTo>
                        <a:pt x="1" y="15460"/>
                      </a:lnTo>
                      <a:cubicBezTo>
                        <a:pt x="1" y="18765"/>
                        <a:pt x="2215" y="21446"/>
                        <a:pt x="4951" y="21446"/>
                      </a:cubicBezTo>
                      <a:lnTo>
                        <a:pt x="32168" y="21446"/>
                      </a:lnTo>
                      <a:cubicBezTo>
                        <a:pt x="34901" y="21446"/>
                        <a:pt x="37115" y="18765"/>
                        <a:pt x="37115" y="15460"/>
                      </a:cubicBezTo>
                      <a:lnTo>
                        <a:pt x="37115" y="5983"/>
                      </a:lnTo>
                      <a:cubicBezTo>
                        <a:pt x="37115" y="2678"/>
                        <a:pt x="34901" y="0"/>
                        <a:pt x="32168" y="0"/>
                      </a:cubicBezTo>
                      <a:close/>
                    </a:path>
                  </a:pathLst>
                </a:custGeom>
                <a:solidFill>
                  <a:srgbClr val="114B5F"/>
                </a:solidFill>
                <a:ln w="9525" cap="flat" cmpd="sng">
                  <a:noFill/>
                  <a:prstDash val="solid"/>
                  <a:miter lim="3647"/>
                  <a:headEnd type="none" w="sm" len="sm"/>
                  <a:tailEnd type="none" w="sm" len="sm"/>
                </a:ln>
              </p:spPr>
              <p:txBody>
                <a:bodyPr spcFirstLastPara="1" wrap="square" lIns="203167" tIns="203167" rIns="203167" bIns="203167" anchor="ctr" anchorCtr="0">
                  <a:noAutofit/>
                </a:bodyPr>
                <a:lstStyle/>
                <a:p>
                  <a:pPr>
                    <a:spcBef>
                      <a:spcPts val="0"/>
                    </a:spcBef>
                    <a:spcAft>
                      <a:spcPts val="0"/>
                    </a:spcAft>
                  </a:pPr>
                  <a:endParaRPr sz="6000"/>
                </a:p>
              </p:txBody>
            </p:sp>
            <p:sp>
              <p:nvSpPr>
                <p:cNvPr id="141" name="Google Shape;9596;p86">
                  <a:extLst>
                    <a:ext uri="{FF2B5EF4-FFF2-40B4-BE49-F238E27FC236}">
                      <a16:creationId xmlns:a16="http://schemas.microsoft.com/office/drawing/2014/main" id="{D16D528B-704E-C47F-6878-EDCE772548D7}"/>
                    </a:ext>
                  </a:extLst>
                </p:cNvPr>
                <p:cNvSpPr/>
                <p:nvPr/>
              </p:nvSpPr>
              <p:spPr>
                <a:xfrm>
                  <a:off x="1734297" y="3999967"/>
                  <a:ext cx="308061" cy="102717"/>
                </a:xfrm>
                <a:custGeom>
                  <a:avLst/>
                  <a:gdLst/>
                  <a:ahLst/>
                  <a:cxnLst/>
                  <a:rect l="l" t="t" r="r" b="b"/>
                  <a:pathLst>
                    <a:path w="37119" h="21444" extrusionOk="0">
                      <a:moveTo>
                        <a:pt x="4951" y="1"/>
                      </a:moveTo>
                      <a:cubicBezTo>
                        <a:pt x="2219" y="1"/>
                        <a:pt x="1" y="2678"/>
                        <a:pt x="1" y="5983"/>
                      </a:cubicBezTo>
                      <a:lnTo>
                        <a:pt x="1" y="15461"/>
                      </a:lnTo>
                      <a:cubicBezTo>
                        <a:pt x="1" y="18766"/>
                        <a:pt x="2219" y="21443"/>
                        <a:pt x="4951" y="21443"/>
                      </a:cubicBezTo>
                      <a:lnTo>
                        <a:pt x="32168" y="21443"/>
                      </a:lnTo>
                      <a:cubicBezTo>
                        <a:pt x="34901" y="21443"/>
                        <a:pt x="37119" y="18766"/>
                        <a:pt x="37119" y="15461"/>
                      </a:cubicBezTo>
                      <a:lnTo>
                        <a:pt x="37119" y="5983"/>
                      </a:lnTo>
                      <a:cubicBezTo>
                        <a:pt x="37119" y="2678"/>
                        <a:pt x="34901" y="1"/>
                        <a:pt x="32168" y="1"/>
                      </a:cubicBezTo>
                      <a:close/>
                    </a:path>
                  </a:pathLst>
                </a:custGeom>
                <a:solidFill>
                  <a:srgbClr val="114B5F"/>
                </a:solidFill>
                <a:ln w="9525" cap="flat" cmpd="sng">
                  <a:noFill/>
                  <a:prstDash val="solid"/>
                  <a:miter lim="3647"/>
                  <a:headEnd type="none" w="sm" len="sm"/>
                  <a:tailEnd type="none" w="sm" len="sm"/>
                </a:ln>
              </p:spPr>
              <p:txBody>
                <a:bodyPr spcFirstLastPara="1" wrap="square" lIns="203167" tIns="203167" rIns="203167" bIns="203167" anchor="ctr" anchorCtr="0">
                  <a:noAutofit/>
                </a:bodyPr>
                <a:lstStyle/>
                <a:p>
                  <a:pPr>
                    <a:spcBef>
                      <a:spcPts val="0"/>
                    </a:spcBef>
                    <a:spcAft>
                      <a:spcPts val="0"/>
                    </a:spcAft>
                  </a:pPr>
                  <a:endParaRPr sz="6000"/>
                </a:p>
              </p:txBody>
            </p:sp>
          </p:grpSp>
        </p:grpSp>
        <p:grpSp>
          <p:nvGrpSpPr>
            <p:cNvPr id="15" name="Google Shape;9598;p86">
              <a:extLst>
                <a:ext uri="{FF2B5EF4-FFF2-40B4-BE49-F238E27FC236}">
                  <a16:creationId xmlns:a16="http://schemas.microsoft.com/office/drawing/2014/main" id="{136D2019-FB35-0FDE-53BB-35A45514BADF}"/>
                </a:ext>
              </a:extLst>
            </p:cNvPr>
            <p:cNvGrpSpPr/>
            <p:nvPr/>
          </p:nvGrpSpPr>
          <p:grpSpPr>
            <a:xfrm>
              <a:off x="785350" y="3605478"/>
              <a:ext cx="535311" cy="249245"/>
              <a:chOff x="785350" y="3605478"/>
              <a:chExt cx="535311" cy="249245"/>
            </a:xfrm>
          </p:grpSpPr>
          <p:grpSp>
            <p:nvGrpSpPr>
              <p:cNvPr id="115" name="Google Shape;9599;p86">
                <a:extLst>
                  <a:ext uri="{FF2B5EF4-FFF2-40B4-BE49-F238E27FC236}">
                    <a16:creationId xmlns:a16="http://schemas.microsoft.com/office/drawing/2014/main" id="{CEC41DA3-8621-764B-FD87-06FCB7864790}"/>
                  </a:ext>
                </a:extLst>
              </p:cNvPr>
              <p:cNvGrpSpPr/>
              <p:nvPr/>
            </p:nvGrpSpPr>
            <p:grpSpPr>
              <a:xfrm>
                <a:off x="785350" y="3605478"/>
                <a:ext cx="376191" cy="102736"/>
                <a:chOff x="785350" y="3605478"/>
                <a:chExt cx="376191" cy="102736"/>
              </a:xfrm>
            </p:grpSpPr>
            <p:sp>
              <p:nvSpPr>
                <p:cNvPr id="119" name="Google Shape;9600;p86">
                  <a:extLst>
                    <a:ext uri="{FF2B5EF4-FFF2-40B4-BE49-F238E27FC236}">
                      <a16:creationId xmlns:a16="http://schemas.microsoft.com/office/drawing/2014/main" id="{949582C5-5E16-6EB4-B3CD-D397B032EEDF}"/>
                    </a:ext>
                  </a:extLst>
                </p:cNvPr>
                <p:cNvSpPr/>
                <p:nvPr/>
              </p:nvSpPr>
              <p:spPr>
                <a:xfrm>
                  <a:off x="808023" y="3655851"/>
                  <a:ext cx="175636" cy="5"/>
                </a:xfrm>
                <a:custGeom>
                  <a:avLst/>
                  <a:gdLst/>
                  <a:ahLst/>
                  <a:cxnLst/>
                  <a:rect l="l" t="t" r="r" b="b"/>
                  <a:pathLst>
                    <a:path w="36648" h="1" fill="none" extrusionOk="0">
                      <a:moveTo>
                        <a:pt x="36648" y="1"/>
                      </a:moveTo>
                      <a:lnTo>
                        <a:pt x="1" y="1"/>
                      </a:lnTo>
                    </a:path>
                  </a:pathLst>
                </a:custGeom>
                <a:noFill/>
                <a:ln w="9525" cap="rnd" cmpd="sng">
                  <a:solidFill>
                    <a:srgbClr val="F76C6C"/>
                  </a:solidFill>
                  <a:prstDash val="solid"/>
                  <a:round/>
                  <a:headEnd type="none" w="sm" len="sm"/>
                  <a:tailEnd type="none" w="sm" len="sm"/>
                </a:ln>
              </p:spPr>
              <p:txBody>
                <a:bodyPr spcFirstLastPara="1" wrap="square" lIns="203167" tIns="203167" rIns="203167" bIns="203167" anchor="ctr" anchorCtr="0">
                  <a:noAutofit/>
                </a:bodyPr>
                <a:lstStyle/>
                <a:p>
                  <a:pPr>
                    <a:spcBef>
                      <a:spcPts val="0"/>
                    </a:spcBef>
                    <a:spcAft>
                      <a:spcPts val="0"/>
                    </a:spcAft>
                  </a:pPr>
                  <a:endParaRPr sz="6000" dirty="0"/>
                </a:p>
              </p:txBody>
            </p:sp>
            <p:sp>
              <p:nvSpPr>
                <p:cNvPr id="120" name="Google Shape;9601;p86">
                  <a:extLst>
                    <a:ext uri="{FF2B5EF4-FFF2-40B4-BE49-F238E27FC236}">
                      <a16:creationId xmlns:a16="http://schemas.microsoft.com/office/drawing/2014/main" id="{BA0011C6-2D91-1EEB-9FA9-8E8494EE1E53}"/>
                    </a:ext>
                  </a:extLst>
                </p:cNvPr>
                <p:cNvSpPr/>
                <p:nvPr/>
              </p:nvSpPr>
              <p:spPr>
                <a:xfrm>
                  <a:off x="785350" y="3643867"/>
                  <a:ext cx="25635" cy="25622"/>
                </a:xfrm>
                <a:custGeom>
                  <a:avLst/>
                  <a:gdLst/>
                  <a:ahLst/>
                  <a:cxnLst/>
                  <a:rect l="l" t="t" r="r" b="b"/>
                  <a:pathLst>
                    <a:path w="5349" h="5349" extrusionOk="0">
                      <a:moveTo>
                        <a:pt x="2674" y="0"/>
                      </a:moveTo>
                      <a:cubicBezTo>
                        <a:pt x="1197" y="0"/>
                        <a:pt x="0" y="1197"/>
                        <a:pt x="0" y="2674"/>
                      </a:cubicBezTo>
                      <a:cubicBezTo>
                        <a:pt x="0" y="4152"/>
                        <a:pt x="1197" y="5348"/>
                        <a:pt x="2674" y="5348"/>
                      </a:cubicBezTo>
                      <a:cubicBezTo>
                        <a:pt x="4152" y="5348"/>
                        <a:pt x="5348" y="4152"/>
                        <a:pt x="5348" y="2674"/>
                      </a:cubicBezTo>
                      <a:cubicBezTo>
                        <a:pt x="5348" y="1197"/>
                        <a:pt x="4152" y="0"/>
                        <a:pt x="2674" y="0"/>
                      </a:cubicBezTo>
                      <a:close/>
                    </a:path>
                  </a:pathLst>
                </a:custGeom>
                <a:solidFill>
                  <a:srgbClr val="F76C6C"/>
                </a:solidFill>
                <a:ln>
                  <a:solidFill>
                    <a:srgbClr val="F76C6C"/>
                  </a:solidFill>
                </a:ln>
              </p:spPr>
              <p:txBody>
                <a:bodyPr spcFirstLastPara="1" wrap="square" lIns="203167" tIns="203167" rIns="203167" bIns="203167" anchor="ctr" anchorCtr="0">
                  <a:noAutofit/>
                </a:bodyPr>
                <a:lstStyle/>
                <a:p>
                  <a:pPr>
                    <a:spcBef>
                      <a:spcPts val="0"/>
                    </a:spcBef>
                    <a:spcAft>
                      <a:spcPts val="0"/>
                    </a:spcAft>
                  </a:pPr>
                  <a:endParaRPr sz="6000"/>
                </a:p>
              </p:txBody>
            </p:sp>
            <p:sp>
              <p:nvSpPr>
                <p:cNvPr id="121" name="Google Shape;9602;p86">
                  <a:extLst>
                    <a:ext uri="{FF2B5EF4-FFF2-40B4-BE49-F238E27FC236}">
                      <a16:creationId xmlns:a16="http://schemas.microsoft.com/office/drawing/2014/main" id="{A5CE715D-EA5C-8F7F-B3DA-F71A97FB7734}"/>
                    </a:ext>
                  </a:extLst>
                </p:cNvPr>
                <p:cNvSpPr/>
                <p:nvPr/>
              </p:nvSpPr>
              <p:spPr>
                <a:xfrm>
                  <a:off x="887749" y="3605478"/>
                  <a:ext cx="273792" cy="102736"/>
                </a:xfrm>
                <a:custGeom>
                  <a:avLst/>
                  <a:gdLst/>
                  <a:ahLst/>
                  <a:cxnLst/>
                  <a:rect l="l" t="t" r="r" b="b"/>
                  <a:pathLst>
                    <a:path w="37119" h="21448" extrusionOk="0">
                      <a:moveTo>
                        <a:pt x="4951" y="1"/>
                      </a:moveTo>
                      <a:cubicBezTo>
                        <a:pt x="2219" y="1"/>
                        <a:pt x="1" y="2682"/>
                        <a:pt x="1" y="5987"/>
                      </a:cubicBezTo>
                      <a:lnTo>
                        <a:pt x="1" y="15464"/>
                      </a:lnTo>
                      <a:cubicBezTo>
                        <a:pt x="1" y="18769"/>
                        <a:pt x="2219" y="21447"/>
                        <a:pt x="4951" y="21447"/>
                      </a:cubicBezTo>
                      <a:lnTo>
                        <a:pt x="32172" y="21447"/>
                      </a:lnTo>
                      <a:cubicBezTo>
                        <a:pt x="34904" y="21447"/>
                        <a:pt x="37119" y="18769"/>
                        <a:pt x="37119" y="15464"/>
                      </a:cubicBezTo>
                      <a:lnTo>
                        <a:pt x="37119" y="5987"/>
                      </a:lnTo>
                      <a:cubicBezTo>
                        <a:pt x="37119" y="2682"/>
                        <a:pt x="34904" y="1"/>
                        <a:pt x="32172" y="1"/>
                      </a:cubicBezTo>
                      <a:close/>
                    </a:path>
                  </a:pathLst>
                </a:custGeom>
                <a:solidFill>
                  <a:srgbClr val="114B5F"/>
                </a:solidFill>
                <a:ln w="9525" cap="flat" cmpd="sng">
                  <a:noFill/>
                  <a:prstDash val="solid"/>
                  <a:miter lim="3647"/>
                  <a:headEnd type="none" w="sm" len="sm"/>
                  <a:tailEnd type="none" w="sm" len="sm"/>
                </a:ln>
              </p:spPr>
              <p:txBody>
                <a:bodyPr spcFirstLastPara="1" wrap="square" lIns="203167" tIns="203167" rIns="203167" bIns="203167" anchor="ctr" anchorCtr="0">
                  <a:noAutofit/>
                </a:bodyPr>
                <a:lstStyle/>
                <a:p>
                  <a:pPr>
                    <a:spcBef>
                      <a:spcPts val="0"/>
                    </a:spcBef>
                    <a:spcAft>
                      <a:spcPts val="0"/>
                    </a:spcAft>
                  </a:pPr>
                  <a:endParaRPr sz="6000"/>
                </a:p>
              </p:txBody>
            </p:sp>
          </p:grpSp>
          <p:grpSp>
            <p:nvGrpSpPr>
              <p:cNvPr id="116" name="Google Shape;9603;p86">
                <a:extLst>
                  <a:ext uri="{FF2B5EF4-FFF2-40B4-BE49-F238E27FC236}">
                    <a16:creationId xmlns:a16="http://schemas.microsoft.com/office/drawing/2014/main" id="{CBE2A5FC-ECCB-54FC-1817-76F08FC30F8F}"/>
                  </a:ext>
                </a:extLst>
              </p:cNvPr>
              <p:cNvGrpSpPr/>
              <p:nvPr/>
            </p:nvGrpSpPr>
            <p:grpSpPr>
              <a:xfrm>
                <a:off x="1161530" y="3655851"/>
                <a:ext cx="159131" cy="198872"/>
                <a:chOff x="1161530" y="3655851"/>
                <a:chExt cx="159131" cy="198872"/>
              </a:xfrm>
            </p:grpSpPr>
            <p:sp>
              <p:nvSpPr>
                <p:cNvPr id="117" name="Google Shape;9604;p86">
                  <a:extLst>
                    <a:ext uri="{FF2B5EF4-FFF2-40B4-BE49-F238E27FC236}">
                      <a16:creationId xmlns:a16="http://schemas.microsoft.com/office/drawing/2014/main" id="{F10F8793-C527-7836-3D51-DE004CFAC15C}"/>
                    </a:ext>
                  </a:extLst>
                </p:cNvPr>
                <p:cNvSpPr/>
                <p:nvPr/>
              </p:nvSpPr>
              <p:spPr>
                <a:xfrm>
                  <a:off x="1161530" y="3655851"/>
                  <a:ext cx="146440" cy="186082"/>
                </a:xfrm>
                <a:custGeom>
                  <a:avLst/>
                  <a:gdLst/>
                  <a:ahLst/>
                  <a:cxnLst/>
                  <a:rect l="l" t="t" r="r" b="b"/>
                  <a:pathLst>
                    <a:path w="30556" h="38848" fill="none" extrusionOk="0">
                      <a:moveTo>
                        <a:pt x="1" y="1"/>
                      </a:moveTo>
                      <a:lnTo>
                        <a:pt x="12633" y="1"/>
                      </a:lnTo>
                      <a:cubicBezTo>
                        <a:pt x="15723" y="1"/>
                        <a:pt x="16343" y="3466"/>
                        <a:pt x="16343" y="3466"/>
                      </a:cubicBezTo>
                      <a:lnTo>
                        <a:pt x="16343" y="26448"/>
                      </a:lnTo>
                      <a:lnTo>
                        <a:pt x="30556" y="26448"/>
                      </a:lnTo>
                      <a:lnTo>
                        <a:pt x="30556" y="38848"/>
                      </a:lnTo>
                    </a:path>
                  </a:pathLst>
                </a:custGeom>
                <a:noFill/>
                <a:ln w="9525" cap="rnd" cmpd="sng">
                  <a:solidFill>
                    <a:srgbClr val="F76C6C"/>
                  </a:solidFill>
                  <a:prstDash val="solid"/>
                  <a:round/>
                  <a:headEnd type="none" w="sm" len="sm"/>
                  <a:tailEnd type="none" w="sm" len="sm"/>
                </a:ln>
              </p:spPr>
              <p:txBody>
                <a:bodyPr spcFirstLastPara="1" wrap="square" lIns="203167" tIns="203167" rIns="203167" bIns="203167" anchor="ctr" anchorCtr="0">
                  <a:noAutofit/>
                </a:bodyPr>
                <a:lstStyle/>
                <a:p>
                  <a:pPr>
                    <a:spcBef>
                      <a:spcPts val="0"/>
                    </a:spcBef>
                    <a:spcAft>
                      <a:spcPts val="0"/>
                    </a:spcAft>
                  </a:pPr>
                  <a:endParaRPr sz="6000"/>
                </a:p>
              </p:txBody>
            </p:sp>
            <p:sp>
              <p:nvSpPr>
                <p:cNvPr id="118" name="Google Shape;9605;p86">
                  <a:extLst>
                    <a:ext uri="{FF2B5EF4-FFF2-40B4-BE49-F238E27FC236}">
                      <a16:creationId xmlns:a16="http://schemas.microsoft.com/office/drawing/2014/main" id="{68AB14AC-ACCF-0C10-2612-54A686009C79}"/>
                    </a:ext>
                  </a:extLst>
                </p:cNvPr>
                <p:cNvSpPr/>
                <p:nvPr/>
              </p:nvSpPr>
              <p:spPr>
                <a:xfrm>
                  <a:off x="1293991" y="3829092"/>
                  <a:ext cx="26670" cy="25631"/>
                </a:xfrm>
                <a:custGeom>
                  <a:avLst/>
                  <a:gdLst/>
                  <a:ahLst/>
                  <a:cxnLst/>
                  <a:rect l="l" t="t" r="r" b="b"/>
                  <a:pathLst>
                    <a:path w="5565" h="5351" extrusionOk="0">
                      <a:moveTo>
                        <a:pt x="2890" y="0"/>
                      </a:moveTo>
                      <a:cubicBezTo>
                        <a:pt x="1807" y="0"/>
                        <a:pt x="833" y="653"/>
                        <a:pt x="417" y="1653"/>
                      </a:cubicBezTo>
                      <a:cubicBezTo>
                        <a:pt x="1" y="2652"/>
                        <a:pt x="231" y="3801"/>
                        <a:pt x="997" y="4567"/>
                      </a:cubicBezTo>
                      <a:cubicBezTo>
                        <a:pt x="1509" y="5080"/>
                        <a:pt x="2193" y="5350"/>
                        <a:pt x="2888" y="5350"/>
                      </a:cubicBezTo>
                      <a:cubicBezTo>
                        <a:pt x="3233" y="5350"/>
                        <a:pt x="3580" y="5284"/>
                        <a:pt x="3912" y="5147"/>
                      </a:cubicBezTo>
                      <a:cubicBezTo>
                        <a:pt x="4911" y="4731"/>
                        <a:pt x="5564" y="3757"/>
                        <a:pt x="5564" y="2678"/>
                      </a:cubicBezTo>
                      <a:cubicBezTo>
                        <a:pt x="5564" y="1200"/>
                        <a:pt x="4364" y="0"/>
                        <a:pt x="2890" y="0"/>
                      </a:cubicBezTo>
                      <a:close/>
                    </a:path>
                  </a:pathLst>
                </a:custGeom>
                <a:solidFill>
                  <a:srgbClr val="114B5F"/>
                </a:solidFill>
                <a:ln>
                  <a:solidFill>
                    <a:srgbClr val="F76C6C"/>
                  </a:solidFill>
                </a:ln>
              </p:spPr>
              <p:txBody>
                <a:bodyPr spcFirstLastPara="1" wrap="square" lIns="203167" tIns="203167" rIns="203167" bIns="203167" anchor="ctr" anchorCtr="0">
                  <a:noAutofit/>
                </a:bodyPr>
                <a:lstStyle/>
                <a:p>
                  <a:pPr>
                    <a:spcBef>
                      <a:spcPts val="0"/>
                    </a:spcBef>
                    <a:spcAft>
                      <a:spcPts val="0"/>
                    </a:spcAft>
                  </a:pPr>
                  <a:endParaRPr sz="6000" dirty="0"/>
                </a:p>
              </p:txBody>
            </p:sp>
          </p:grpSp>
        </p:grpSp>
        <p:grpSp>
          <p:nvGrpSpPr>
            <p:cNvPr id="16" name="Google Shape;9606;p86">
              <a:extLst>
                <a:ext uri="{FF2B5EF4-FFF2-40B4-BE49-F238E27FC236}">
                  <a16:creationId xmlns:a16="http://schemas.microsoft.com/office/drawing/2014/main" id="{F69CFA57-BE96-0E7D-095E-35720FD42A99}"/>
                </a:ext>
              </a:extLst>
            </p:cNvPr>
            <p:cNvGrpSpPr/>
            <p:nvPr/>
          </p:nvGrpSpPr>
          <p:grpSpPr>
            <a:xfrm>
              <a:off x="785350" y="4047614"/>
              <a:ext cx="535311" cy="240783"/>
              <a:chOff x="785350" y="4047614"/>
              <a:chExt cx="535311" cy="240783"/>
            </a:xfrm>
          </p:grpSpPr>
          <p:grpSp>
            <p:nvGrpSpPr>
              <p:cNvPr id="105" name="Google Shape;9607;p86">
                <a:extLst>
                  <a:ext uri="{FF2B5EF4-FFF2-40B4-BE49-F238E27FC236}">
                    <a16:creationId xmlns:a16="http://schemas.microsoft.com/office/drawing/2014/main" id="{47E17380-D303-B349-E2A9-6319F744A6E3}"/>
                  </a:ext>
                </a:extLst>
              </p:cNvPr>
              <p:cNvGrpSpPr/>
              <p:nvPr/>
            </p:nvGrpSpPr>
            <p:grpSpPr>
              <a:xfrm>
                <a:off x="1161636" y="4047614"/>
                <a:ext cx="159025" cy="190415"/>
                <a:chOff x="1161636" y="4047614"/>
                <a:chExt cx="159025" cy="190415"/>
              </a:xfrm>
            </p:grpSpPr>
            <p:sp>
              <p:nvSpPr>
                <p:cNvPr id="110" name="Google Shape;9608;p86">
                  <a:extLst>
                    <a:ext uri="{FF2B5EF4-FFF2-40B4-BE49-F238E27FC236}">
                      <a16:creationId xmlns:a16="http://schemas.microsoft.com/office/drawing/2014/main" id="{B2E6AF35-FD36-289B-6A6A-13DF07752774}"/>
                    </a:ext>
                  </a:extLst>
                </p:cNvPr>
                <p:cNvSpPr/>
                <p:nvPr/>
              </p:nvSpPr>
              <p:spPr>
                <a:xfrm>
                  <a:off x="1293991" y="4047614"/>
                  <a:ext cx="26670" cy="25631"/>
                </a:xfrm>
                <a:custGeom>
                  <a:avLst/>
                  <a:gdLst/>
                  <a:ahLst/>
                  <a:cxnLst/>
                  <a:rect l="l" t="t" r="r" b="b"/>
                  <a:pathLst>
                    <a:path w="5565" h="5351" extrusionOk="0">
                      <a:moveTo>
                        <a:pt x="2890" y="1"/>
                      </a:moveTo>
                      <a:cubicBezTo>
                        <a:pt x="1807" y="1"/>
                        <a:pt x="833" y="654"/>
                        <a:pt x="417" y="1653"/>
                      </a:cubicBezTo>
                      <a:cubicBezTo>
                        <a:pt x="1" y="2653"/>
                        <a:pt x="231" y="3802"/>
                        <a:pt x="997" y="4568"/>
                      </a:cubicBezTo>
                      <a:cubicBezTo>
                        <a:pt x="1510" y="5078"/>
                        <a:pt x="2195" y="5350"/>
                        <a:pt x="2891" y="5350"/>
                      </a:cubicBezTo>
                      <a:cubicBezTo>
                        <a:pt x="3235" y="5350"/>
                        <a:pt x="3581" y="5284"/>
                        <a:pt x="3912" y="5148"/>
                      </a:cubicBezTo>
                      <a:cubicBezTo>
                        <a:pt x="4911" y="4732"/>
                        <a:pt x="5564" y="3758"/>
                        <a:pt x="5564" y="2675"/>
                      </a:cubicBezTo>
                      <a:cubicBezTo>
                        <a:pt x="5564" y="1197"/>
                        <a:pt x="4364" y="1"/>
                        <a:pt x="2890" y="1"/>
                      </a:cubicBezTo>
                      <a:close/>
                    </a:path>
                  </a:pathLst>
                </a:custGeom>
                <a:solidFill>
                  <a:srgbClr val="114B5F"/>
                </a:solidFill>
                <a:ln>
                  <a:solidFill>
                    <a:srgbClr val="F76C6C"/>
                  </a:solidFill>
                </a:ln>
              </p:spPr>
              <p:txBody>
                <a:bodyPr spcFirstLastPara="1" wrap="square" lIns="203167" tIns="203167" rIns="203167" bIns="203167" anchor="ctr" anchorCtr="0">
                  <a:noAutofit/>
                </a:bodyPr>
                <a:lstStyle/>
                <a:p>
                  <a:pPr>
                    <a:spcBef>
                      <a:spcPts val="0"/>
                    </a:spcBef>
                    <a:spcAft>
                      <a:spcPts val="0"/>
                    </a:spcAft>
                  </a:pPr>
                  <a:endParaRPr sz="6000" dirty="0"/>
                </a:p>
              </p:txBody>
            </p:sp>
            <p:sp>
              <p:nvSpPr>
                <p:cNvPr id="111" name="Google Shape;9609;p86">
                  <a:extLst>
                    <a:ext uri="{FF2B5EF4-FFF2-40B4-BE49-F238E27FC236}">
                      <a16:creationId xmlns:a16="http://schemas.microsoft.com/office/drawing/2014/main" id="{E509B13D-C405-197D-C339-349774A8F5FC}"/>
                    </a:ext>
                  </a:extLst>
                </p:cNvPr>
                <p:cNvSpPr/>
                <p:nvPr/>
              </p:nvSpPr>
              <p:spPr>
                <a:xfrm>
                  <a:off x="1161636" y="4073229"/>
                  <a:ext cx="146334" cy="164800"/>
                </a:xfrm>
                <a:custGeom>
                  <a:avLst/>
                  <a:gdLst/>
                  <a:ahLst/>
                  <a:cxnLst/>
                  <a:rect l="l" t="t" r="r" b="b"/>
                  <a:pathLst>
                    <a:path w="30534" h="34405" fill="none" extrusionOk="0">
                      <a:moveTo>
                        <a:pt x="0" y="34404"/>
                      </a:moveTo>
                      <a:lnTo>
                        <a:pt x="12611" y="34404"/>
                      </a:lnTo>
                      <a:cubicBezTo>
                        <a:pt x="15705" y="34404"/>
                        <a:pt x="16325" y="30939"/>
                        <a:pt x="16325" y="30939"/>
                      </a:cubicBezTo>
                      <a:lnTo>
                        <a:pt x="16325" y="7957"/>
                      </a:lnTo>
                      <a:lnTo>
                        <a:pt x="30534" y="7957"/>
                      </a:lnTo>
                      <a:lnTo>
                        <a:pt x="30534" y="1"/>
                      </a:lnTo>
                    </a:path>
                  </a:pathLst>
                </a:custGeom>
                <a:noFill/>
                <a:ln w="9525" cap="rnd" cmpd="sng">
                  <a:solidFill>
                    <a:srgbClr val="F76C6C"/>
                  </a:solidFill>
                  <a:prstDash val="solid"/>
                  <a:round/>
                  <a:headEnd type="none" w="sm" len="sm"/>
                  <a:tailEnd type="none" w="sm" len="sm"/>
                </a:ln>
              </p:spPr>
              <p:txBody>
                <a:bodyPr spcFirstLastPara="1" wrap="square" lIns="203167" tIns="203167" rIns="203167" bIns="203167" anchor="ctr" anchorCtr="0">
                  <a:noAutofit/>
                </a:bodyPr>
                <a:lstStyle/>
                <a:p>
                  <a:pPr>
                    <a:spcBef>
                      <a:spcPts val="0"/>
                    </a:spcBef>
                    <a:spcAft>
                      <a:spcPts val="0"/>
                    </a:spcAft>
                  </a:pPr>
                  <a:endParaRPr sz="6000"/>
                </a:p>
              </p:txBody>
            </p:sp>
          </p:grpSp>
          <p:grpSp>
            <p:nvGrpSpPr>
              <p:cNvPr id="106" name="Google Shape;9610;p86">
                <a:extLst>
                  <a:ext uri="{FF2B5EF4-FFF2-40B4-BE49-F238E27FC236}">
                    <a16:creationId xmlns:a16="http://schemas.microsoft.com/office/drawing/2014/main" id="{2033E2D2-9B44-E58E-2411-4542228E53EA}"/>
                  </a:ext>
                </a:extLst>
              </p:cNvPr>
              <p:cNvGrpSpPr/>
              <p:nvPr/>
            </p:nvGrpSpPr>
            <p:grpSpPr>
              <a:xfrm>
                <a:off x="785350" y="4185661"/>
                <a:ext cx="376191" cy="102736"/>
                <a:chOff x="785350" y="4185661"/>
                <a:chExt cx="376191" cy="102736"/>
              </a:xfrm>
            </p:grpSpPr>
            <p:sp>
              <p:nvSpPr>
                <p:cNvPr id="107" name="Google Shape;9611;p86">
                  <a:extLst>
                    <a:ext uri="{FF2B5EF4-FFF2-40B4-BE49-F238E27FC236}">
                      <a16:creationId xmlns:a16="http://schemas.microsoft.com/office/drawing/2014/main" id="{8879CDC4-6244-DB2F-F15B-2EACD90B40CB}"/>
                    </a:ext>
                  </a:extLst>
                </p:cNvPr>
                <p:cNvSpPr/>
                <p:nvPr/>
              </p:nvSpPr>
              <p:spPr>
                <a:xfrm>
                  <a:off x="808023" y="4238011"/>
                  <a:ext cx="175636" cy="5"/>
                </a:xfrm>
                <a:custGeom>
                  <a:avLst/>
                  <a:gdLst/>
                  <a:ahLst/>
                  <a:cxnLst/>
                  <a:rect l="l" t="t" r="r" b="b"/>
                  <a:pathLst>
                    <a:path w="36648" h="1" fill="none" extrusionOk="0">
                      <a:moveTo>
                        <a:pt x="36648" y="0"/>
                      </a:moveTo>
                      <a:lnTo>
                        <a:pt x="1" y="0"/>
                      </a:lnTo>
                    </a:path>
                  </a:pathLst>
                </a:custGeom>
                <a:noFill/>
                <a:ln w="9525" cap="rnd" cmpd="sng">
                  <a:solidFill>
                    <a:srgbClr val="F76C6C"/>
                  </a:solidFill>
                  <a:prstDash val="solid"/>
                  <a:round/>
                  <a:headEnd type="none" w="sm" len="sm"/>
                  <a:tailEnd type="none" w="sm" len="sm"/>
                </a:ln>
              </p:spPr>
              <p:txBody>
                <a:bodyPr spcFirstLastPara="1" wrap="square" lIns="203167" tIns="203167" rIns="203167" bIns="203167" anchor="ctr" anchorCtr="0">
                  <a:noAutofit/>
                </a:bodyPr>
                <a:lstStyle/>
                <a:p>
                  <a:pPr>
                    <a:spcBef>
                      <a:spcPts val="0"/>
                    </a:spcBef>
                    <a:spcAft>
                      <a:spcPts val="0"/>
                    </a:spcAft>
                  </a:pPr>
                  <a:endParaRPr sz="6000"/>
                </a:p>
              </p:txBody>
            </p:sp>
            <p:sp>
              <p:nvSpPr>
                <p:cNvPr id="108" name="Google Shape;9612;p86">
                  <a:extLst>
                    <a:ext uri="{FF2B5EF4-FFF2-40B4-BE49-F238E27FC236}">
                      <a16:creationId xmlns:a16="http://schemas.microsoft.com/office/drawing/2014/main" id="{6854E0A0-1C95-F5D0-3350-F8244C9671B3}"/>
                    </a:ext>
                  </a:extLst>
                </p:cNvPr>
                <p:cNvSpPr/>
                <p:nvPr/>
              </p:nvSpPr>
              <p:spPr>
                <a:xfrm>
                  <a:off x="862533" y="4185661"/>
                  <a:ext cx="299008" cy="102736"/>
                </a:xfrm>
                <a:custGeom>
                  <a:avLst/>
                  <a:gdLst/>
                  <a:ahLst/>
                  <a:cxnLst/>
                  <a:rect l="l" t="t" r="r" b="b"/>
                  <a:pathLst>
                    <a:path w="37119" h="21448" extrusionOk="0">
                      <a:moveTo>
                        <a:pt x="4951" y="1"/>
                      </a:moveTo>
                      <a:cubicBezTo>
                        <a:pt x="2219" y="1"/>
                        <a:pt x="1" y="2679"/>
                        <a:pt x="1" y="5984"/>
                      </a:cubicBezTo>
                      <a:lnTo>
                        <a:pt x="1" y="15461"/>
                      </a:lnTo>
                      <a:cubicBezTo>
                        <a:pt x="1" y="18766"/>
                        <a:pt x="2219" y="21447"/>
                        <a:pt x="4951" y="21447"/>
                      </a:cubicBezTo>
                      <a:lnTo>
                        <a:pt x="32172" y="21447"/>
                      </a:lnTo>
                      <a:cubicBezTo>
                        <a:pt x="34904" y="21447"/>
                        <a:pt x="37119" y="18766"/>
                        <a:pt x="37119" y="15461"/>
                      </a:cubicBezTo>
                      <a:lnTo>
                        <a:pt x="37119" y="5984"/>
                      </a:lnTo>
                      <a:cubicBezTo>
                        <a:pt x="37119" y="2679"/>
                        <a:pt x="34904" y="1"/>
                        <a:pt x="32172" y="1"/>
                      </a:cubicBezTo>
                      <a:close/>
                    </a:path>
                  </a:pathLst>
                </a:custGeom>
                <a:solidFill>
                  <a:srgbClr val="114B5F"/>
                </a:solidFill>
                <a:ln w="9525" cap="flat" cmpd="sng">
                  <a:noFill/>
                  <a:prstDash val="solid"/>
                  <a:miter lim="3647"/>
                  <a:headEnd type="none" w="sm" len="sm"/>
                  <a:tailEnd type="none" w="sm" len="sm"/>
                </a:ln>
              </p:spPr>
              <p:txBody>
                <a:bodyPr spcFirstLastPara="1" wrap="square" lIns="203167" tIns="203167" rIns="203167" bIns="203167" anchor="ctr" anchorCtr="0">
                  <a:noAutofit/>
                </a:bodyPr>
                <a:lstStyle/>
                <a:p>
                  <a:pPr>
                    <a:spcBef>
                      <a:spcPts val="0"/>
                    </a:spcBef>
                    <a:spcAft>
                      <a:spcPts val="0"/>
                    </a:spcAft>
                  </a:pPr>
                  <a:endParaRPr sz="6000"/>
                </a:p>
              </p:txBody>
            </p:sp>
            <p:sp>
              <p:nvSpPr>
                <p:cNvPr id="109" name="Google Shape;9613;p86">
                  <a:extLst>
                    <a:ext uri="{FF2B5EF4-FFF2-40B4-BE49-F238E27FC236}">
                      <a16:creationId xmlns:a16="http://schemas.microsoft.com/office/drawing/2014/main" id="{35D548D7-8BF1-9A7E-9273-4EEA8F77DE37}"/>
                    </a:ext>
                  </a:extLst>
                </p:cNvPr>
                <p:cNvSpPr/>
                <p:nvPr/>
              </p:nvSpPr>
              <p:spPr>
                <a:xfrm>
                  <a:off x="785350" y="4224370"/>
                  <a:ext cx="26646" cy="25631"/>
                </a:xfrm>
                <a:custGeom>
                  <a:avLst/>
                  <a:gdLst/>
                  <a:ahLst/>
                  <a:cxnLst/>
                  <a:rect l="l" t="t" r="r" b="b"/>
                  <a:pathLst>
                    <a:path w="5560" h="5351" extrusionOk="0">
                      <a:moveTo>
                        <a:pt x="2674" y="0"/>
                      </a:moveTo>
                      <a:cubicBezTo>
                        <a:pt x="2328" y="0"/>
                        <a:pt x="1980" y="67"/>
                        <a:pt x="1649" y="203"/>
                      </a:cubicBezTo>
                      <a:cubicBezTo>
                        <a:pt x="650" y="619"/>
                        <a:pt x="0" y="1593"/>
                        <a:pt x="0" y="2677"/>
                      </a:cubicBezTo>
                      <a:cubicBezTo>
                        <a:pt x="0" y="4150"/>
                        <a:pt x="1197" y="5351"/>
                        <a:pt x="2674" y="5351"/>
                      </a:cubicBezTo>
                      <a:cubicBezTo>
                        <a:pt x="3754" y="5351"/>
                        <a:pt x="4732" y="4698"/>
                        <a:pt x="5144" y="3698"/>
                      </a:cubicBezTo>
                      <a:cubicBezTo>
                        <a:pt x="5560" y="2699"/>
                        <a:pt x="5330" y="1550"/>
                        <a:pt x="4568" y="783"/>
                      </a:cubicBezTo>
                      <a:cubicBezTo>
                        <a:pt x="4055" y="271"/>
                        <a:pt x="3370" y="0"/>
                        <a:pt x="2674" y="0"/>
                      </a:cubicBezTo>
                      <a:close/>
                    </a:path>
                  </a:pathLst>
                </a:custGeom>
                <a:solidFill>
                  <a:srgbClr val="F76C6C"/>
                </a:solidFill>
                <a:ln>
                  <a:solidFill>
                    <a:srgbClr val="F76C6C"/>
                  </a:solidFill>
                </a:ln>
              </p:spPr>
              <p:txBody>
                <a:bodyPr spcFirstLastPara="1" wrap="square" lIns="203167" tIns="203167" rIns="203167" bIns="203167" anchor="ctr" anchorCtr="0">
                  <a:noAutofit/>
                </a:bodyPr>
                <a:lstStyle/>
                <a:p>
                  <a:pPr>
                    <a:spcBef>
                      <a:spcPts val="0"/>
                    </a:spcBef>
                    <a:spcAft>
                      <a:spcPts val="0"/>
                    </a:spcAft>
                  </a:pPr>
                  <a:endParaRPr sz="6000"/>
                </a:p>
              </p:txBody>
            </p:sp>
          </p:grpSp>
        </p:grpSp>
        <p:grpSp>
          <p:nvGrpSpPr>
            <p:cNvPr id="17" name="Google Shape;9614;p86">
              <a:extLst>
                <a:ext uri="{FF2B5EF4-FFF2-40B4-BE49-F238E27FC236}">
                  <a16:creationId xmlns:a16="http://schemas.microsoft.com/office/drawing/2014/main" id="{197903CC-20A2-199D-2248-BBFF805C05C0}"/>
                </a:ext>
              </a:extLst>
            </p:cNvPr>
            <p:cNvGrpSpPr/>
            <p:nvPr/>
          </p:nvGrpSpPr>
          <p:grpSpPr>
            <a:xfrm>
              <a:off x="1501054" y="3605478"/>
              <a:ext cx="526339" cy="249240"/>
              <a:chOff x="1501054" y="3605478"/>
              <a:chExt cx="526339" cy="249240"/>
            </a:xfrm>
          </p:grpSpPr>
          <p:grpSp>
            <p:nvGrpSpPr>
              <p:cNvPr id="97" name="Google Shape;9615;p86">
                <a:extLst>
                  <a:ext uri="{FF2B5EF4-FFF2-40B4-BE49-F238E27FC236}">
                    <a16:creationId xmlns:a16="http://schemas.microsoft.com/office/drawing/2014/main" id="{129B9E95-82DD-0808-245C-747821C54ABB}"/>
                  </a:ext>
                </a:extLst>
              </p:cNvPr>
              <p:cNvGrpSpPr/>
              <p:nvPr/>
            </p:nvGrpSpPr>
            <p:grpSpPr>
              <a:xfrm>
                <a:off x="1834208" y="3643867"/>
                <a:ext cx="193185" cy="25622"/>
                <a:chOff x="1834208" y="3643867"/>
                <a:chExt cx="193185" cy="25622"/>
              </a:xfrm>
            </p:grpSpPr>
            <p:sp>
              <p:nvSpPr>
                <p:cNvPr id="103" name="Google Shape;9616;p86">
                  <a:extLst>
                    <a:ext uri="{FF2B5EF4-FFF2-40B4-BE49-F238E27FC236}">
                      <a16:creationId xmlns:a16="http://schemas.microsoft.com/office/drawing/2014/main" id="{BEFE41B0-8CAA-EFAB-91EE-2A28AE25FF43}"/>
                    </a:ext>
                  </a:extLst>
                </p:cNvPr>
                <p:cNvSpPr/>
                <p:nvPr/>
              </p:nvSpPr>
              <p:spPr>
                <a:xfrm>
                  <a:off x="1834208" y="3655851"/>
                  <a:ext cx="167541" cy="5"/>
                </a:xfrm>
                <a:custGeom>
                  <a:avLst/>
                  <a:gdLst/>
                  <a:ahLst/>
                  <a:cxnLst/>
                  <a:rect l="l" t="t" r="r" b="b"/>
                  <a:pathLst>
                    <a:path w="34959" h="1" fill="none" extrusionOk="0">
                      <a:moveTo>
                        <a:pt x="1" y="1"/>
                      </a:moveTo>
                      <a:lnTo>
                        <a:pt x="34959" y="1"/>
                      </a:lnTo>
                    </a:path>
                  </a:pathLst>
                </a:custGeom>
                <a:noFill/>
                <a:ln w="9525" cap="rnd" cmpd="sng">
                  <a:solidFill>
                    <a:srgbClr val="F76C6C"/>
                  </a:solidFill>
                  <a:prstDash val="solid"/>
                  <a:round/>
                  <a:headEnd type="none" w="sm" len="sm"/>
                  <a:tailEnd type="none" w="sm" len="sm"/>
                </a:ln>
              </p:spPr>
              <p:txBody>
                <a:bodyPr spcFirstLastPara="1" wrap="square" lIns="203167" tIns="203167" rIns="203167" bIns="203167" anchor="ctr" anchorCtr="0">
                  <a:noAutofit/>
                </a:bodyPr>
                <a:lstStyle/>
                <a:p>
                  <a:pPr>
                    <a:spcBef>
                      <a:spcPts val="0"/>
                    </a:spcBef>
                    <a:spcAft>
                      <a:spcPts val="0"/>
                    </a:spcAft>
                  </a:pPr>
                  <a:endParaRPr sz="6000"/>
                </a:p>
              </p:txBody>
            </p:sp>
            <p:sp>
              <p:nvSpPr>
                <p:cNvPr id="104" name="Google Shape;9617;p86">
                  <a:extLst>
                    <a:ext uri="{FF2B5EF4-FFF2-40B4-BE49-F238E27FC236}">
                      <a16:creationId xmlns:a16="http://schemas.microsoft.com/office/drawing/2014/main" id="{7A66D337-0913-7582-51E1-FC508DC4EA0D}"/>
                    </a:ext>
                  </a:extLst>
                </p:cNvPr>
                <p:cNvSpPr/>
                <p:nvPr/>
              </p:nvSpPr>
              <p:spPr>
                <a:xfrm>
                  <a:off x="2000728" y="3643867"/>
                  <a:ext cx="26665" cy="25622"/>
                </a:xfrm>
                <a:custGeom>
                  <a:avLst/>
                  <a:gdLst/>
                  <a:ahLst/>
                  <a:cxnLst/>
                  <a:rect l="l" t="t" r="r" b="b"/>
                  <a:pathLst>
                    <a:path w="5564" h="5349" extrusionOk="0">
                      <a:moveTo>
                        <a:pt x="2886" y="0"/>
                      </a:moveTo>
                      <a:cubicBezTo>
                        <a:pt x="1806" y="0"/>
                        <a:pt x="828" y="650"/>
                        <a:pt x="416" y="1649"/>
                      </a:cubicBezTo>
                      <a:cubicBezTo>
                        <a:pt x="0" y="2649"/>
                        <a:pt x="230" y="3802"/>
                        <a:pt x="996" y="4564"/>
                      </a:cubicBezTo>
                      <a:cubicBezTo>
                        <a:pt x="1506" y="5076"/>
                        <a:pt x="2190" y="5349"/>
                        <a:pt x="2887" y="5349"/>
                      </a:cubicBezTo>
                      <a:cubicBezTo>
                        <a:pt x="3232" y="5349"/>
                        <a:pt x="3580" y="5282"/>
                        <a:pt x="3911" y="5144"/>
                      </a:cubicBezTo>
                      <a:cubicBezTo>
                        <a:pt x="4911" y="4732"/>
                        <a:pt x="5560" y="3758"/>
                        <a:pt x="5563" y="2674"/>
                      </a:cubicBezTo>
                      <a:cubicBezTo>
                        <a:pt x="5560" y="1197"/>
                        <a:pt x="4363" y="0"/>
                        <a:pt x="2886" y="0"/>
                      </a:cubicBezTo>
                      <a:close/>
                    </a:path>
                  </a:pathLst>
                </a:custGeom>
                <a:solidFill>
                  <a:srgbClr val="F76C6C"/>
                </a:solidFill>
                <a:ln>
                  <a:solidFill>
                    <a:srgbClr val="F76C6C"/>
                  </a:solidFill>
                </a:ln>
              </p:spPr>
              <p:txBody>
                <a:bodyPr spcFirstLastPara="1" wrap="square" lIns="203167" tIns="203167" rIns="203167" bIns="203167" anchor="ctr" anchorCtr="0">
                  <a:noAutofit/>
                </a:bodyPr>
                <a:lstStyle/>
                <a:p>
                  <a:pPr>
                    <a:spcBef>
                      <a:spcPts val="0"/>
                    </a:spcBef>
                    <a:spcAft>
                      <a:spcPts val="0"/>
                    </a:spcAft>
                  </a:pPr>
                  <a:endParaRPr sz="6000"/>
                </a:p>
              </p:txBody>
            </p:sp>
          </p:grpSp>
          <p:grpSp>
            <p:nvGrpSpPr>
              <p:cNvPr id="98" name="Google Shape;9618;p86">
                <a:extLst>
                  <a:ext uri="{FF2B5EF4-FFF2-40B4-BE49-F238E27FC236}">
                    <a16:creationId xmlns:a16="http://schemas.microsoft.com/office/drawing/2014/main" id="{9C931594-5DFC-5DC5-02ED-A4E14167C20F}"/>
                  </a:ext>
                </a:extLst>
              </p:cNvPr>
              <p:cNvGrpSpPr/>
              <p:nvPr/>
            </p:nvGrpSpPr>
            <p:grpSpPr>
              <a:xfrm>
                <a:off x="1501054" y="3605478"/>
                <a:ext cx="422910" cy="249240"/>
                <a:chOff x="1501054" y="3605478"/>
                <a:chExt cx="422910" cy="249240"/>
              </a:xfrm>
            </p:grpSpPr>
            <p:sp>
              <p:nvSpPr>
                <p:cNvPr id="99" name="Google Shape;9619;p86">
                  <a:extLst>
                    <a:ext uri="{FF2B5EF4-FFF2-40B4-BE49-F238E27FC236}">
                      <a16:creationId xmlns:a16="http://schemas.microsoft.com/office/drawing/2014/main" id="{89D84DE1-CA29-C2EC-65DD-8DC4A67B57AB}"/>
                    </a:ext>
                  </a:extLst>
                </p:cNvPr>
                <p:cNvSpPr/>
                <p:nvPr/>
              </p:nvSpPr>
              <p:spPr>
                <a:xfrm>
                  <a:off x="1656330" y="3605478"/>
                  <a:ext cx="267634" cy="102736"/>
                </a:xfrm>
                <a:custGeom>
                  <a:avLst/>
                  <a:gdLst/>
                  <a:ahLst/>
                  <a:cxnLst/>
                  <a:rect l="l" t="t" r="r" b="b"/>
                  <a:pathLst>
                    <a:path w="37118" h="21448" extrusionOk="0">
                      <a:moveTo>
                        <a:pt x="4947" y="1"/>
                      </a:moveTo>
                      <a:cubicBezTo>
                        <a:pt x="2214" y="1"/>
                        <a:pt x="0" y="2682"/>
                        <a:pt x="0" y="5987"/>
                      </a:cubicBezTo>
                      <a:lnTo>
                        <a:pt x="0" y="15464"/>
                      </a:lnTo>
                      <a:cubicBezTo>
                        <a:pt x="0" y="18769"/>
                        <a:pt x="2214" y="21447"/>
                        <a:pt x="4950" y="21447"/>
                      </a:cubicBezTo>
                      <a:lnTo>
                        <a:pt x="32168" y="21447"/>
                      </a:lnTo>
                      <a:cubicBezTo>
                        <a:pt x="34900" y="21447"/>
                        <a:pt x="37118" y="18769"/>
                        <a:pt x="37118" y="15464"/>
                      </a:cubicBezTo>
                      <a:lnTo>
                        <a:pt x="37118" y="5987"/>
                      </a:lnTo>
                      <a:cubicBezTo>
                        <a:pt x="37118" y="2682"/>
                        <a:pt x="34900" y="1"/>
                        <a:pt x="32168" y="1"/>
                      </a:cubicBezTo>
                      <a:close/>
                    </a:path>
                  </a:pathLst>
                </a:custGeom>
                <a:solidFill>
                  <a:srgbClr val="114B5F"/>
                </a:solidFill>
                <a:ln w="9525" cap="flat" cmpd="sng">
                  <a:noFill/>
                  <a:prstDash val="solid"/>
                  <a:miter lim="3647"/>
                  <a:headEnd type="none" w="sm" len="sm"/>
                  <a:tailEnd type="none" w="sm" len="sm"/>
                </a:ln>
              </p:spPr>
              <p:txBody>
                <a:bodyPr spcFirstLastPara="1" wrap="square" lIns="203167" tIns="203167" rIns="203167" bIns="203167" anchor="ctr" anchorCtr="0">
                  <a:noAutofit/>
                </a:bodyPr>
                <a:lstStyle/>
                <a:p>
                  <a:pPr>
                    <a:spcBef>
                      <a:spcPts val="0"/>
                    </a:spcBef>
                    <a:spcAft>
                      <a:spcPts val="0"/>
                    </a:spcAft>
                  </a:pPr>
                  <a:endParaRPr sz="6000"/>
                </a:p>
              </p:txBody>
            </p:sp>
            <p:grpSp>
              <p:nvGrpSpPr>
                <p:cNvPr id="100" name="Google Shape;9620;p86">
                  <a:extLst>
                    <a:ext uri="{FF2B5EF4-FFF2-40B4-BE49-F238E27FC236}">
                      <a16:creationId xmlns:a16="http://schemas.microsoft.com/office/drawing/2014/main" id="{621191CC-7DA3-824B-A39E-9FDD94D892DE}"/>
                    </a:ext>
                  </a:extLst>
                </p:cNvPr>
                <p:cNvGrpSpPr/>
                <p:nvPr/>
              </p:nvGrpSpPr>
              <p:grpSpPr>
                <a:xfrm>
                  <a:off x="1501054" y="3655851"/>
                  <a:ext cx="155286" cy="198867"/>
                  <a:chOff x="1501054" y="3655851"/>
                  <a:chExt cx="155286" cy="198867"/>
                </a:xfrm>
              </p:grpSpPr>
              <p:sp>
                <p:nvSpPr>
                  <p:cNvPr id="101" name="Google Shape;9621;p86">
                    <a:extLst>
                      <a:ext uri="{FF2B5EF4-FFF2-40B4-BE49-F238E27FC236}">
                        <a16:creationId xmlns:a16="http://schemas.microsoft.com/office/drawing/2014/main" id="{5156AC0F-F135-C445-F817-0B896A29C83F}"/>
                      </a:ext>
                    </a:extLst>
                  </p:cNvPr>
                  <p:cNvSpPr/>
                  <p:nvPr/>
                </p:nvSpPr>
                <p:spPr>
                  <a:xfrm>
                    <a:off x="1516351" y="3655851"/>
                    <a:ext cx="139989" cy="186082"/>
                  </a:xfrm>
                  <a:custGeom>
                    <a:avLst/>
                    <a:gdLst/>
                    <a:ahLst/>
                    <a:cxnLst/>
                    <a:rect l="l" t="t" r="r" b="b"/>
                    <a:pathLst>
                      <a:path w="29210" h="38848" fill="none" extrusionOk="0">
                        <a:moveTo>
                          <a:pt x="29209" y="1"/>
                        </a:moveTo>
                        <a:lnTo>
                          <a:pt x="17922" y="1"/>
                        </a:lnTo>
                        <a:cubicBezTo>
                          <a:pt x="14829" y="1"/>
                          <a:pt x="14209" y="3466"/>
                          <a:pt x="14209" y="3466"/>
                        </a:cubicBezTo>
                        <a:lnTo>
                          <a:pt x="14209" y="26448"/>
                        </a:lnTo>
                        <a:lnTo>
                          <a:pt x="0" y="26448"/>
                        </a:lnTo>
                        <a:lnTo>
                          <a:pt x="0" y="38848"/>
                        </a:lnTo>
                      </a:path>
                    </a:pathLst>
                  </a:custGeom>
                  <a:noFill/>
                  <a:ln w="9525" cap="rnd" cmpd="sng">
                    <a:solidFill>
                      <a:srgbClr val="F76C6C"/>
                    </a:solidFill>
                    <a:prstDash val="solid"/>
                    <a:round/>
                    <a:headEnd type="none" w="sm" len="sm"/>
                    <a:tailEnd type="none" w="sm" len="sm"/>
                  </a:ln>
                </p:spPr>
                <p:txBody>
                  <a:bodyPr spcFirstLastPara="1" wrap="square" lIns="203167" tIns="203167" rIns="203167" bIns="203167" anchor="ctr" anchorCtr="0">
                    <a:noAutofit/>
                  </a:bodyPr>
                  <a:lstStyle/>
                  <a:p>
                    <a:pPr>
                      <a:spcBef>
                        <a:spcPts val="0"/>
                      </a:spcBef>
                      <a:spcAft>
                        <a:spcPts val="0"/>
                      </a:spcAft>
                    </a:pPr>
                    <a:endParaRPr sz="6000"/>
                  </a:p>
                </p:txBody>
              </p:sp>
              <p:sp>
                <p:nvSpPr>
                  <p:cNvPr id="102" name="Google Shape;9622;p86">
                    <a:extLst>
                      <a:ext uri="{FF2B5EF4-FFF2-40B4-BE49-F238E27FC236}">
                        <a16:creationId xmlns:a16="http://schemas.microsoft.com/office/drawing/2014/main" id="{E86B9CCB-C537-C50F-F864-56632E07F3CE}"/>
                      </a:ext>
                    </a:extLst>
                  </p:cNvPr>
                  <p:cNvSpPr/>
                  <p:nvPr/>
                </p:nvSpPr>
                <p:spPr>
                  <a:xfrm>
                    <a:off x="1501054" y="3829092"/>
                    <a:ext cx="26646" cy="25626"/>
                  </a:xfrm>
                  <a:custGeom>
                    <a:avLst/>
                    <a:gdLst/>
                    <a:ahLst/>
                    <a:cxnLst/>
                    <a:rect l="l" t="t" r="r" b="b"/>
                    <a:pathLst>
                      <a:path w="5560" h="5350" extrusionOk="0">
                        <a:moveTo>
                          <a:pt x="2886" y="0"/>
                        </a:moveTo>
                        <a:cubicBezTo>
                          <a:pt x="1806" y="0"/>
                          <a:pt x="828" y="653"/>
                          <a:pt x="416" y="1653"/>
                        </a:cubicBezTo>
                        <a:cubicBezTo>
                          <a:pt x="0" y="2652"/>
                          <a:pt x="230" y="3801"/>
                          <a:pt x="996" y="4567"/>
                        </a:cubicBezTo>
                        <a:cubicBezTo>
                          <a:pt x="1507" y="5078"/>
                          <a:pt x="2192" y="5350"/>
                          <a:pt x="2890" y="5350"/>
                        </a:cubicBezTo>
                        <a:cubicBezTo>
                          <a:pt x="3234" y="5350"/>
                          <a:pt x="3581" y="5283"/>
                          <a:pt x="3911" y="5147"/>
                        </a:cubicBezTo>
                        <a:cubicBezTo>
                          <a:pt x="4910" y="4731"/>
                          <a:pt x="5560" y="3757"/>
                          <a:pt x="5560" y="2678"/>
                        </a:cubicBezTo>
                        <a:cubicBezTo>
                          <a:pt x="5560" y="1200"/>
                          <a:pt x="4363" y="0"/>
                          <a:pt x="2886" y="0"/>
                        </a:cubicBezTo>
                        <a:close/>
                      </a:path>
                    </a:pathLst>
                  </a:custGeom>
                  <a:solidFill>
                    <a:srgbClr val="114B5F"/>
                  </a:solidFill>
                  <a:ln>
                    <a:solidFill>
                      <a:srgbClr val="F76C6C"/>
                    </a:solidFill>
                  </a:ln>
                </p:spPr>
                <p:txBody>
                  <a:bodyPr spcFirstLastPara="1" wrap="square" lIns="203167" tIns="203167" rIns="203167" bIns="203167" anchor="ctr" anchorCtr="0">
                    <a:noAutofit/>
                  </a:bodyPr>
                  <a:lstStyle/>
                  <a:p>
                    <a:pPr>
                      <a:spcBef>
                        <a:spcPts val="0"/>
                      </a:spcBef>
                      <a:spcAft>
                        <a:spcPts val="0"/>
                      </a:spcAft>
                    </a:pPr>
                    <a:endParaRPr sz="6000"/>
                  </a:p>
                </p:txBody>
              </p:sp>
            </p:grpSp>
          </p:grpSp>
        </p:grpSp>
        <p:grpSp>
          <p:nvGrpSpPr>
            <p:cNvPr id="18" name="Google Shape;9623;p86">
              <a:extLst>
                <a:ext uri="{FF2B5EF4-FFF2-40B4-BE49-F238E27FC236}">
                  <a16:creationId xmlns:a16="http://schemas.microsoft.com/office/drawing/2014/main" id="{21897734-975F-1D56-312F-CCCB2FA63265}"/>
                </a:ext>
              </a:extLst>
            </p:cNvPr>
            <p:cNvGrpSpPr/>
            <p:nvPr/>
          </p:nvGrpSpPr>
          <p:grpSpPr>
            <a:xfrm>
              <a:off x="724986" y="3800594"/>
              <a:ext cx="532950" cy="302090"/>
              <a:chOff x="724986" y="3800594"/>
              <a:chExt cx="532950" cy="302090"/>
            </a:xfrm>
          </p:grpSpPr>
          <p:grpSp>
            <p:nvGrpSpPr>
              <p:cNvPr id="19" name="Google Shape;9624;p86">
                <a:extLst>
                  <a:ext uri="{FF2B5EF4-FFF2-40B4-BE49-F238E27FC236}">
                    <a16:creationId xmlns:a16="http://schemas.microsoft.com/office/drawing/2014/main" id="{2BD9AC19-98C6-AD6C-7EA7-2F9B09BC8C34}"/>
                  </a:ext>
                </a:extLst>
              </p:cNvPr>
              <p:cNvGrpSpPr/>
              <p:nvPr/>
            </p:nvGrpSpPr>
            <p:grpSpPr>
              <a:xfrm>
                <a:off x="724986" y="4044367"/>
                <a:ext cx="181314" cy="25626"/>
                <a:chOff x="724986" y="4044367"/>
                <a:chExt cx="181314" cy="25626"/>
              </a:xfrm>
            </p:grpSpPr>
            <p:sp>
              <p:nvSpPr>
                <p:cNvPr id="31" name="Google Shape;9625;p86">
                  <a:extLst>
                    <a:ext uri="{FF2B5EF4-FFF2-40B4-BE49-F238E27FC236}">
                      <a16:creationId xmlns:a16="http://schemas.microsoft.com/office/drawing/2014/main" id="{447D00C1-6870-5B48-CDD1-3A72A08FFDFB}"/>
                    </a:ext>
                  </a:extLst>
                </p:cNvPr>
                <p:cNvSpPr/>
                <p:nvPr/>
              </p:nvSpPr>
              <p:spPr>
                <a:xfrm>
                  <a:off x="746695" y="4059966"/>
                  <a:ext cx="159605" cy="5"/>
                </a:xfrm>
                <a:custGeom>
                  <a:avLst/>
                  <a:gdLst/>
                  <a:ahLst/>
                  <a:cxnLst/>
                  <a:rect l="l" t="t" r="r" b="b"/>
                  <a:pathLst>
                    <a:path w="33303" h="1" fill="none" extrusionOk="0">
                      <a:moveTo>
                        <a:pt x="1" y="1"/>
                      </a:moveTo>
                      <a:lnTo>
                        <a:pt x="33303" y="1"/>
                      </a:lnTo>
                    </a:path>
                  </a:pathLst>
                </a:custGeom>
                <a:noFill/>
                <a:ln w="9525" cap="rnd" cmpd="sng">
                  <a:solidFill>
                    <a:srgbClr val="F76C6C"/>
                  </a:solidFill>
                  <a:prstDash val="solid"/>
                  <a:round/>
                  <a:headEnd type="none" w="sm" len="sm"/>
                  <a:tailEnd type="none" w="sm" len="sm"/>
                </a:ln>
              </p:spPr>
              <p:txBody>
                <a:bodyPr spcFirstLastPara="1" wrap="square" lIns="203167" tIns="203167" rIns="203167" bIns="203167" anchor="ctr" anchorCtr="0">
                  <a:noAutofit/>
                </a:bodyPr>
                <a:lstStyle/>
                <a:p>
                  <a:pPr>
                    <a:spcBef>
                      <a:spcPts val="0"/>
                    </a:spcBef>
                    <a:spcAft>
                      <a:spcPts val="0"/>
                    </a:spcAft>
                  </a:pPr>
                  <a:endParaRPr sz="6000"/>
                </a:p>
              </p:txBody>
            </p:sp>
            <p:sp>
              <p:nvSpPr>
                <p:cNvPr id="96" name="Google Shape;9626;p86">
                  <a:extLst>
                    <a:ext uri="{FF2B5EF4-FFF2-40B4-BE49-F238E27FC236}">
                      <a16:creationId xmlns:a16="http://schemas.microsoft.com/office/drawing/2014/main" id="{B12743BD-63B5-0ECB-DE27-B44C249A655B}"/>
                    </a:ext>
                  </a:extLst>
                </p:cNvPr>
                <p:cNvSpPr/>
                <p:nvPr/>
              </p:nvSpPr>
              <p:spPr>
                <a:xfrm>
                  <a:off x="724986" y="4044367"/>
                  <a:ext cx="26646" cy="25626"/>
                </a:xfrm>
                <a:custGeom>
                  <a:avLst/>
                  <a:gdLst/>
                  <a:ahLst/>
                  <a:cxnLst/>
                  <a:rect l="l" t="t" r="r" b="b"/>
                  <a:pathLst>
                    <a:path w="5560" h="5350" extrusionOk="0">
                      <a:moveTo>
                        <a:pt x="2674" y="0"/>
                      </a:moveTo>
                      <a:cubicBezTo>
                        <a:pt x="1197" y="0"/>
                        <a:pt x="0" y="1197"/>
                        <a:pt x="0" y="2674"/>
                      </a:cubicBezTo>
                      <a:cubicBezTo>
                        <a:pt x="0" y="3758"/>
                        <a:pt x="653" y="4732"/>
                        <a:pt x="1653" y="5147"/>
                      </a:cubicBezTo>
                      <a:cubicBezTo>
                        <a:pt x="1983" y="5284"/>
                        <a:pt x="2329" y="5350"/>
                        <a:pt x="2673" y="5350"/>
                      </a:cubicBezTo>
                      <a:cubicBezTo>
                        <a:pt x="3369" y="5350"/>
                        <a:pt x="4054" y="5078"/>
                        <a:pt x="4567" y="4567"/>
                      </a:cubicBezTo>
                      <a:cubicBezTo>
                        <a:pt x="5330" y="3801"/>
                        <a:pt x="5559" y="2649"/>
                        <a:pt x="5147" y="1653"/>
                      </a:cubicBezTo>
                      <a:cubicBezTo>
                        <a:pt x="4731" y="653"/>
                        <a:pt x="3757" y="0"/>
                        <a:pt x="2674" y="0"/>
                      </a:cubicBezTo>
                      <a:close/>
                    </a:path>
                  </a:pathLst>
                </a:custGeom>
                <a:solidFill>
                  <a:srgbClr val="F76C6C"/>
                </a:solidFill>
                <a:ln>
                  <a:solidFill>
                    <a:srgbClr val="F76C6C"/>
                  </a:solidFill>
                </a:ln>
              </p:spPr>
              <p:txBody>
                <a:bodyPr spcFirstLastPara="1" wrap="square" lIns="203167" tIns="203167" rIns="203167" bIns="203167" anchor="ctr" anchorCtr="0">
                  <a:noAutofit/>
                </a:bodyPr>
                <a:lstStyle/>
                <a:p>
                  <a:pPr>
                    <a:spcBef>
                      <a:spcPts val="0"/>
                    </a:spcBef>
                    <a:spcAft>
                      <a:spcPts val="0"/>
                    </a:spcAft>
                  </a:pPr>
                  <a:endParaRPr sz="6000"/>
                </a:p>
              </p:txBody>
            </p:sp>
          </p:grpSp>
          <p:grpSp>
            <p:nvGrpSpPr>
              <p:cNvPr id="20" name="Google Shape;9627;p86">
                <a:extLst>
                  <a:ext uri="{FF2B5EF4-FFF2-40B4-BE49-F238E27FC236}">
                    <a16:creationId xmlns:a16="http://schemas.microsoft.com/office/drawing/2014/main" id="{891D707B-C765-C0B9-8A43-A186E37E7054}"/>
                  </a:ext>
                </a:extLst>
              </p:cNvPr>
              <p:cNvGrpSpPr/>
              <p:nvPr/>
            </p:nvGrpSpPr>
            <p:grpSpPr>
              <a:xfrm>
                <a:off x="818446" y="3800594"/>
                <a:ext cx="439490" cy="302090"/>
                <a:chOff x="818446" y="3800594"/>
                <a:chExt cx="439490" cy="302090"/>
              </a:xfrm>
            </p:grpSpPr>
            <p:grpSp>
              <p:nvGrpSpPr>
                <p:cNvPr id="24" name="Google Shape;9628;p86">
                  <a:extLst>
                    <a:ext uri="{FF2B5EF4-FFF2-40B4-BE49-F238E27FC236}">
                      <a16:creationId xmlns:a16="http://schemas.microsoft.com/office/drawing/2014/main" id="{B85D7139-8AFD-1BCE-CEA0-CE0113D85686}"/>
                    </a:ext>
                  </a:extLst>
                </p:cNvPr>
                <p:cNvGrpSpPr/>
                <p:nvPr/>
              </p:nvGrpSpPr>
              <p:grpSpPr>
                <a:xfrm>
                  <a:off x="1084172" y="3842857"/>
                  <a:ext cx="173764" cy="217131"/>
                  <a:chOff x="1084172" y="3842857"/>
                  <a:chExt cx="173764" cy="217131"/>
                </a:xfrm>
              </p:grpSpPr>
              <p:sp>
                <p:nvSpPr>
                  <p:cNvPr id="27" name="Google Shape;9632;p86">
                    <a:extLst>
                      <a:ext uri="{FF2B5EF4-FFF2-40B4-BE49-F238E27FC236}">
                        <a16:creationId xmlns:a16="http://schemas.microsoft.com/office/drawing/2014/main" id="{D1C05F1A-591A-5B38-2B9D-A8B2CD886031}"/>
                      </a:ext>
                    </a:extLst>
                  </p:cNvPr>
                  <p:cNvSpPr/>
                  <p:nvPr/>
                </p:nvSpPr>
                <p:spPr>
                  <a:xfrm>
                    <a:off x="1084172" y="3842857"/>
                    <a:ext cx="86476" cy="217131"/>
                  </a:xfrm>
                  <a:custGeom>
                    <a:avLst/>
                    <a:gdLst/>
                    <a:ahLst/>
                    <a:cxnLst/>
                    <a:rect l="l" t="t" r="r" b="b"/>
                    <a:pathLst>
                      <a:path w="18044" h="45330" fill="none" extrusionOk="0">
                        <a:moveTo>
                          <a:pt x="0" y="45330"/>
                        </a:moveTo>
                        <a:lnTo>
                          <a:pt x="12418" y="45330"/>
                        </a:lnTo>
                        <a:cubicBezTo>
                          <a:pt x="15150" y="45330"/>
                          <a:pt x="18043" y="42619"/>
                          <a:pt x="18043" y="35634"/>
                        </a:cubicBezTo>
                        <a:lnTo>
                          <a:pt x="18043" y="9697"/>
                        </a:lnTo>
                        <a:cubicBezTo>
                          <a:pt x="18043" y="2711"/>
                          <a:pt x="15150" y="1"/>
                          <a:pt x="12418" y="1"/>
                        </a:cubicBezTo>
                        <a:lnTo>
                          <a:pt x="1715" y="1"/>
                        </a:lnTo>
                      </a:path>
                    </a:pathLst>
                  </a:custGeom>
                  <a:noFill/>
                  <a:ln w="9525" cap="rnd" cmpd="sng">
                    <a:solidFill>
                      <a:srgbClr val="F76C6C"/>
                    </a:solidFill>
                    <a:prstDash val="solid"/>
                    <a:round/>
                    <a:headEnd type="none" w="sm" len="sm"/>
                    <a:tailEnd type="none" w="sm" len="sm"/>
                  </a:ln>
                </p:spPr>
                <p:txBody>
                  <a:bodyPr spcFirstLastPara="1" wrap="square" lIns="203167" tIns="203167" rIns="203167" bIns="203167" anchor="ctr" anchorCtr="0">
                    <a:noAutofit/>
                  </a:bodyPr>
                  <a:lstStyle/>
                  <a:p>
                    <a:pPr>
                      <a:spcBef>
                        <a:spcPts val="0"/>
                      </a:spcBef>
                      <a:spcAft>
                        <a:spcPts val="0"/>
                      </a:spcAft>
                    </a:pPr>
                    <a:endParaRPr sz="6000"/>
                  </a:p>
                </p:txBody>
              </p:sp>
              <p:grpSp>
                <p:nvGrpSpPr>
                  <p:cNvPr id="28" name="Google Shape;9629;p86">
                    <a:extLst>
                      <a:ext uri="{FF2B5EF4-FFF2-40B4-BE49-F238E27FC236}">
                        <a16:creationId xmlns:a16="http://schemas.microsoft.com/office/drawing/2014/main" id="{AD5E4ED9-00E6-543B-0399-B3262E41B682}"/>
                      </a:ext>
                    </a:extLst>
                  </p:cNvPr>
                  <p:cNvGrpSpPr/>
                  <p:nvPr/>
                </p:nvGrpSpPr>
                <p:grpSpPr>
                  <a:xfrm>
                    <a:off x="1156862" y="3936509"/>
                    <a:ext cx="101073" cy="25622"/>
                    <a:chOff x="1156862" y="3936509"/>
                    <a:chExt cx="101073" cy="25622"/>
                  </a:xfrm>
                </p:grpSpPr>
                <p:sp>
                  <p:nvSpPr>
                    <p:cNvPr id="29" name="Google Shape;9631;p86">
                      <a:extLst>
                        <a:ext uri="{FF2B5EF4-FFF2-40B4-BE49-F238E27FC236}">
                          <a16:creationId xmlns:a16="http://schemas.microsoft.com/office/drawing/2014/main" id="{885B0879-CC0E-5CD9-8716-B1F2BB1E6AD9}"/>
                        </a:ext>
                      </a:extLst>
                    </p:cNvPr>
                    <p:cNvSpPr/>
                    <p:nvPr/>
                  </p:nvSpPr>
                  <p:spPr>
                    <a:xfrm>
                      <a:off x="1173592" y="3951414"/>
                      <a:ext cx="84343" cy="5"/>
                    </a:xfrm>
                    <a:custGeom>
                      <a:avLst/>
                      <a:gdLst/>
                      <a:ahLst/>
                      <a:cxnLst/>
                      <a:rect l="l" t="t" r="r" b="b"/>
                      <a:pathLst>
                        <a:path w="17599" h="1" fill="none" extrusionOk="0">
                          <a:moveTo>
                            <a:pt x="17598" y="0"/>
                          </a:moveTo>
                          <a:lnTo>
                            <a:pt x="1" y="0"/>
                          </a:lnTo>
                        </a:path>
                      </a:pathLst>
                    </a:custGeom>
                    <a:noFill/>
                    <a:ln w="9525" cap="rnd" cmpd="sng">
                      <a:solidFill>
                        <a:srgbClr val="F76C6C"/>
                      </a:solidFill>
                      <a:prstDash val="solid"/>
                      <a:round/>
                      <a:headEnd type="none" w="sm" len="sm"/>
                      <a:tailEnd type="none" w="sm" len="sm"/>
                    </a:ln>
                  </p:spPr>
                  <p:txBody>
                    <a:bodyPr spcFirstLastPara="1" wrap="square" lIns="203167" tIns="203167" rIns="203167" bIns="203167" anchor="ctr" anchorCtr="0">
                      <a:noAutofit/>
                    </a:bodyPr>
                    <a:lstStyle/>
                    <a:p>
                      <a:pPr>
                        <a:spcBef>
                          <a:spcPts val="0"/>
                        </a:spcBef>
                        <a:spcAft>
                          <a:spcPts val="0"/>
                        </a:spcAft>
                      </a:pPr>
                      <a:endParaRPr sz="6000"/>
                    </a:p>
                  </p:txBody>
                </p:sp>
                <p:sp>
                  <p:nvSpPr>
                    <p:cNvPr id="30" name="Google Shape;9630;p86">
                      <a:extLst>
                        <a:ext uri="{FF2B5EF4-FFF2-40B4-BE49-F238E27FC236}">
                          <a16:creationId xmlns:a16="http://schemas.microsoft.com/office/drawing/2014/main" id="{74E539C9-A124-79DA-6227-10EA5EEDE0C7}"/>
                        </a:ext>
                      </a:extLst>
                    </p:cNvPr>
                    <p:cNvSpPr/>
                    <p:nvPr/>
                  </p:nvSpPr>
                  <p:spPr>
                    <a:xfrm>
                      <a:off x="1156862" y="3936509"/>
                      <a:ext cx="26651" cy="25622"/>
                    </a:xfrm>
                    <a:custGeom>
                      <a:avLst/>
                      <a:gdLst/>
                      <a:ahLst/>
                      <a:cxnLst/>
                      <a:rect l="l" t="t" r="r" b="b"/>
                      <a:pathLst>
                        <a:path w="5561" h="5349" extrusionOk="0">
                          <a:moveTo>
                            <a:pt x="2886" y="1"/>
                          </a:moveTo>
                          <a:cubicBezTo>
                            <a:pt x="1803" y="1"/>
                            <a:pt x="829" y="650"/>
                            <a:pt x="413" y="1649"/>
                          </a:cubicBezTo>
                          <a:cubicBezTo>
                            <a:pt x="1" y="2649"/>
                            <a:pt x="227" y="3798"/>
                            <a:pt x="993" y="4564"/>
                          </a:cubicBezTo>
                          <a:cubicBezTo>
                            <a:pt x="1505" y="5076"/>
                            <a:pt x="2189" y="5349"/>
                            <a:pt x="2884" y="5349"/>
                          </a:cubicBezTo>
                          <a:cubicBezTo>
                            <a:pt x="3229" y="5349"/>
                            <a:pt x="3576" y="5282"/>
                            <a:pt x="3908" y="5144"/>
                          </a:cubicBezTo>
                          <a:cubicBezTo>
                            <a:pt x="4907" y="4732"/>
                            <a:pt x="5560" y="3758"/>
                            <a:pt x="5560" y="2674"/>
                          </a:cubicBezTo>
                          <a:cubicBezTo>
                            <a:pt x="5560" y="1197"/>
                            <a:pt x="4364" y="1"/>
                            <a:pt x="2886" y="1"/>
                          </a:cubicBezTo>
                          <a:close/>
                        </a:path>
                      </a:pathLst>
                    </a:custGeom>
                    <a:solidFill>
                      <a:srgbClr val="114B5F"/>
                    </a:solidFill>
                    <a:ln>
                      <a:solidFill>
                        <a:srgbClr val="F76C6C"/>
                      </a:solidFill>
                    </a:ln>
                  </p:spPr>
                  <p:txBody>
                    <a:bodyPr spcFirstLastPara="1" wrap="square" lIns="203167" tIns="203167" rIns="203167" bIns="203167" anchor="ctr" anchorCtr="0">
                      <a:noAutofit/>
                    </a:bodyPr>
                    <a:lstStyle/>
                    <a:p>
                      <a:pPr>
                        <a:spcBef>
                          <a:spcPts val="0"/>
                        </a:spcBef>
                        <a:spcAft>
                          <a:spcPts val="0"/>
                        </a:spcAft>
                      </a:pPr>
                      <a:endParaRPr sz="6000"/>
                    </a:p>
                  </p:txBody>
                </p:sp>
              </p:grpSp>
            </p:grpSp>
            <p:sp>
              <p:nvSpPr>
                <p:cNvPr id="25" name="Google Shape;9633;p86">
                  <a:extLst>
                    <a:ext uri="{FF2B5EF4-FFF2-40B4-BE49-F238E27FC236}">
                      <a16:creationId xmlns:a16="http://schemas.microsoft.com/office/drawing/2014/main" id="{DE2CA5DF-2095-905C-739F-55F39E6E2670}"/>
                    </a:ext>
                  </a:extLst>
                </p:cNvPr>
                <p:cNvSpPr/>
                <p:nvPr/>
              </p:nvSpPr>
              <p:spPr>
                <a:xfrm>
                  <a:off x="818446" y="3999967"/>
                  <a:ext cx="265737" cy="102717"/>
                </a:xfrm>
                <a:custGeom>
                  <a:avLst/>
                  <a:gdLst/>
                  <a:ahLst/>
                  <a:cxnLst/>
                  <a:rect l="l" t="t" r="r" b="b"/>
                  <a:pathLst>
                    <a:path w="37119" h="21444" extrusionOk="0">
                      <a:moveTo>
                        <a:pt x="4947" y="1"/>
                      </a:moveTo>
                      <a:cubicBezTo>
                        <a:pt x="2215" y="1"/>
                        <a:pt x="1" y="2678"/>
                        <a:pt x="1" y="5983"/>
                      </a:cubicBezTo>
                      <a:lnTo>
                        <a:pt x="1" y="15461"/>
                      </a:lnTo>
                      <a:cubicBezTo>
                        <a:pt x="1" y="18766"/>
                        <a:pt x="2215" y="21443"/>
                        <a:pt x="4947" y="21443"/>
                      </a:cubicBezTo>
                      <a:lnTo>
                        <a:pt x="32168" y="21443"/>
                      </a:lnTo>
                      <a:cubicBezTo>
                        <a:pt x="34901" y="21443"/>
                        <a:pt x="37118" y="18766"/>
                        <a:pt x="37118" y="15461"/>
                      </a:cubicBezTo>
                      <a:lnTo>
                        <a:pt x="37118" y="5983"/>
                      </a:lnTo>
                      <a:cubicBezTo>
                        <a:pt x="37118" y="2678"/>
                        <a:pt x="34901" y="1"/>
                        <a:pt x="32168" y="1"/>
                      </a:cubicBezTo>
                      <a:close/>
                    </a:path>
                  </a:pathLst>
                </a:custGeom>
                <a:solidFill>
                  <a:srgbClr val="114B5F"/>
                </a:solidFill>
                <a:ln w="9525" cap="flat" cmpd="sng">
                  <a:noFill/>
                  <a:prstDash val="solid"/>
                  <a:miter lim="3647"/>
                  <a:headEnd type="none" w="sm" len="sm"/>
                  <a:tailEnd type="none" w="sm" len="sm"/>
                </a:ln>
              </p:spPr>
              <p:txBody>
                <a:bodyPr spcFirstLastPara="1" wrap="square" lIns="203167" tIns="203167" rIns="203167" bIns="203167" anchor="ctr" anchorCtr="0">
                  <a:noAutofit/>
                </a:bodyPr>
                <a:lstStyle/>
                <a:p>
                  <a:pPr>
                    <a:spcBef>
                      <a:spcPts val="0"/>
                    </a:spcBef>
                    <a:spcAft>
                      <a:spcPts val="0"/>
                    </a:spcAft>
                  </a:pPr>
                  <a:endParaRPr sz="6000" dirty="0"/>
                </a:p>
              </p:txBody>
            </p:sp>
            <p:sp>
              <p:nvSpPr>
                <p:cNvPr id="26" name="Google Shape;9634;p86">
                  <a:extLst>
                    <a:ext uri="{FF2B5EF4-FFF2-40B4-BE49-F238E27FC236}">
                      <a16:creationId xmlns:a16="http://schemas.microsoft.com/office/drawing/2014/main" id="{DC405CF7-25B7-25A2-A40F-A961CE2D55B4}"/>
                    </a:ext>
                  </a:extLst>
                </p:cNvPr>
                <p:cNvSpPr/>
                <p:nvPr/>
              </p:nvSpPr>
              <p:spPr>
                <a:xfrm>
                  <a:off x="818605" y="3800594"/>
                  <a:ext cx="273792" cy="102731"/>
                </a:xfrm>
                <a:custGeom>
                  <a:avLst/>
                  <a:gdLst/>
                  <a:ahLst/>
                  <a:cxnLst/>
                  <a:rect l="l" t="t" r="r" b="b"/>
                  <a:pathLst>
                    <a:path w="37118" h="21447" extrusionOk="0">
                      <a:moveTo>
                        <a:pt x="4951" y="0"/>
                      </a:moveTo>
                      <a:cubicBezTo>
                        <a:pt x="2218" y="0"/>
                        <a:pt x="0" y="2678"/>
                        <a:pt x="0" y="5983"/>
                      </a:cubicBezTo>
                      <a:lnTo>
                        <a:pt x="0" y="15460"/>
                      </a:lnTo>
                      <a:cubicBezTo>
                        <a:pt x="0" y="18765"/>
                        <a:pt x="2215" y="21446"/>
                        <a:pt x="4951" y="21446"/>
                      </a:cubicBezTo>
                      <a:lnTo>
                        <a:pt x="32168" y="21446"/>
                      </a:lnTo>
                      <a:cubicBezTo>
                        <a:pt x="34900" y="21446"/>
                        <a:pt x="37118" y="18765"/>
                        <a:pt x="37118" y="15460"/>
                      </a:cubicBezTo>
                      <a:lnTo>
                        <a:pt x="37118" y="5983"/>
                      </a:lnTo>
                      <a:cubicBezTo>
                        <a:pt x="37118" y="2678"/>
                        <a:pt x="34900" y="0"/>
                        <a:pt x="32168" y="0"/>
                      </a:cubicBezTo>
                      <a:close/>
                    </a:path>
                  </a:pathLst>
                </a:custGeom>
                <a:solidFill>
                  <a:srgbClr val="114B5F"/>
                </a:solidFill>
                <a:ln w="9525" cap="flat" cmpd="sng">
                  <a:noFill/>
                  <a:prstDash val="solid"/>
                  <a:miter lim="3647"/>
                  <a:headEnd type="none" w="sm" len="sm"/>
                  <a:tailEnd type="none" w="sm" len="sm"/>
                </a:ln>
              </p:spPr>
              <p:txBody>
                <a:bodyPr spcFirstLastPara="1" wrap="square" lIns="203167" tIns="203167" rIns="203167" bIns="203167" anchor="ctr" anchorCtr="0">
                  <a:noAutofit/>
                </a:bodyPr>
                <a:lstStyle/>
                <a:p>
                  <a:pPr>
                    <a:spcBef>
                      <a:spcPts val="0"/>
                    </a:spcBef>
                    <a:spcAft>
                      <a:spcPts val="0"/>
                    </a:spcAft>
                  </a:pPr>
                  <a:endParaRPr sz="6000"/>
                </a:p>
              </p:txBody>
            </p:sp>
          </p:grpSp>
          <p:grpSp>
            <p:nvGrpSpPr>
              <p:cNvPr id="21" name="Google Shape;9635;p86">
                <a:extLst>
                  <a:ext uri="{FF2B5EF4-FFF2-40B4-BE49-F238E27FC236}">
                    <a16:creationId xmlns:a16="http://schemas.microsoft.com/office/drawing/2014/main" id="{C5457E95-335E-1009-120D-5AE3E2E9E4D0}"/>
                  </a:ext>
                </a:extLst>
              </p:cNvPr>
              <p:cNvGrpSpPr/>
              <p:nvPr/>
            </p:nvGrpSpPr>
            <p:grpSpPr>
              <a:xfrm>
                <a:off x="724986" y="3830189"/>
                <a:ext cx="93460" cy="25626"/>
                <a:chOff x="724986" y="3830189"/>
                <a:chExt cx="93460" cy="25626"/>
              </a:xfrm>
            </p:grpSpPr>
            <p:sp>
              <p:nvSpPr>
                <p:cNvPr id="22" name="Google Shape;9636;p86">
                  <a:extLst>
                    <a:ext uri="{FF2B5EF4-FFF2-40B4-BE49-F238E27FC236}">
                      <a16:creationId xmlns:a16="http://schemas.microsoft.com/office/drawing/2014/main" id="{124B0395-D85F-2837-ACA2-5B83960C438E}"/>
                    </a:ext>
                  </a:extLst>
                </p:cNvPr>
                <p:cNvSpPr/>
                <p:nvPr/>
              </p:nvSpPr>
              <p:spPr>
                <a:xfrm>
                  <a:off x="724986" y="3830189"/>
                  <a:ext cx="26646" cy="25626"/>
                </a:xfrm>
                <a:custGeom>
                  <a:avLst/>
                  <a:gdLst/>
                  <a:ahLst/>
                  <a:cxnLst/>
                  <a:rect l="l" t="t" r="r" b="b"/>
                  <a:pathLst>
                    <a:path w="5560" h="5350" extrusionOk="0">
                      <a:moveTo>
                        <a:pt x="2674" y="1"/>
                      </a:moveTo>
                      <a:cubicBezTo>
                        <a:pt x="1197" y="1"/>
                        <a:pt x="0" y="1197"/>
                        <a:pt x="0" y="2675"/>
                      </a:cubicBezTo>
                      <a:cubicBezTo>
                        <a:pt x="0" y="3758"/>
                        <a:pt x="653" y="4732"/>
                        <a:pt x="1653" y="5144"/>
                      </a:cubicBezTo>
                      <a:cubicBezTo>
                        <a:pt x="1984" y="5282"/>
                        <a:pt x="2331" y="5349"/>
                        <a:pt x="2676" y="5349"/>
                      </a:cubicBezTo>
                      <a:cubicBezTo>
                        <a:pt x="3371" y="5349"/>
                        <a:pt x="4055" y="5077"/>
                        <a:pt x="4567" y="4564"/>
                      </a:cubicBezTo>
                      <a:cubicBezTo>
                        <a:pt x="5330" y="3802"/>
                        <a:pt x="5559" y="2649"/>
                        <a:pt x="5147" y="1650"/>
                      </a:cubicBezTo>
                      <a:cubicBezTo>
                        <a:pt x="4731" y="650"/>
                        <a:pt x="3757" y="1"/>
                        <a:pt x="2674" y="1"/>
                      </a:cubicBezTo>
                      <a:close/>
                    </a:path>
                  </a:pathLst>
                </a:custGeom>
                <a:solidFill>
                  <a:srgbClr val="F76C6C"/>
                </a:solidFill>
                <a:ln>
                  <a:solidFill>
                    <a:srgbClr val="F76C6C"/>
                  </a:solidFill>
                </a:ln>
              </p:spPr>
              <p:txBody>
                <a:bodyPr spcFirstLastPara="1" wrap="square" lIns="203167" tIns="203167" rIns="203167" bIns="203167" anchor="ctr" anchorCtr="0">
                  <a:noAutofit/>
                </a:bodyPr>
                <a:lstStyle/>
                <a:p>
                  <a:pPr>
                    <a:spcBef>
                      <a:spcPts val="0"/>
                    </a:spcBef>
                    <a:spcAft>
                      <a:spcPts val="0"/>
                    </a:spcAft>
                  </a:pPr>
                  <a:endParaRPr sz="6000"/>
                </a:p>
              </p:txBody>
            </p:sp>
            <p:sp>
              <p:nvSpPr>
                <p:cNvPr id="23" name="Google Shape;9637;p86">
                  <a:extLst>
                    <a:ext uri="{FF2B5EF4-FFF2-40B4-BE49-F238E27FC236}">
                      <a16:creationId xmlns:a16="http://schemas.microsoft.com/office/drawing/2014/main" id="{8BC40B5F-2D95-6154-881B-012FC6021F16}"/>
                    </a:ext>
                  </a:extLst>
                </p:cNvPr>
                <p:cNvSpPr/>
                <p:nvPr/>
              </p:nvSpPr>
              <p:spPr>
                <a:xfrm>
                  <a:off x="754156" y="3835125"/>
                  <a:ext cx="64290" cy="10068"/>
                </a:xfrm>
                <a:custGeom>
                  <a:avLst/>
                  <a:gdLst/>
                  <a:ahLst/>
                  <a:cxnLst/>
                  <a:rect l="l" t="t" r="r" b="b"/>
                  <a:pathLst>
                    <a:path w="35018" h="1" fill="none" extrusionOk="0">
                      <a:moveTo>
                        <a:pt x="35017" y="1"/>
                      </a:moveTo>
                      <a:lnTo>
                        <a:pt x="1" y="1"/>
                      </a:lnTo>
                    </a:path>
                  </a:pathLst>
                </a:custGeom>
                <a:noFill/>
                <a:ln w="9525" cap="rnd" cmpd="sng">
                  <a:solidFill>
                    <a:srgbClr val="F76C6C"/>
                  </a:solidFill>
                  <a:prstDash val="solid"/>
                  <a:round/>
                  <a:headEnd type="none" w="sm" len="sm"/>
                  <a:tailEnd type="none" w="sm" len="sm"/>
                </a:ln>
              </p:spPr>
              <p:txBody>
                <a:bodyPr spcFirstLastPara="1" wrap="square" lIns="203167" tIns="203167" rIns="203167" bIns="203167" anchor="ctr" anchorCtr="0">
                  <a:noAutofit/>
                </a:bodyPr>
                <a:lstStyle/>
                <a:p>
                  <a:pPr>
                    <a:spcBef>
                      <a:spcPts val="0"/>
                    </a:spcBef>
                    <a:spcAft>
                      <a:spcPts val="0"/>
                    </a:spcAft>
                  </a:pPr>
                  <a:endParaRPr sz="6000"/>
                </a:p>
              </p:txBody>
            </p:sp>
          </p:grpSp>
        </p:grpSp>
      </p:grpSp>
      <p:pic>
        <p:nvPicPr>
          <p:cNvPr id="170" name="Graphic 169" descr="Siren with solid fill">
            <a:extLst>
              <a:ext uri="{FF2B5EF4-FFF2-40B4-BE49-F238E27FC236}">
                <a16:creationId xmlns:a16="http://schemas.microsoft.com/office/drawing/2014/main" id="{1DCF15EC-3792-BF2A-53D1-0B4805F7F04A}"/>
              </a:ext>
            </a:extLst>
          </p:cNvPr>
          <p:cNvPicPr>
            <a:picLocks noChangeAspect="1"/>
          </p:cNvPicPr>
          <p:nvPr/>
        </p:nvPicPr>
        <p:blipFill>
          <a:blip r:embed="rId2">
            <a:extLst>
              <a:ext uri="{96DAC541-7B7A-43D3-8B79-37D633B846F1}">
                <asvg:svgBlip xmlns:asvg="http://schemas.microsoft.com/office/drawing/2016/SVG/main" xmlns="" r:embed="rId3"/>
              </a:ext>
            </a:extLst>
          </a:blip>
          <a:stretch>
            <a:fillRect/>
          </a:stretch>
        </p:blipFill>
        <p:spPr>
          <a:xfrm>
            <a:off x="8783531" y="5064114"/>
            <a:ext cx="2032000" cy="2032000"/>
          </a:xfrm>
          <a:prstGeom prst="rect">
            <a:avLst/>
          </a:prstGeom>
        </p:spPr>
      </p:pic>
      <p:sp>
        <p:nvSpPr>
          <p:cNvPr id="171" name="Google Shape;9592;p86">
            <a:extLst>
              <a:ext uri="{FF2B5EF4-FFF2-40B4-BE49-F238E27FC236}">
                <a16:creationId xmlns:a16="http://schemas.microsoft.com/office/drawing/2014/main" id="{740C9C78-551E-5E2B-F527-3F364E54A477}"/>
              </a:ext>
            </a:extLst>
          </p:cNvPr>
          <p:cNvSpPr/>
          <p:nvPr/>
        </p:nvSpPr>
        <p:spPr>
          <a:xfrm rot="5400000">
            <a:off x="9415217" y="8137555"/>
            <a:ext cx="805002" cy="51"/>
          </a:xfrm>
          <a:custGeom>
            <a:avLst/>
            <a:gdLst/>
            <a:ahLst/>
            <a:cxnLst/>
            <a:rect l="l" t="t" r="r" b="b"/>
            <a:pathLst>
              <a:path w="17599" h="1" fill="none" extrusionOk="0">
                <a:moveTo>
                  <a:pt x="1" y="0"/>
                </a:moveTo>
                <a:lnTo>
                  <a:pt x="17598" y="0"/>
                </a:lnTo>
              </a:path>
            </a:pathLst>
          </a:custGeom>
          <a:noFill/>
          <a:ln w="9525" cap="rnd" cmpd="sng">
            <a:solidFill>
              <a:srgbClr val="C15252"/>
            </a:solidFill>
            <a:prstDash val="solid"/>
            <a:round/>
            <a:headEnd type="none" w="sm" len="sm"/>
            <a:tailEnd type="none" w="sm" len="sm"/>
          </a:ln>
        </p:spPr>
        <p:txBody>
          <a:bodyPr spcFirstLastPara="1" wrap="square" lIns="203167" tIns="203167" rIns="203167" bIns="203167" anchor="ctr" anchorCtr="0">
            <a:noAutofit/>
          </a:bodyPr>
          <a:lstStyle/>
          <a:p>
            <a:pPr>
              <a:spcBef>
                <a:spcPts val="0"/>
              </a:spcBef>
              <a:spcAft>
                <a:spcPts val="0"/>
              </a:spcAft>
            </a:pPr>
            <a:endParaRPr sz="6000"/>
          </a:p>
        </p:txBody>
      </p:sp>
      <p:sp>
        <p:nvSpPr>
          <p:cNvPr id="172" name="Google Shape;9593;p86">
            <a:extLst>
              <a:ext uri="{FF2B5EF4-FFF2-40B4-BE49-F238E27FC236}">
                <a16:creationId xmlns:a16="http://schemas.microsoft.com/office/drawing/2014/main" id="{6ECC012C-5075-678D-286E-47FAACF2BA2A}"/>
              </a:ext>
            </a:extLst>
          </p:cNvPr>
          <p:cNvSpPr/>
          <p:nvPr/>
        </p:nvSpPr>
        <p:spPr>
          <a:xfrm rot="5400000">
            <a:off x="9715742" y="7605809"/>
            <a:ext cx="254320" cy="258544"/>
          </a:xfrm>
          <a:custGeom>
            <a:avLst/>
            <a:gdLst/>
            <a:ahLst/>
            <a:cxnLst/>
            <a:rect l="l" t="t" r="r" b="b"/>
            <a:pathLst>
              <a:path w="5560" h="5349" extrusionOk="0">
                <a:moveTo>
                  <a:pt x="2882" y="1"/>
                </a:moveTo>
                <a:cubicBezTo>
                  <a:pt x="1802" y="1"/>
                  <a:pt x="828" y="650"/>
                  <a:pt x="412" y="1649"/>
                </a:cubicBezTo>
                <a:cubicBezTo>
                  <a:pt x="0" y="2649"/>
                  <a:pt x="226" y="3798"/>
                  <a:pt x="993" y="4564"/>
                </a:cubicBezTo>
                <a:cubicBezTo>
                  <a:pt x="1502" y="5076"/>
                  <a:pt x="2187" y="5349"/>
                  <a:pt x="2883" y="5349"/>
                </a:cubicBezTo>
                <a:cubicBezTo>
                  <a:pt x="3228" y="5349"/>
                  <a:pt x="3576" y="5282"/>
                  <a:pt x="3907" y="5144"/>
                </a:cubicBezTo>
                <a:cubicBezTo>
                  <a:pt x="4907" y="4732"/>
                  <a:pt x="5556" y="3758"/>
                  <a:pt x="5560" y="2674"/>
                </a:cubicBezTo>
                <a:cubicBezTo>
                  <a:pt x="5560" y="1197"/>
                  <a:pt x="4360" y="1"/>
                  <a:pt x="2882" y="1"/>
                </a:cubicBezTo>
                <a:close/>
              </a:path>
            </a:pathLst>
          </a:custGeom>
          <a:solidFill>
            <a:srgbClr val="114B5F"/>
          </a:solidFill>
          <a:ln>
            <a:noFill/>
          </a:ln>
        </p:spPr>
        <p:txBody>
          <a:bodyPr spcFirstLastPara="1" wrap="square" lIns="203167" tIns="203167" rIns="203167" bIns="203167" anchor="ctr" anchorCtr="0">
            <a:noAutofit/>
          </a:bodyPr>
          <a:lstStyle/>
          <a:p>
            <a:pPr>
              <a:spcBef>
                <a:spcPts val="0"/>
              </a:spcBef>
              <a:spcAft>
                <a:spcPts val="0"/>
              </a:spcAft>
            </a:pPr>
            <a:endParaRPr sz="6000"/>
          </a:p>
        </p:txBody>
      </p:sp>
      <p:sp>
        <p:nvSpPr>
          <p:cNvPr id="173" name="Google Shape;9579;p86">
            <a:extLst>
              <a:ext uri="{FF2B5EF4-FFF2-40B4-BE49-F238E27FC236}">
                <a16:creationId xmlns:a16="http://schemas.microsoft.com/office/drawing/2014/main" id="{D43FD6CB-5693-292F-0DB2-C61F5608B04B}"/>
              </a:ext>
            </a:extLst>
          </p:cNvPr>
          <p:cNvSpPr/>
          <p:nvPr/>
        </p:nvSpPr>
        <p:spPr>
          <a:xfrm>
            <a:off x="8350199" y="8314830"/>
            <a:ext cx="2876802" cy="1633333"/>
          </a:xfrm>
          <a:custGeom>
            <a:avLst/>
            <a:gdLst/>
            <a:ahLst/>
            <a:cxnLst/>
            <a:rect l="l" t="t" r="r" b="b"/>
            <a:pathLst>
              <a:path w="37118" h="21448" extrusionOk="0">
                <a:moveTo>
                  <a:pt x="4950" y="1"/>
                </a:moveTo>
                <a:cubicBezTo>
                  <a:pt x="2218" y="1"/>
                  <a:pt x="0" y="2679"/>
                  <a:pt x="0" y="5984"/>
                </a:cubicBezTo>
                <a:lnTo>
                  <a:pt x="0" y="15461"/>
                </a:lnTo>
                <a:cubicBezTo>
                  <a:pt x="0" y="18766"/>
                  <a:pt x="2218" y="21447"/>
                  <a:pt x="4950" y="21447"/>
                </a:cubicBezTo>
                <a:lnTo>
                  <a:pt x="32168" y="21447"/>
                </a:lnTo>
                <a:cubicBezTo>
                  <a:pt x="34904" y="21447"/>
                  <a:pt x="37118" y="18766"/>
                  <a:pt x="37118" y="15461"/>
                </a:cubicBezTo>
                <a:lnTo>
                  <a:pt x="37118" y="5984"/>
                </a:lnTo>
                <a:cubicBezTo>
                  <a:pt x="37118" y="2679"/>
                  <a:pt x="34904" y="1"/>
                  <a:pt x="32168" y="1"/>
                </a:cubicBezTo>
                <a:close/>
              </a:path>
            </a:pathLst>
          </a:custGeom>
          <a:solidFill>
            <a:srgbClr val="114B5F"/>
          </a:solidFill>
          <a:ln w="9525" cap="flat" cmpd="sng">
            <a:noFill/>
            <a:prstDash val="solid"/>
            <a:miter lim="3647"/>
            <a:headEnd type="none" w="sm" len="sm"/>
            <a:tailEnd type="none" w="sm" len="sm"/>
          </a:ln>
        </p:spPr>
        <p:txBody>
          <a:bodyPr spcFirstLastPara="1" wrap="square" lIns="203167" tIns="203167" rIns="203167" bIns="203167" anchor="ctr" anchorCtr="0">
            <a:noAutofit/>
          </a:bodyPr>
          <a:lstStyle/>
          <a:p>
            <a:pPr>
              <a:spcBef>
                <a:spcPts val="0"/>
              </a:spcBef>
              <a:spcAft>
                <a:spcPts val="0"/>
              </a:spcAft>
            </a:pPr>
            <a:endParaRPr sz="6000"/>
          </a:p>
        </p:txBody>
      </p:sp>
      <p:sp>
        <p:nvSpPr>
          <p:cNvPr id="174" name="Google Shape;9592;p86">
            <a:extLst>
              <a:ext uri="{FF2B5EF4-FFF2-40B4-BE49-F238E27FC236}">
                <a16:creationId xmlns:a16="http://schemas.microsoft.com/office/drawing/2014/main" id="{6298C8CC-E9F5-50AD-3214-87B939C7A6C4}"/>
              </a:ext>
            </a:extLst>
          </p:cNvPr>
          <p:cNvSpPr/>
          <p:nvPr/>
        </p:nvSpPr>
        <p:spPr>
          <a:xfrm rot="5400000">
            <a:off x="9440428" y="4294702"/>
            <a:ext cx="805002" cy="51"/>
          </a:xfrm>
          <a:custGeom>
            <a:avLst/>
            <a:gdLst/>
            <a:ahLst/>
            <a:cxnLst/>
            <a:rect l="l" t="t" r="r" b="b"/>
            <a:pathLst>
              <a:path w="17599" h="1" fill="none" extrusionOk="0">
                <a:moveTo>
                  <a:pt x="1" y="0"/>
                </a:moveTo>
                <a:lnTo>
                  <a:pt x="17598" y="0"/>
                </a:lnTo>
              </a:path>
            </a:pathLst>
          </a:custGeom>
          <a:noFill/>
          <a:ln w="9525" cap="rnd" cmpd="sng">
            <a:solidFill>
              <a:srgbClr val="C15252"/>
            </a:solidFill>
            <a:prstDash val="solid"/>
            <a:round/>
            <a:headEnd type="none" w="sm" len="sm"/>
            <a:tailEnd type="none" w="sm" len="sm"/>
          </a:ln>
        </p:spPr>
        <p:txBody>
          <a:bodyPr spcFirstLastPara="1" wrap="square" lIns="203167" tIns="203167" rIns="203167" bIns="203167" anchor="ctr" anchorCtr="0">
            <a:noAutofit/>
          </a:bodyPr>
          <a:lstStyle/>
          <a:p>
            <a:pPr>
              <a:spcBef>
                <a:spcPts val="0"/>
              </a:spcBef>
              <a:spcAft>
                <a:spcPts val="0"/>
              </a:spcAft>
            </a:pPr>
            <a:endParaRPr sz="6000"/>
          </a:p>
        </p:txBody>
      </p:sp>
      <p:sp>
        <p:nvSpPr>
          <p:cNvPr id="175" name="Google Shape;9593;p86">
            <a:extLst>
              <a:ext uri="{FF2B5EF4-FFF2-40B4-BE49-F238E27FC236}">
                <a16:creationId xmlns:a16="http://schemas.microsoft.com/office/drawing/2014/main" id="{4593058A-6E65-0EB5-C94D-FECB9706F295}"/>
              </a:ext>
            </a:extLst>
          </p:cNvPr>
          <p:cNvSpPr/>
          <p:nvPr/>
        </p:nvSpPr>
        <p:spPr>
          <a:xfrm rot="5400000">
            <a:off x="9730464" y="4555584"/>
            <a:ext cx="254320" cy="258544"/>
          </a:xfrm>
          <a:custGeom>
            <a:avLst/>
            <a:gdLst/>
            <a:ahLst/>
            <a:cxnLst/>
            <a:rect l="l" t="t" r="r" b="b"/>
            <a:pathLst>
              <a:path w="5560" h="5349" extrusionOk="0">
                <a:moveTo>
                  <a:pt x="2882" y="1"/>
                </a:moveTo>
                <a:cubicBezTo>
                  <a:pt x="1802" y="1"/>
                  <a:pt x="828" y="650"/>
                  <a:pt x="412" y="1649"/>
                </a:cubicBezTo>
                <a:cubicBezTo>
                  <a:pt x="0" y="2649"/>
                  <a:pt x="226" y="3798"/>
                  <a:pt x="993" y="4564"/>
                </a:cubicBezTo>
                <a:cubicBezTo>
                  <a:pt x="1502" y="5076"/>
                  <a:pt x="2187" y="5349"/>
                  <a:pt x="2883" y="5349"/>
                </a:cubicBezTo>
                <a:cubicBezTo>
                  <a:pt x="3228" y="5349"/>
                  <a:pt x="3576" y="5282"/>
                  <a:pt x="3907" y="5144"/>
                </a:cubicBezTo>
                <a:cubicBezTo>
                  <a:pt x="4907" y="4732"/>
                  <a:pt x="5556" y="3758"/>
                  <a:pt x="5560" y="2674"/>
                </a:cubicBezTo>
                <a:cubicBezTo>
                  <a:pt x="5560" y="1197"/>
                  <a:pt x="4360" y="1"/>
                  <a:pt x="2882" y="1"/>
                </a:cubicBezTo>
                <a:close/>
              </a:path>
            </a:pathLst>
          </a:custGeom>
          <a:solidFill>
            <a:srgbClr val="114B5F"/>
          </a:solidFill>
          <a:ln>
            <a:noFill/>
          </a:ln>
        </p:spPr>
        <p:txBody>
          <a:bodyPr spcFirstLastPara="1" wrap="square" lIns="203167" tIns="203167" rIns="203167" bIns="203167" anchor="ctr" anchorCtr="0">
            <a:noAutofit/>
          </a:bodyPr>
          <a:lstStyle/>
          <a:p>
            <a:pPr>
              <a:spcBef>
                <a:spcPts val="0"/>
              </a:spcBef>
              <a:spcAft>
                <a:spcPts val="0"/>
              </a:spcAft>
            </a:pPr>
            <a:endParaRPr sz="6000"/>
          </a:p>
        </p:txBody>
      </p:sp>
      <p:sp>
        <p:nvSpPr>
          <p:cNvPr id="176" name="Google Shape;9579;p86">
            <a:extLst>
              <a:ext uri="{FF2B5EF4-FFF2-40B4-BE49-F238E27FC236}">
                <a16:creationId xmlns:a16="http://schemas.microsoft.com/office/drawing/2014/main" id="{3BE4D2F1-8474-045E-CFEA-68A40F861F18}"/>
              </a:ext>
            </a:extLst>
          </p:cNvPr>
          <p:cNvSpPr/>
          <p:nvPr/>
        </p:nvSpPr>
        <p:spPr>
          <a:xfrm>
            <a:off x="8380774" y="3393236"/>
            <a:ext cx="2876802" cy="1036680"/>
          </a:xfrm>
          <a:custGeom>
            <a:avLst/>
            <a:gdLst/>
            <a:ahLst/>
            <a:cxnLst/>
            <a:rect l="l" t="t" r="r" b="b"/>
            <a:pathLst>
              <a:path w="37118" h="21448" extrusionOk="0">
                <a:moveTo>
                  <a:pt x="4950" y="1"/>
                </a:moveTo>
                <a:cubicBezTo>
                  <a:pt x="2218" y="1"/>
                  <a:pt x="0" y="2679"/>
                  <a:pt x="0" y="5984"/>
                </a:cubicBezTo>
                <a:lnTo>
                  <a:pt x="0" y="15461"/>
                </a:lnTo>
                <a:cubicBezTo>
                  <a:pt x="0" y="18766"/>
                  <a:pt x="2218" y="21447"/>
                  <a:pt x="4950" y="21447"/>
                </a:cubicBezTo>
                <a:lnTo>
                  <a:pt x="32168" y="21447"/>
                </a:lnTo>
                <a:cubicBezTo>
                  <a:pt x="34904" y="21447"/>
                  <a:pt x="37118" y="18766"/>
                  <a:pt x="37118" y="15461"/>
                </a:cubicBezTo>
                <a:lnTo>
                  <a:pt x="37118" y="5984"/>
                </a:lnTo>
                <a:cubicBezTo>
                  <a:pt x="37118" y="2679"/>
                  <a:pt x="34904" y="1"/>
                  <a:pt x="32168" y="1"/>
                </a:cubicBezTo>
                <a:close/>
              </a:path>
            </a:pathLst>
          </a:custGeom>
          <a:solidFill>
            <a:srgbClr val="114B5F"/>
          </a:solidFill>
          <a:ln w="9525" cap="flat" cmpd="sng">
            <a:noFill/>
            <a:prstDash val="solid"/>
            <a:miter lim="3647"/>
            <a:headEnd type="none" w="sm" len="sm"/>
            <a:tailEnd type="none" w="sm" len="sm"/>
          </a:ln>
        </p:spPr>
        <p:txBody>
          <a:bodyPr spcFirstLastPara="1" wrap="square" lIns="203167" tIns="203167" rIns="203167" bIns="203167" anchor="ctr" anchorCtr="0">
            <a:noAutofit/>
          </a:bodyPr>
          <a:lstStyle/>
          <a:p>
            <a:pPr>
              <a:spcBef>
                <a:spcPts val="0"/>
              </a:spcBef>
              <a:spcAft>
                <a:spcPts val="0"/>
              </a:spcAft>
            </a:pPr>
            <a:endParaRPr sz="6000"/>
          </a:p>
        </p:txBody>
      </p:sp>
      <p:sp>
        <p:nvSpPr>
          <p:cNvPr id="177" name="TextBox 176">
            <a:extLst>
              <a:ext uri="{FF2B5EF4-FFF2-40B4-BE49-F238E27FC236}">
                <a16:creationId xmlns:a16="http://schemas.microsoft.com/office/drawing/2014/main" id="{3B89B418-04DB-3542-9878-26536455BA1B}"/>
              </a:ext>
            </a:extLst>
          </p:cNvPr>
          <p:cNvSpPr txBox="1"/>
          <p:nvPr/>
        </p:nvSpPr>
        <p:spPr>
          <a:xfrm>
            <a:off x="8416863" y="8358472"/>
            <a:ext cx="2929110" cy="1460143"/>
          </a:xfrm>
          <a:prstGeom prst="rect">
            <a:avLst/>
          </a:prstGeom>
          <a:noFill/>
        </p:spPr>
        <p:txBody>
          <a:bodyPr wrap="square" rtlCol="0">
            <a:spAutoFit/>
          </a:bodyPr>
          <a:lstStyle/>
          <a:p>
            <a:r>
              <a:rPr lang="en-US" sz="2222" dirty="0">
                <a:solidFill>
                  <a:schemeClr val="bg1"/>
                </a:solidFill>
                <a:latin typeface="Alfa Slab One"/>
                <a:ea typeface="Aptos" panose="020B0004020202020204" pitchFamily="34" charset="0"/>
                <a:cs typeface="Calibri" panose="020F0502020204030204" pitchFamily="34" charset="0"/>
              </a:rPr>
              <a:t>Timing of injury (before/after weekends, holidays, vacations, layoffs)</a:t>
            </a:r>
            <a:endParaRPr lang="en-US" sz="2000" dirty="0">
              <a:solidFill>
                <a:schemeClr val="bg1"/>
              </a:solidFill>
              <a:latin typeface="Alfa Slab One"/>
            </a:endParaRPr>
          </a:p>
        </p:txBody>
      </p:sp>
      <p:sp>
        <p:nvSpPr>
          <p:cNvPr id="178" name="TextBox 177">
            <a:extLst>
              <a:ext uri="{FF2B5EF4-FFF2-40B4-BE49-F238E27FC236}">
                <a16:creationId xmlns:a16="http://schemas.microsoft.com/office/drawing/2014/main" id="{EDF44CA9-D7EB-0D4A-FBE0-D8A1CC8B9125}"/>
              </a:ext>
            </a:extLst>
          </p:cNvPr>
          <p:cNvSpPr txBox="1"/>
          <p:nvPr/>
        </p:nvSpPr>
        <p:spPr>
          <a:xfrm>
            <a:off x="4887812" y="2868326"/>
            <a:ext cx="3046489" cy="776238"/>
          </a:xfrm>
          <a:prstGeom prst="rect">
            <a:avLst/>
          </a:prstGeom>
          <a:noFill/>
        </p:spPr>
        <p:txBody>
          <a:bodyPr wrap="square" rtlCol="0">
            <a:spAutoFit/>
          </a:bodyPr>
          <a:lstStyle/>
          <a:p>
            <a:r>
              <a:rPr lang="en-US" sz="2222" dirty="0">
                <a:solidFill>
                  <a:schemeClr val="bg1"/>
                </a:solidFill>
                <a:latin typeface="Alfa Slab One"/>
                <a:ea typeface="Aptos" panose="020B0004020202020204" pitchFamily="34" charset="0"/>
                <a:cs typeface="Calibri" panose="020F0502020204030204" pitchFamily="34" charset="0"/>
              </a:rPr>
              <a:t>No witnesses to the accident</a:t>
            </a:r>
            <a:endParaRPr lang="en-US" sz="2000" dirty="0">
              <a:solidFill>
                <a:schemeClr val="bg1"/>
              </a:solidFill>
              <a:latin typeface="Alfa Slab One"/>
            </a:endParaRPr>
          </a:p>
        </p:txBody>
      </p:sp>
      <p:sp>
        <p:nvSpPr>
          <p:cNvPr id="179" name="TextBox 178">
            <a:extLst>
              <a:ext uri="{FF2B5EF4-FFF2-40B4-BE49-F238E27FC236}">
                <a16:creationId xmlns:a16="http://schemas.microsoft.com/office/drawing/2014/main" id="{40214352-6793-1BE3-CAA1-8AF2DD314B14}"/>
              </a:ext>
            </a:extLst>
          </p:cNvPr>
          <p:cNvSpPr txBox="1"/>
          <p:nvPr/>
        </p:nvSpPr>
        <p:spPr>
          <a:xfrm>
            <a:off x="4212452" y="4822676"/>
            <a:ext cx="3046489" cy="776238"/>
          </a:xfrm>
          <a:prstGeom prst="rect">
            <a:avLst/>
          </a:prstGeom>
          <a:noFill/>
        </p:spPr>
        <p:txBody>
          <a:bodyPr wrap="square" rtlCol="0">
            <a:spAutoFit/>
          </a:bodyPr>
          <a:lstStyle/>
          <a:p>
            <a:r>
              <a:rPr lang="en-US" sz="2222" dirty="0">
                <a:solidFill>
                  <a:schemeClr val="bg1"/>
                </a:solidFill>
                <a:latin typeface="Alfa Slab One"/>
                <a:ea typeface="Aptos" panose="020B0004020202020204" pitchFamily="34" charset="0"/>
                <a:cs typeface="Calibri" panose="020F0502020204030204" pitchFamily="34" charset="0"/>
              </a:rPr>
              <a:t>Inconsistent or vague injury details</a:t>
            </a:r>
            <a:endParaRPr lang="en-US" sz="2000" dirty="0">
              <a:solidFill>
                <a:schemeClr val="bg1"/>
              </a:solidFill>
              <a:latin typeface="Alfa Slab One"/>
            </a:endParaRPr>
          </a:p>
        </p:txBody>
      </p:sp>
      <p:sp>
        <p:nvSpPr>
          <p:cNvPr id="180" name="TextBox 179">
            <a:extLst>
              <a:ext uri="{FF2B5EF4-FFF2-40B4-BE49-F238E27FC236}">
                <a16:creationId xmlns:a16="http://schemas.microsoft.com/office/drawing/2014/main" id="{0D064FDA-A5DD-3108-DF7C-B588FF8FFA17}"/>
              </a:ext>
            </a:extLst>
          </p:cNvPr>
          <p:cNvSpPr txBox="1"/>
          <p:nvPr/>
        </p:nvSpPr>
        <p:spPr>
          <a:xfrm>
            <a:off x="4270989" y="6821172"/>
            <a:ext cx="2450335" cy="776238"/>
          </a:xfrm>
          <a:prstGeom prst="rect">
            <a:avLst/>
          </a:prstGeom>
          <a:noFill/>
        </p:spPr>
        <p:txBody>
          <a:bodyPr wrap="square" rtlCol="0">
            <a:spAutoFit/>
          </a:bodyPr>
          <a:lstStyle/>
          <a:p>
            <a:r>
              <a:rPr lang="en-US" sz="2222" dirty="0">
                <a:solidFill>
                  <a:schemeClr val="bg1"/>
                </a:solidFill>
                <a:latin typeface="Alfa Slab One"/>
                <a:ea typeface="Aptos" panose="020B0004020202020204" pitchFamily="34" charset="0"/>
                <a:cs typeface="Calibri" panose="020F0502020204030204" pitchFamily="34" charset="0"/>
              </a:rPr>
              <a:t>Injury doesn't match job duties</a:t>
            </a:r>
            <a:endParaRPr lang="en-US" sz="2000" dirty="0">
              <a:solidFill>
                <a:schemeClr val="bg1"/>
              </a:solidFill>
              <a:latin typeface="Alfa Slab One"/>
            </a:endParaRPr>
          </a:p>
        </p:txBody>
      </p:sp>
      <p:sp>
        <p:nvSpPr>
          <p:cNvPr id="181" name="TextBox 180">
            <a:extLst>
              <a:ext uri="{FF2B5EF4-FFF2-40B4-BE49-F238E27FC236}">
                <a16:creationId xmlns:a16="http://schemas.microsoft.com/office/drawing/2014/main" id="{0BE7F9AA-7F4A-071D-8E33-2F9174DB748A}"/>
              </a:ext>
            </a:extLst>
          </p:cNvPr>
          <p:cNvSpPr txBox="1"/>
          <p:nvPr/>
        </p:nvSpPr>
        <p:spPr>
          <a:xfrm>
            <a:off x="4647265" y="8592717"/>
            <a:ext cx="2890660" cy="1118191"/>
          </a:xfrm>
          <a:prstGeom prst="rect">
            <a:avLst/>
          </a:prstGeom>
          <a:noFill/>
        </p:spPr>
        <p:txBody>
          <a:bodyPr wrap="square" rtlCol="0">
            <a:spAutoFit/>
          </a:bodyPr>
          <a:lstStyle/>
          <a:p>
            <a:r>
              <a:rPr lang="en-US" sz="2222" dirty="0">
                <a:solidFill>
                  <a:schemeClr val="bg1"/>
                </a:solidFill>
                <a:latin typeface="Alfa Slab One"/>
                <a:ea typeface="Aptos" panose="020B0004020202020204" pitchFamily="34" charset="0"/>
                <a:cs typeface="Calibri" panose="020F0502020204030204" pitchFamily="34" charset="0"/>
              </a:rPr>
              <a:t>Secondary employment or side business</a:t>
            </a:r>
            <a:endParaRPr lang="en-US" sz="2000" dirty="0">
              <a:solidFill>
                <a:schemeClr val="bg1"/>
              </a:solidFill>
              <a:latin typeface="Alfa Slab One"/>
            </a:endParaRPr>
          </a:p>
        </p:txBody>
      </p:sp>
      <p:sp>
        <p:nvSpPr>
          <p:cNvPr id="182" name="TextBox 181">
            <a:extLst>
              <a:ext uri="{FF2B5EF4-FFF2-40B4-BE49-F238E27FC236}">
                <a16:creationId xmlns:a16="http://schemas.microsoft.com/office/drawing/2014/main" id="{308F9B93-925D-CFF3-10C3-172A1A87D6B2}"/>
              </a:ext>
            </a:extLst>
          </p:cNvPr>
          <p:cNvSpPr txBox="1"/>
          <p:nvPr/>
        </p:nvSpPr>
        <p:spPr>
          <a:xfrm>
            <a:off x="12175381" y="2867499"/>
            <a:ext cx="3046489" cy="776238"/>
          </a:xfrm>
          <a:prstGeom prst="rect">
            <a:avLst/>
          </a:prstGeom>
          <a:noFill/>
        </p:spPr>
        <p:txBody>
          <a:bodyPr wrap="square" rtlCol="0">
            <a:spAutoFit/>
          </a:bodyPr>
          <a:lstStyle/>
          <a:p>
            <a:r>
              <a:rPr lang="en-US" sz="2222" dirty="0">
                <a:solidFill>
                  <a:schemeClr val="bg1"/>
                </a:solidFill>
                <a:latin typeface="Alfa Slab One"/>
                <a:ea typeface="Aptos" panose="020B0004020202020204" pitchFamily="34" charset="0"/>
                <a:cs typeface="Calibri" panose="020F0502020204030204" pitchFamily="34" charset="0"/>
              </a:rPr>
              <a:t>Conflicting witness statements</a:t>
            </a:r>
            <a:endParaRPr lang="en-US" sz="2000" dirty="0">
              <a:solidFill>
                <a:schemeClr val="bg1"/>
              </a:solidFill>
              <a:latin typeface="Alfa Slab One"/>
            </a:endParaRPr>
          </a:p>
        </p:txBody>
      </p:sp>
      <p:sp>
        <p:nvSpPr>
          <p:cNvPr id="183" name="TextBox 182">
            <a:extLst>
              <a:ext uri="{FF2B5EF4-FFF2-40B4-BE49-F238E27FC236}">
                <a16:creationId xmlns:a16="http://schemas.microsoft.com/office/drawing/2014/main" id="{0F36E221-A4BF-245C-49CA-BCD259DD76E2}"/>
              </a:ext>
            </a:extLst>
          </p:cNvPr>
          <p:cNvSpPr txBox="1"/>
          <p:nvPr/>
        </p:nvSpPr>
        <p:spPr>
          <a:xfrm>
            <a:off x="12975382" y="4856300"/>
            <a:ext cx="3025281" cy="776238"/>
          </a:xfrm>
          <a:prstGeom prst="rect">
            <a:avLst/>
          </a:prstGeom>
          <a:noFill/>
        </p:spPr>
        <p:txBody>
          <a:bodyPr wrap="square" rtlCol="0">
            <a:spAutoFit/>
          </a:bodyPr>
          <a:lstStyle/>
          <a:p>
            <a:r>
              <a:rPr lang="en-US" sz="2222" dirty="0">
                <a:solidFill>
                  <a:schemeClr val="bg1"/>
                </a:solidFill>
                <a:latin typeface="Alfa Slab One"/>
                <a:ea typeface="Aptos" panose="020B0004020202020204" pitchFamily="34" charset="0"/>
                <a:cs typeface="Calibri" panose="020F0502020204030204" pitchFamily="34" charset="0"/>
              </a:rPr>
              <a:t>Pattern of similar injuries in past claims</a:t>
            </a:r>
            <a:endParaRPr lang="en-US" sz="2000" dirty="0">
              <a:solidFill>
                <a:schemeClr val="bg1"/>
              </a:solidFill>
              <a:latin typeface="Alfa Slab One"/>
            </a:endParaRPr>
          </a:p>
        </p:txBody>
      </p:sp>
      <p:sp>
        <p:nvSpPr>
          <p:cNvPr id="184" name="TextBox 183">
            <a:extLst>
              <a:ext uri="{FF2B5EF4-FFF2-40B4-BE49-F238E27FC236}">
                <a16:creationId xmlns:a16="http://schemas.microsoft.com/office/drawing/2014/main" id="{2A8120D7-12AD-1897-AC24-192DE1D6C7ED}"/>
              </a:ext>
            </a:extLst>
          </p:cNvPr>
          <p:cNvSpPr txBox="1"/>
          <p:nvPr/>
        </p:nvSpPr>
        <p:spPr>
          <a:xfrm>
            <a:off x="13226276" y="6653944"/>
            <a:ext cx="2976411" cy="1118191"/>
          </a:xfrm>
          <a:prstGeom prst="rect">
            <a:avLst/>
          </a:prstGeom>
          <a:noFill/>
        </p:spPr>
        <p:txBody>
          <a:bodyPr wrap="square" rtlCol="0">
            <a:spAutoFit/>
          </a:bodyPr>
          <a:lstStyle/>
          <a:p>
            <a:r>
              <a:rPr lang="en-US" sz="2222" dirty="0">
                <a:solidFill>
                  <a:schemeClr val="bg1"/>
                </a:solidFill>
                <a:latin typeface="Alfa Slab One"/>
                <a:ea typeface="Aptos" panose="020B0004020202020204" pitchFamily="34" charset="0"/>
                <a:cs typeface="Calibri" panose="020F0502020204030204" pitchFamily="34" charset="0"/>
              </a:rPr>
              <a:t>History of disciplinary actions or job dissatisfaction</a:t>
            </a:r>
            <a:endParaRPr lang="en-US" sz="2000" dirty="0">
              <a:solidFill>
                <a:schemeClr val="bg1"/>
              </a:solidFill>
              <a:latin typeface="Alfa Slab One"/>
            </a:endParaRPr>
          </a:p>
        </p:txBody>
      </p:sp>
      <p:sp>
        <p:nvSpPr>
          <p:cNvPr id="185" name="TextBox 184">
            <a:extLst>
              <a:ext uri="{FF2B5EF4-FFF2-40B4-BE49-F238E27FC236}">
                <a16:creationId xmlns:a16="http://schemas.microsoft.com/office/drawing/2014/main" id="{50A07600-144D-199F-3B37-933FC6F221F8}"/>
              </a:ext>
            </a:extLst>
          </p:cNvPr>
          <p:cNvSpPr txBox="1"/>
          <p:nvPr/>
        </p:nvSpPr>
        <p:spPr>
          <a:xfrm>
            <a:off x="8782142" y="3467260"/>
            <a:ext cx="3046489" cy="776238"/>
          </a:xfrm>
          <a:prstGeom prst="rect">
            <a:avLst/>
          </a:prstGeom>
          <a:noFill/>
        </p:spPr>
        <p:txBody>
          <a:bodyPr wrap="square" rtlCol="0">
            <a:spAutoFit/>
          </a:bodyPr>
          <a:lstStyle/>
          <a:p>
            <a:r>
              <a:rPr lang="en-US" sz="2222" dirty="0">
                <a:solidFill>
                  <a:schemeClr val="bg1"/>
                </a:solidFill>
                <a:latin typeface="Alfa Slab One"/>
                <a:ea typeface="Aptos" panose="020B0004020202020204" pitchFamily="34" charset="0"/>
                <a:cs typeface="Calibri" panose="020F0502020204030204" pitchFamily="34" charset="0"/>
              </a:rPr>
              <a:t>Quick legal representation</a:t>
            </a:r>
            <a:endParaRPr lang="en-US" sz="2000" dirty="0">
              <a:solidFill>
                <a:schemeClr val="bg1"/>
              </a:solidFill>
              <a:latin typeface="Alfa Slab One"/>
            </a:endParaRPr>
          </a:p>
        </p:txBody>
      </p:sp>
      <p:sp>
        <p:nvSpPr>
          <p:cNvPr id="186" name="TextBox 185">
            <a:extLst>
              <a:ext uri="{FF2B5EF4-FFF2-40B4-BE49-F238E27FC236}">
                <a16:creationId xmlns:a16="http://schemas.microsoft.com/office/drawing/2014/main" id="{72C4FF48-1862-42E8-15F0-DED5F44CCBA5}"/>
              </a:ext>
            </a:extLst>
          </p:cNvPr>
          <p:cNvSpPr txBox="1"/>
          <p:nvPr/>
        </p:nvSpPr>
        <p:spPr>
          <a:xfrm>
            <a:off x="12147901" y="8739671"/>
            <a:ext cx="3046489" cy="776238"/>
          </a:xfrm>
          <a:prstGeom prst="rect">
            <a:avLst/>
          </a:prstGeom>
          <a:noFill/>
        </p:spPr>
        <p:txBody>
          <a:bodyPr wrap="square" rtlCol="0">
            <a:spAutoFit/>
          </a:bodyPr>
          <a:lstStyle/>
          <a:p>
            <a:r>
              <a:rPr lang="en-US" sz="2222" dirty="0">
                <a:solidFill>
                  <a:schemeClr val="bg1"/>
                </a:solidFill>
                <a:latin typeface="Alfa Slab One"/>
                <a:ea typeface="Aptos" panose="020B0004020202020204" pitchFamily="34" charset="0"/>
                <a:cs typeface="Calibri" panose="020F0502020204030204" pitchFamily="34" charset="0"/>
              </a:rPr>
              <a:t>Inconsistent social media activity</a:t>
            </a:r>
            <a:endParaRPr lang="en-US" sz="2000" dirty="0">
              <a:solidFill>
                <a:schemeClr val="bg1"/>
              </a:solidFill>
              <a:latin typeface="Alfa Slab One"/>
            </a:endParaRPr>
          </a:p>
        </p:txBody>
      </p:sp>
    </p:spTree>
    <p:extLst>
      <p:ext uri="{BB962C8B-B14F-4D97-AF65-F5344CB8AC3E}">
        <p14:creationId xmlns:p14="http://schemas.microsoft.com/office/powerpoint/2010/main" val="2166384904"/>
      </p:ext>
    </p:extLst>
  </p:cSld>
  <p:clrMapOvr>
    <a:masterClrMapping/>
  </p:clrMapOvr>
  <p:transition spd="slow">
    <p:push dir="u"/>
  </p:transition>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p:cNvSpPr/>
          <p:nvPr/>
        </p:nvSpPr>
        <p:spPr>
          <a:xfrm>
            <a:off x="1" y="10765044"/>
            <a:ext cx="19096074" cy="6649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Rectangle 1">
            <a:extLst>
              <a:ext uri="{FF2B5EF4-FFF2-40B4-BE49-F238E27FC236}">
                <a16:creationId xmlns:a16="http://schemas.microsoft.com/office/drawing/2014/main" id="{C6506D95-8C30-D7A2-A39E-D42A0261817A}"/>
              </a:ext>
            </a:extLst>
          </p:cNvPr>
          <p:cNvSpPr/>
          <p:nvPr/>
        </p:nvSpPr>
        <p:spPr>
          <a:xfrm>
            <a:off x="0" y="10765044"/>
            <a:ext cx="18523617" cy="6649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 name="Rectangle 4">
            <a:extLst>
              <a:ext uri="{FF2B5EF4-FFF2-40B4-BE49-F238E27FC236}">
                <a16:creationId xmlns:a16="http://schemas.microsoft.com/office/drawing/2014/main" id="{92C5C3F1-63C1-16B5-BCD5-052EEA625BE0}"/>
              </a:ext>
            </a:extLst>
          </p:cNvPr>
          <p:cNvSpPr/>
          <p:nvPr/>
        </p:nvSpPr>
        <p:spPr>
          <a:xfrm>
            <a:off x="-1" y="8725"/>
            <a:ext cx="19000381" cy="6649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 name="Rectangle 5">
            <a:extLst>
              <a:ext uri="{FF2B5EF4-FFF2-40B4-BE49-F238E27FC236}">
                <a16:creationId xmlns:a16="http://schemas.microsoft.com/office/drawing/2014/main" id="{50F40E48-282F-0F92-E28A-F897B473675E}"/>
              </a:ext>
            </a:extLst>
          </p:cNvPr>
          <p:cNvSpPr/>
          <p:nvPr/>
        </p:nvSpPr>
        <p:spPr>
          <a:xfrm rot="16200000">
            <a:off x="13149820" y="5382522"/>
            <a:ext cx="11412550" cy="6649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 name="Title 6">
            <a:extLst>
              <a:ext uri="{FF2B5EF4-FFF2-40B4-BE49-F238E27FC236}">
                <a16:creationId xmlns:a16="http://schemas.microsoft.com/office/drawing/2014/main" id="{B3DEC9B6-6FC3-59F0-EFC0-A1CAB484F406}"/>
              </a:ext>
            </a:extLst>
          </p:cNvPr>
          <p:cNvSpPr txBox="1">
            <a:spLocks/>
          </p:cNvSpPr>
          <p:nvPr/>
        </p:nvSpPr>
        <p:spPr>
          <a:xfrm>
            <a:off x="1176914" y="673681"/>
            <a:ext cx="17157581" cy="1000136"/>
          </a:xfrm>
          <a:prstGeom prst="rect">
            <a:avLst/>
          </a:prstGeom>
        </p:spPr>
        <p:txBody>
          <a:bodyPr anchor="ctr" anchorCtr="0"/>
          <a:lstStyle>
            <a:lvl1pPr algn="ctr" defTabSz="914400" rtl="0" eaLnBrk="1" latinLnBrk="0" hangingPunct="1">
              <a:lnSpc>
                <a:spcPct val="90000"/>
              </a:lnSpc>
              <a:spcBef>
                <a:spcPct val="0"/>
              </a:spcBef>
              <a:buNone/>
              <a:defRPr sz="7200" b="1" kern="1200">
                <a:solidFill>
                  <a:schemeClr val="tx1"/>
                </a:solidFill>
                <a:latin typeface="+mn-lt"/>
                <a:ea typeface="+mj-ea"/>
                <a:cs typeface="+mj-cs"/>
              </a:defRPr>
            </a:lvl1pPr>
          </a:lstStyle>
          <a:p>
            <a:pPr algn="l" fontAlgn="auto">
              <a:spcAft>
                <a:spcPts val="0"/>
              </a:spcAft>
            </a:pPr>
            <a:r>
              <a:rPr lang="en-US" sz="4400" b="0" dirty="0">
                <a:solidFill>
                  <a:schemeClr val="accent5"/>
                </a:solidFill>
                <a:latin typeface="Arial" panose="020B0604020202020204" pitchFamily="34" charset="0"/>
                <a:cs typeface="Arial" panose="020B0604020202020204" pitchFamily="34" charset="0"/>
              </a:rPr>
              <a:t>Understanding what investigative tools to use to expose/confirm fraud is being committed:</a:t>
            </a:r>
          </a:p>
        </p:txBody>
      </p:sp>
      <p:sp>
        <p:nvSpPr>
          <p:cNvPr id="15" name="Oval 14">
            <a:extLst>
              <a:ext uri="{FF2B5EF4-FFF2-40B4-BE49-F238E27FC236}">
                <a16:creationId xmlns:a16="http://schemas.microsoft.com/office/drawing/2014/main" id="{2C374A97-4FDD-4DA8-3F5D-ED135C7A141D}"/>
              </a:ext>
            </a:extLst>
          </p:cNvPr>
          <p:cNvSpPr/>
          <p:nvPr/>
        </p:nvSpPr>
        <p:spPr>
          <a:xfrm>
            <a:off x="674121" y="840259"/>
            <a:ext cx="383060" cy="38306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pic>
        <p:nvPicPr>
          <p:cNvPr id="7" name="Graphic 6" descr="Security camera with solid fill">
            <a:extLst>
              <a:ext uri="{FF2B5EF4-FFF2-40B4-BE49-F238E27FC236}">
                <a16:creationId xmlns:a16="http://schemas.microsoft.com/office/drawing/2014/main" id="{19E0004F-E1BE-3610-7941-DD9BC94D434C}"/>
              </a:ext>
            </a:extLst>
          </p:cNvPr>
          <p:cNvPicPr>
            <a:picLocks noChangeAspect="1"/>
          </p:cNvPicPr>
          <p:nvPr/>
        </p:nvPicPr>
        <p:blipFill>
          <a:blip r:embed="rId2">
            <a:extLst>
              <a:ext uri="{96DAC541-7B7A-43D3-8B79-37D633B846F1}">
                <asvg:svgBlip xmlns:asvg="http://schemas.microsoft.com/office/drawing/2016/SVG/main" xmlns="" r:embed="rId3"/>
              </a:ext>
            </a:extLst>
          </a:blip>
          <a:stretch>
            <a:fillRect/>
          </a:stretch>
        </p:blipFill>
        <p:spPr>
          <a:xfrm>
            <a:off x="1087336" y="5383436"/>
            <a:ext cx="1852129" cy="1852129"/>
          </a:xfrm>
          <a:prstGeom prst="rect">
            <a:avLst/>
          </a:prstGeom>
        </p:spPr>
      </p:pic>
      <p:pic>
        <p:nvPicPr>
          <p:cNvPr id="8" name="Graphic 7" descr="Online Network with solid fill">
            <a:extLst>
              <a:ext uri="{FF2B5EF4-FFF2-40B4-BE49-F238E27FC236}">
                <a16:creationId xmlns:a16="http://schemas.microsoft.com/office/drawing/2014/main" id="{A38B68F7-EF6D-19A8-AC84-17CB2FDB92C9}"/>
              </a:ext>
            </a:extLst>
          </p:cNvPr>
          <p:cNvPicPr>
            <a:picLocks noChangeAspect="1"/>
          </p:cNvPicPr>
          <p:nvPr/>
        </p:nvPicPr>
        <p:blipFill>
          <a:blip r:embed="rId4">
            <a:extLst>
              <a:ext uri="{96DAC541-7B7A-43D3-8B79-37D633B846F1}">
                <asvg:svgBlip xmlns:asvg="http://schemas.microsoft.com/office/drawing/2016/SVG/main" xmlns="" r:embed="rId5"/>
              </a:ext>
            </a:extLst>
          </a:blip>
          <a:stretch>
            <a:fillRect/>
          </a:stretch>
        </p:blipFill>
        <p:spPr>
          <a:xfrm>
            <a:off x="5951965" y="5411045"/>
            <a:ext cx="1852129" cy="1852129"/>
          </a:xfrm>
          <a:prstGeom prst="rect">
            <a:avLst/>
          </a:prstGeom>
        </p:spPr>
      </p:pic>
      <p:pic>
        <p:nvPicPr>
          <p:cNvPr id="9" name="Graphic 8" descr="Research with solid fill">
            <a:extLst>
              <a:ext uri="{FF2B5EF4-FFF2-40B4-BE49-F238E27FC236}">
                <a16:creationId xmlns:a16="http://schemas.microsoft.com/office/drawing/2014/main" id="{5926D085-1F7A-CF4D-D777-88BEC8F719A6}"/>
              </a:ext>
            </a:extLst>
          </p:cNvPr>
          <p:cNvPicPr>
            <a:picLocks noChangeAspect="1"/>
          </p:cNvPicPr>
          <p:nvPr/>
        </p:nvPicPr>
        <p:blipFill>
          <a:blip r:embed="rId6">
            <a:extLst>
              <a:ext uri="{96DAC541-7B7A-43D3-8B79-37D633B846F1}">
                <asvg:svgBlip xmlns:asvg="http://schemas.microsoft.com/office/drawing/2016/SVG/main" xmlns="" r:embed="rId7"/>
              </a:ext>
            </a:extLst>
          </a:blip>
          <a:stretch>
            <a:fillRect/>
          </a:stretch>
        </p:blipFill>
        <p:spPr>
          <a:xfrm>
            <a:off x="11171657" y="5661619"/>
            <a:ext cx="1498229" cy="1498229"/>
          </a:xfrm>
          <a:prstGeom prst="rect">
            <a:avLst/>
          </a:prstGeom>
        </p:spPr>
      </p:pic>
      <p:pic>
        <p:nvPicPr>
          <p:cNvPr id="10" name="Graphic 9" descr="Group brainstorm with solid fill">
            <a:extLst>
              <a:ext uri="{FF2B5EF4-FFF2-40B4-BE49-F238E27FC236}">
                <a16:creationId xmlns:a16="http://schemas.microsoft.com/office/drawing/2014/main" id="{F2149C39-FBAF-5990-6EDF-6E48C4D7D904}"/>
              </a:ext>
            </a:extLst>
          </p:cNvPr>
          <p:cNvPicPr>
            <a:picLocks noChangeAspect="1"/>
          </p:cNvPicPr>
          <p:nvPr/>
        </p:nvPicPr>
        <p:blipFill>
          <a:blip r:embed="rId8">
            <a:extLst>
              <a:ext uri="{96DAC541-7B7A-43D3-8B79-37D633B846F1}">
                <asvg:svgBlip xmlns:asvg="http://schemas.microsoft.com/office/drawing/2016/SVG/main" xmlns="" r:embed="rId9"/>
              </a:ext>
            </a:extLst>
          </a:blip>
          <a:stretch>
            <a:fillRect/>
          </a:stretch>
        </p:blipFill>
        <p:spPr>
          <a:xfrm>
            <a:off x="16037447" y="5514371"/>
            <a:ext cx="1645476" cy="1645476"/>
          </a:xfrm>
          <a:prstGeom prst="rect">
            <a:avLst/>
          </a:prstGeom>
        </p:spPr>
      </p:pic>
      <p:sp>
        <p:nvSpPr>
          <p:cNvPr id="12" name="Rectangle 11">
            <a:extLst>
              <a:ext uri="{FF2B5EF4-FFF2-40B4-BE49-F238E27FC236}">
                <a16:creationId xmlns:a16="http://schemas.microsoft.com/office/drawing/2014/main" id="{E705C6D3-5079-8A2F-177A-8F08D896E5EB}"/>
              </a:ext>
            </a:extLst>
          </p:cNvPr>
          <p:cNvSpPr/>
          <p:nvPr/>
        </p:nvSpPr>
        <p:spPr>
          <a:xfrm rot="16200000">
            <a:off x="1720559" y="4994550"/>
            <a:ext cx="585680" cy="101598"/>
          </a:xfrm>
          <a:prstGeom prst="rect">
            <a:avLst/>
          </a:prstGeom>
          <a:solidFill>
            <a:srgbClr val="5FC7C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000">
              <a:solidFill>
                <a:srgbClr val="6D245C"/>
              </a:solidFill>
            </a:endParaRPr>
          </a:p>
        </p:txBody>
      </p:sp>
      <p:sp>
        <p:nvSpPr>
          <p:cNvPr id="13" name="Rectangle 12">
            <a:extLst>
              <a:ext uri="{FF2B5EF4-FFF2-40B4-BE49-F238E27FC236}">
                <a16:creationId xmlns:a16="http://schemas.microsoft.com/office/drawing/2014/main" id="{252E3BE7-00C2-05A8-156E-6CE43640C2FB}"/>
              </a:ext>
            </a:extLst>
          </p:cNvPr>
          <p:cNvSpPr/>
          <p:nvPr/>
        </p:nvSpPr>
        <p:spPr>
          <a:xfrm flipV="1">
            <a:off x="2808774" y="6405944"/>
            <a:ext cx="3377031" cy="101598"/>
          </a:xfrm>
          <a:prstGeom prst="rect">
            <a:avLst/>
          </a:prstGeom>
          <a:solidFill>
            <a:srgbClr val="5FC7C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000">
              <a:solidFill>
                <a:srgbClr val="6D245C"/>
              </a:solidFill>
            </a:endParaRPr>
          </a:p>
        </p:txBody>
      </p:sp>
      <p:sp>
        <p:nvSpPr>
          <p:cNvPr id="14" name="Rectangle 13">
            <a:extLst>
              <a:ext uri="{FF2B5EF4-FFF2-40B4-BE49-F238E27FC236}">
                <a16:creationId xmlns:a16="http://schemas.microsoft.com/office/drawing/2014/main" id="{8C2F0AFA-F660-CA7B-DC2E-BFCBAA3D8225}"/>
              </a:ext>
            </a:extLst>
          </p:cNvPr>
          <p:cNvSpPr/>
          <p:nvPr/>
        </p:nvSpPr>
        <p:spPr>
          <a:xfrm>
            <a:off x="7589947" y="6410730"/>
            <a:ext cx="3544289" cy="101598"/>
          </a:xfrm>
          <a:prstGeom prst="rect">
            <a:avLst/>
          </a:prstGeom>
          <a:solidFill>
            <a:srgbClr val="5FC7C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000">
              <a:solidFill>
                <a:srgbClr val="6D245C"/>
              </a:solidFill>
            </a:endParaRPr>
          </a:p>
        </p:txBody>
      </p:sp>
      <p:sp>
        <p:nvSpPr>
          <p:cNvPr id="16" name="Rectangle 15">
            <a:extLst>
              <a:ext uri="{FF2B5EF4-FFF2-40B4-BE49-F238E27FC236}">
                <a16:creationId xmlns:a16="http://schemas.microsoft.com/office/drawing/2014/main" id="{11779018-19F6-09DF-FDD4-2A58ADFE0B5F}"/>
              </a:ext>
            </a:extLst>
          </p:cNvPr>
          <p:cNvSpPr/>
          <p:nvPr/>
        </p:nvSpPr>
        <p:spPr>
          <a:xfrm>
            <a:off x="12575799" y="6410733"/>
            <a:ext cx="3555736" cy="101598"/>
          </a:xfrm>
          <a:prstGeom prst="rect">
            <a:avLst/>
          </a:prstGeom>
          <a:solidFill>
            <a:srgbClr val="5FC7C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000">
              <a:solidFill>
                <a:srgbClr val="6D245C"/>
              </a:solidFill>
            </a:endParaRPr>
          </a:p>
        </p:txBody>
      </p:sp>
      <p:sp>
        <p:nvSpPr>
          <p:cNvPr id="17" name="Rectangle 16">
            <a:extLst>
              <a:ext uri="{FF2B5EF4-FFF2-40B4-BE49-F238E27FC236}">
                <a16:creationId xmlns:a16="http://schemas.microsoft.com/office/drawing/2014/main" id="{ECC13586-5BD8-0AA6-23C6-617C3BFBBC08}"/>
              </a:ext>
            </a:extLst>
          </p:cNvPr>
          <p:cNvSpPr/>
          <p:nvPr/>
        </p:nvSpPr>
        <p:spPr>
          <a:xfrm rot="16200000">
            <a:off x="16618145" y="7477608"/>
            <a:ext cx="585680" cy="101598"/>
          </a:xfrm>
          <a:prstGeom prst="rect">
            <a:avLst/>
          </a:prstGeom>
          <a:solidFill>
            <a:srgbClr val="5FC7C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000">
              <a:solidFill>
                <a:srgbClr val="6D245C"/>
              </a:solidFill>
            </a:endParaRPr>
          </a:p>
        </p:txBody>
      </p:sp>
      <p:sp>
        <p:nvSpPr>
          <p:cNvPr id="18" name="Rectangle 17">
            <a:extLst>
              <a:ext uri="{FF2B5EF4-FFF2-40B4-BE49-F238E27FC236}">
                <a16:creationId xmlns:a16="http://schemas.microsoft.com/office/drawing/2014/main" id="{A9790052-96AF-6813-2332-3D3FFB06DD07}"/>
              </a:ext>
            </a:extLst>
          </p:cNvPr>
          <p:cNvSpPr/>
          <p:nvPr/>
        </p:nvSpPr>
        <p:spPr>
          <a:xfrm rot="16200000">
            <a:off x="6585190" y="7630257"/>
            <a:ext cx="585680" cy="101598"/>
          </a:xfrm>
          <a:prstGeom prst="rect">
            <a:avLst/>
          </a:prstGeom>
          <a:solidFill>
            <a:srgbClr val="5FC7C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000">
              <a:solidFill>
                <a:srgbClr val="6D245C"/>
              </a:solidFill>
            </a:endParaRPr>
          </a:p>
        </p:txBody>
      </p:sp>
      <p:sp>
        <p:nvSpPr>
          <p:cNvPr id="19" name="Rectangle 18">
            <a:extLst>
              <a:ext uri="{FF2B5EF4-FFF2-40B4-BE49-F238E27FC236}">
                <a16:creationId xmlns:a16="http://schemas.microsoft.com/office/drawing/2014/main" id="{0A929EBC-9074-11E3-A9FD-B3B15B8DDD7D}"/>
              </a:ext>
            </a:extLst>
          </p:cNvPr>
          <p:cNvSpPr/>
          <p:nvPr/>
        </p:nvSpPr>
        <p:spPr>
          <a:xfrm rot="16200000">
            <a:off x="11519521" y="4994550"/>
            <a:ext cx="585680" cy="101598"/>
          </a:xfrm>
          <a:prstGeom prst="rect">
            <a:avLst/>
          </a:prstGeom>
          <a:solidFill>
            <a:srgbClr val="5FC7C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000">
              <a:solidFill>
                <a:srgbClr val="6D245C"/>
              </a:solidFill>
            </a:endParaRPr>
          </a:p>
        </p:txBody>
      </p:sp>
      <p:sp>
        <p:nvSpPr>
          <p:cNvPr id="20" name="TextBox 19">
            <a:extLst>
              <a:ext uri="{FF2B5EF4-FFF2-40B4-BE49-F238E27FC236}">
                <a16:creationId xmlns:a16="http://schemas.microsoft.com/office/drawing/2014/main" id="{B266CAC2-0548-C808-EBC7-EFAB4EBE6CBE}"/>
              </a:ext>
            </a:extLst>
          </p:cNvPr>
          <p:cNvSpPr txBox="1"/>
          <p:nvPr/>
        </p:nvSpPr>
        <p:spPr>
          <a:xfrm>
            <a:off x="674121" y="3743669"/>
            <a:ext cx="2640147" cy="639534"/>
          </a:xfrm>
          <a:prstGeom prst="rect">
            <a:avLst/>
          </a:prstGeom>
          <a:noFill/>
        </p:spPr>
        <p:txBody>
          <a:bodyPr wrap="square" rtlCol="0">
            <a:spAutoFit/>
          </a:bodyPr>
          <a:lstStyle/>
          <a:p>
            <a:pPr algn="ctr"/>
            <a:r>
              <a:rPr lang="en-US" sz="3556" dirty="0">
                <a:solidFill>
                  <a:srgbClr val="2C5F71"/>
                </a:solidFill>
                <a:latin typeface="Alfa Slab One"/>
              </a:rPr>
              <a:t>Surveillance</a:t>
            </a:r>
          </a:p>
        </p:txBody>
      </p:sp>
      <p:sp>
        <p:nvSpPr>
          <p:cNvPr id="22" name="TextBox 21">
            <a:extLst>
              <a:ext uri="{FF2B5EF4-FFF2-40B4-BE49-F238E27FC236}">
                <a16:creationId xmlns:a16="http://schemas.microsoft.com/office/drawing/2014/main" id="{47EBBDC5-9A7E-BCB0-E257-26B2E0FD30C8}"/>
              </a:ext>
            </a:extLst>
          </p:cNvPr>
          <p:cNvSpPr txBox="1"/>
          <p:nvPr/>
        </p:nvSpPr>
        <p:spPr>
          <a:xfrm>
            <a:off x="4312986" y="8055658"/>
            <a:ext cx="5525482" cy="639534"/>
          </a:xfrm>
          <a:prstGeom prst="rect">
            <a:avLst/>
          </a:prstGeom>
          <a:noFill/>
        </p:spPr>
        <p:txBody>
          <a:bodyPr wrap="square" rtlCol="0">
            <a:spAutoFit/>
          </a:bodyPr>
          <a:lstStyle/>
          <a:p>
            <a:pPr algn="ctr"/>
            <a:r>
              <a:rPr lang="en-US" sz="3556" dirty="0">
                <a:solidFill>
                  <a:srgbClr val="F76C6C"/>
                </a:solidFill>
                <a:latin typeface="Alfa Slab One"/>
              </a:rPr>
              <a:t>Social media investigations</a:t>
            </a:r>
          </a:p>
        </p:txBody>
      </p:sp>
      <p:sp>
        <p:nvSpPr>
          <p:cNvPr id="23" name="TextBox 22">
            <a:extLst>
              <a:ext uri="{FF2B5EF4-FFF2-40B4-BE49-F238E27FC236}">
                <a16:creationId xmlns:a16="http://schemas.microsoft.com/office/drawing/2014/main" id="{8B9E7CE9-985C-D285-5C1A-7CC2A026944E}"/>
              </a:ext>
            </a:extLst>
          </p:cNvPr>
          <p:cNvSpPr txBox="1"/>
          <p:nvPr/>
        </p:nvSpPr>
        <p:spPr>
          <a:xfrm>
            <a:off x="9920988" y="3750298"/>
            <a:ext cx="3999564" cy="639534"/>
          </a:xfrm>
          <a:prstGeom prst="rect">
            <a:avLst/>
          </a:prstGeom>
          <a:noFill/>
        </p:spPr>
        <p:txBody>
          <a:bodyPr wrap="square" rtlCol="0">
            <a:spAutoFit/>
          </a:bodyPr>
          <a:lstStyle/>
          <a:p>
            <a:pPr algn="ctr"/>
            <a:r>
              <a:rPr lang="en-US" sz="3556" dirty="0">
                <a:solidFill>
                  <a:srgbClr val="2C5F71"/>
                </a:solidFill>
                <a:latin typeface="Alfa Slab One"/>
              </a:rPr>
              <a:t>Medical canvassing</a:t>
            </a:r>
          </a:p>
        </p:txBody>
      </p:sp>
      <p:sp>
        <p:nvSpPr>
          <p:cNvPr id="24" name="TextBox 23">
            <a:extLst>
              <a:ext uri="{FF2B5EF4-FFF2-40B4-BE49-F238E27FC236}">
                <a16:creationId xmlns:a16="http://schemas.microsoft.com/office/drawing/2014/main" id="{EF5BCCEA-AD6E-3543-2F33-6CBE1A673594}"/>
              </a:ext>
            </a:extLst>
          </p:cNvPr>
          <p:cNvSpPr txBox="1"/>
          <p:nvPr/>
        </p:nvSpPr>
        <p:spPr>
          <a:xfrm>
            <a:off x="14979735" y="8045703"/>
            <a:ext cx="4015256" cy="639534"/>
          </a:xfrm>
          <a:prstGeom prst="rect">
            <a:avLst/>
          </a:prstGeom>
          <a:noFill/>
        </p:spPr>
        <p:txBody>
          <a:bodyPr wrap="square" rtlCol="0">
            <a:spAutoFit/>
          </a:bodyPr>
          <a:lstStyle/>
          <a:p>
            <a:pPr algn="ctr"/>
            <a:r>
              <a:rPr lang="en-US" sz="3556" dirty="0">
                <a:solidFill>
                  <a:srgbClr val="F76C6C"/>
                </a:solidFill>
                <a:latin typeface="Alfa Slab One"/>
              </a:rPr>
              <a:t>Field Investigations</a:t>
            </a:r>
          </a:p>
        </p:txBody>
      </p:sp>
    </p:spTree>
    <p:extLst>
      <p:ext uri="{BB962C8B-B14F-4D97-AF65-F5344CB8AC3E}">
        <p14:creationId xmlns:p14="http://schemas.microsoft.com/office/powerpoint/2010/main" val="661616513"/>
      </p:ext>
    </p:extLst>
  </p:cSld>
  <p:clrMapOvr>
    <a:masterClrMapping/>
  </p:clrMapOvr>
  <p:transition spd="slow">
    <p:push dir="u"/>
  </p:transition>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p:cNvSpPr/>
          <p:nvPr/>
        </p:nvSpPr>
        <p:spPr>
          <a:xfrm>
            <a:off x="1" y="10765044"/>
            <a:ext cx="19096074" cy="6649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370013" rtl="0" eaLnBrk="0" fontAlgn="base" latinLnBrk="0" hangingPunct="0">
              <a:lnSpc>
                <a:spcPct val="100000"/>
              </a:lnSpc>
              <a:spcBef>
                <a:spcPct val="0"/>
              </a:spcBef>
              <a:spcAft>
                <a:spcPct val="0"/>
              </a:spcAft>
              <a:buClrTx/>
              <a:buSzTx/>
              <a:buFontTx/>
              <a:buNone/>
              <a:tabLst/>
              <a:defRPr/>
            </a:pPr>
            <a:endParaRPr kumimoji="0" lang="en-GB" sz="27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5" name="Rectangle 4">
            <a:extLst>
              <a:ext uri="{FF2B5EF4-FFF2-40B4-BE49-F238E27FC236}">
                <a16:creationId xmlns:a16="http://schemas.microsoft.com/office/drawing/2014/main" id="{EA53DBCE-6729-A7E7-3515-E024C4BEB0DD}"/>
              </a:ext>
            </a:extLst>
          </p:cNvPr>
          <p:cNvSpPr/>
          <p:nvPr/>
        </p:nvSpPr>
        <p:spPr>
          <a:xfrm>
            <a:off x="-1" y="8725"/>
            <a:ext cx="19000381" cy="6649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370013" rtl="0" eaLnBrk="0" fontAlgn="base" latinLnBrk="0" hangingPunct="0">
              <a:lnSpc>
                <a:spcPct val="100000"/>
              </a:lnSpc>
              <a:spcBef>
                <a:spcPct val="0"/>
              </a:spcBef>
              <a:spcAft>
                <a:spcPct val="0"/>
              </a:spcAft>
              <a:buClrTx/>
              <a:buSzTx/>
              <a:buFontTx/>
              <a:buNone/>
              <a:tabLst/>
              <a:defRPr/>
            </a:pPr>
            <a:endParaRPr kumimoji="0" lang="en-GB" sz="27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6" name="Rectangle 5">
            <a:extLst>
              <a:ext uri="{FF2B5EF4-FFF2-40B4-BE49-F238E27FC236}">
                <a16:creationId xmlns:a16="http://schemas.microsoft.com/office/drawing/2014/main" id="{BA36543F-6D0F-B959-173F-DC94C83E43E1}"/>
              </a:ext>
            </a:extLst>
          </p:cNvPr>
          <p:cNvSpPr/>
          <p:nvPr/>
        </p:nvSpPr>
        <p:spPr>
          <a:xfrm rot="16200000">
            <a:off x="13149820" y="5382522"/>
            <a:ext cx="11412550" cy="6649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370013" rtl="0" eaLnBrk="0" fontAlgn="base" latinLnBrk="0" hangingPunct="0">
              <a:lnSpc>
                <a:spcPct val="100000"/>
              </a:lnSpc>
              <a:spcBef>
                <a:spcPct val="0"/>
              </a:spcBef>
              <a:spcAft>
                <a:spcPct val="0"/>
              </a:spcAft>
              <a:buClrTx/>
              <a:buSzTx/>
              <a:buFontTx/>
              <a:buNone/>
              <a:tabLst/>
              <a:defRPr/>
            </a:pPr>
            <a:endParaRPr kumimoji="0" lang="en-GB" sz="27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9" name="Title 6">
            <a:extLst>
              <a:ext uri="{FF2B5EF4-FFF2-40B4-BE49-F238E27FC236}">
                <a16:creationId xmlns:a16="http://schemas.microsoft.com/office/drawing/2014/main" id="{B1A06F80-3B9B-05FC-D343-28687A39FC96}"/>
              </a:ext>
            </a:extLst>
          </p:cNvPr>
          <p:cNvSpPr txBox="1">
            <a:spLocks/>
          </p:cNvSpPr>
          <p:nvPr/>
        </p:nvSpPr>
        <p:spPr>
          <a:xfrm>
            <a:off x="1176914" y="868635"/>
            <a:ext cx="14181906" cy="383060"/>
          </a:xfrm>
          <a:prstGeom prst="rect">
            <a:avLst/>
          </a:prstGeom>
        </p:spPr>
        <p:txBody>
          <a:bodyPr anchor="ctr" anchorCtr="0"/>
          <a:lstStyle>
            <a:lvl1pPr algn="ctr" defTabSz="914400" rtl="0" eaLnBrk="1" latinLnBrk="0" hangingPunct="1">
              <a:lnSpc>
                <a:spcPct val="90000"/>
              </a:lnSpc>
              <a:spcBef>
                <a:spcPct val="0"/>
              </a:spcBef>
              <a:buNone/>
              <a:defRPr sz="7200" b="1" kern="1200">
                <a:solidFill>
                  <a:schemeClr val="tx1"/>
                </a:solidFill>
                <a:latin typeface="+mn-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4400" b="0" i="0" u="none" strike="noStrike" kern="1200" cap="none" spc="0" normalizeH="0" baseline="0" noProof="0" dirty="0">
                <a:ln>
                  <a:noFill/>
                </a:ln>
                <a:solidFill>
                  <a:srgbClr val="114B5F"/>
                </a:solidFill>
                <a:effectLst/>
                <a:uLnTx/>
                <a:uFillTx/>
                <a:latin typeface="Arial" panose="020B0604020202020204" pitchFamily="34" charset="0"/>
                <a:ea typeface="+mj-ea"/>
                <a:cs typeface="Arial" panose="020B0604020202020204" pitchFamily="34" charset="0"/>
              </a:rPr>
              <a:t>Latest technology related to the investigative tools </a:t>
            </a:r>
          </a:p>
        </p:txBody>
      </p:sp>
      <p:sp>
        <p:nvSpPr>
          <p:cNvPr id="11" name="Oval 10">
            <a:extLst>
              <a:ext uri="{FF2B5EF4-FFF2-40B4-BE49-F238E27FC236}">
                <a16:creationId xmlns:a16="http://schemas.microsoft.com/office/drawing/2014/main" id="{CFF35073-74F5-CAA3-0DB2-ECC815C59483}"/>
              </a:ext>
            </a:extLst>
          </p:cNvPr>
          <p:cNvSpPr/>
          <p:nvPr/>
        </p:nvSpPr>
        <p:spPr>
          <a:xfrm>
            <a:off x="674121" y="840259"/>
            <a:ext cx="383060" cy="38306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370013" rtl="0" eaLnBrk="0" fontAlgn="base" latinLnBrk="0" hangingPunct="0">
              <a:lnSpc>
                <a:spcPct val="100000"/>
              </a:lnSpc>
              <a:spcBef>
                <a:spcPct val="0"/>
              </a:spcBef>
              <a:spcAft>
                <a:spcPct val="0"/>
              </a:spcAft>
              <a:buClrTx/>
              <a:buSzTx/>
              <a:buFontTx/>
              <a:buNone/>
              <a:tabLst/>
              <a:defRPr/>
            </a:pPr>
            <a:endParaRPr kumimoji="0" lang="en-GB" sz="27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18" name="Google Shape;9894;p88">
            <a:extLst>
              <a:ext uri="{FF2B5EF4-FFF2-40B4-BE49-F238E27FC236}">
                <a16:creationId xmlns:a16="http://schemas.microsoft.com/office/drawing/2014/main" id="{D1D76ED4-2F60-130B-C539-B57DC1B3FBDE}"/>
              </a:ext>
            </a:extLst>
          </p:cNvPr>
          <p:cNvSpPr/>
          <p:nvPr/>
        </p:nvSpPr>
        <p:spPr>
          <a:xfrm>
            <a:off x="4719136" y="2721583"/>
            <a:ext cx="10142527" cy="7868898"/>
          </a:xfrm>
          <a:prstGeom prst="pentagon">
            <a:avLst>
              <a:gd name="hf" fmla="val 105146"/>
              <a:gd name="vf" fmla="val 110557"/>
            </a:avLst>
          </a:prstGeom>
          <a:solidFill>
            <a:srgbClr val="114B5F"/>
          </a:solidFill>
          <a:ln>
            <a:noFill/>
          </a:ln>
        </p:spPr>
        <p:txBody>
          <a:bodyPr spcFirstLastPara="1" wrap="square" lIns="203167" tIns="203167" rIns="203167" bIns="203167" anchor="ctr" anchorCtr="0">
            <a:noAutofit/>
          </a:bodyPr>
          <a:lstStyle/>
          <a:p>
            <a:pPr>
              <a:spcBef>
                <a:spcPts val="0"/>
              </a:spcBef>
              <a:spcAft>
                <a:spcPts val="0"/>
              </a:spcAft>
            </a:pPr>
            <a:endParaRPr sz="6000"/>
          </a:p>
        </p:txBody>
      </p:sp>
      <p:sp>
        <p:nvSpPr>
          <p:cNvPr id="21" name="Google Shape;9905;p88">
            <a:extLst>
              <a:ext uri="{FF2B5EF4-FFF2-40B4-BE49-F238E27FC236}">
                <a16:creationId xmlns:a16="http://schemas.microsoft.com/office/drawing/2014/main" id="{E16C9B2F-135A-23B8-4BAD-8A63386679FC}"/>
              </a:ext>
            </a:extLst>
          </p:cNvPr>
          <p:cNvSpPr/>
          <p:nvPr/>
        </p:nvSpPr>
        <p:spPr>
          <a:xfrm>
            <a:off x="8482235" y="1961662"/>
            <a:ext cx="2500616" cy="2214931"/>
          </a:xfrm>
          <a:prstGeom prst="ellipse">
            <a:avLst/>
          </a:prstGeom>
          <a:solidFill>
            <a:srgbClr val="5FC7C7"/>
          </a:solidFill>
          <a:ln>
            <a:noFill/>
          </a:ln>
        </p:spPr>
        <p:txBody>
          <a:bodyPr spcFirstLastPara="1" wrap="square" lIns="203167" tIns="203167" rIns="203167" bIns="203167" anchor="ctr" anchorCtr="0">
            <a:noAutofit/>
          </a:bodyPr>
          <a:lstStyle/>
          <a:p>
            <a:pPr algn="ctr">
              <a:spcBef>
                <a:spcPts val="0"/>
              </a:spcBef>
              <a:spcAft>
                <a:spcPts val="0"/>
              </a:spcAft>
            </a:pPr>
            <a:endParaRPr sz="2667">
              <a:solidFill>
                <a:srgbClr val="FFFFFF"/>
              </a:solidFill>
              <a:latin typeface="Roboto Medium"/>
              <a:ea typeface="Roboto Medium"/>
              <a:cs typeface="Roboto Medium"/>
              <a:sym typeface="Roboto Medium"/>
            </a:endParaRPr>
          </a:p>
        </p:txBody>
      </p:sp>
      <p:sp>
        <p:nvSpPr>
          <p:cNvPr id="23" name="Google Shape;9909;p88">
            <a:extLst>
              <a:ext uri="{FF2B5EF4-FFF2-40B4-BE49-F238E27FC236}">
                <a16:creationId xmlns:a16="http://schemas.microsoft.com/office/drawing/2014/main" id="{036F44CB-B78A-8E39-3614-32649901B8B2}"/>
              </a:ext>
            </a:extLst>
          </p:cNvPr>
          <p:cNvSpPr/>
          <p:nvPr/>
        </p:nvSpPr>
        <p:spPr>
          <a:xfrm rot="19721149">
            <a:off x="5810140" y="3643637"/>
            <a:ext cx="2240224" cy="361086"/>
          </a:xfrm>
          <a:prstGeom prst="rightArrow">
            <a:avLst>
              <a:gd name="adj1" fmla="val 25514"/>
              <a:gd name="adj2" fmla="val 64322"/>
            </a:avLst>
          </a:prstGeom>
          <a:solidFill>
            <a:srgbClr val="F76C6C"/>
          </a:solidFill>
          <a:ln>
            <a:noFill/>
          </a:ln>
        </p:spPr>
        <p:txBody>
          <a:bodyPr spcFirstLastPara="1" wrap="square" lIns="203167" tIns="203167" rIns="203167" bIns="203167" anchor="ctr" anchorCtr="0">
            <a:noAutofit/>
          </a:bodyPr>
          <a:lstStyle/>
          <a:p>
            <a:pPr>
              <a:spcBef>
                <a:spcPts val="0"/>
              </a:spcBef>
              <a:spcAft>
                <a:spcPts val="0"/>
              </a:spcAft>
            </a:pPr>
            <a:endParaRPr sz="6000"/>
          </a:p>
        </p:txBody>
      </p:sp>
      <p:sp>
        <p:nvSpPr>
          <p:cNvPr id="24" name="Google Shape;9905;p88">
            <a:extLst>
              <a:ext uri="{FF2B5EF4-FFF2-40B4-BE49-F238E27FC236}">
                <a16:creationId xmlns:a16="http://schemas.microsoft.com/office/drawing/2014/main" id="{CA280F2E-7977-E671-BA26-B88785D2F97E}"/>
              </a:ext>
            </a:extLst>
          </p:cNvPr>
          <p:cNvSpPr/>
          <p:nvPr/>
        </p:nvSpPr>
        <p:spPr>
          <a:xfrm>
            <a:off x="13799113" y="4531259"/>
            <a:ext cx="2500616" cy="2214931"/>
          </a:xfrm>
          <a:prstGeom prst="ellipse">
            <a:avLst/>
          </a:prstGeom>
          <a:solidFill>
            <a:srgbClr val="5FC7C7"/>
          </a:solidFill>
          <a:ln>
            <a:noFill/>
          </a:ln>
        </p:spPr>
        <p:txBody>
          <a:bodyPr spcFirstLastPara="1" wrap="square" lIns="203167" tIns="203167" rIns="203167" bIns="203167" anchor="ctr" anchorCtr="0">
            <a:noAutofit/>
          </a:bodyPr>
          <a:lstStyle/>
          <a:p>
            <a:pPr algn="ctr">
              <a:spcBef>
                <a:spcPts val="0"/>
              </a:spcBef>
              <a:spcAft>
                <a:spcPts val="0"/>
              </a:spcAft>
            </a:pPr>
            <a:endParaRPr sz="2667">
              <a:solidFill>
                <a:srgbClr val="FFFFFF"/>
              </a:solidFill>
              <a:latin typeface="Roboto Medium"/>
              <a:ea typeface="Roboto Medium"/>
              <a:cs typeface="Roboto Medium"/>
              <a:sym typeface="Roboto Medium"/>
            </a:endParaRPr>
          </a:p>
        </p:txBody>
      </p:sp>
      <p:sp>
        <p:nvSpPr>
          <p:cNvPr id="26" name="Google Shape;9905;p88">
            <a:extLst>
              <a:ext uri="{FF2B5EF4-FFF2-40B4-BE49-F238E27FC236}">
                <a16:creationId xmlns:a16="http://schemas.microsoft.com/office/drawing/2014/main" id="{598A6FDB-A231-0970-395E-9062E4B29906}"/>
              </a:ext>
            </a:extLst>
          </p:cNvPr>
          <p:cNvSpPr/>
          <p:nvPr/>
        </p:nvSpPr>
        <p:spPr>
          <a:xfrm>
            <a:off x="3553105" y="4531260"/>
            <a:ext cx="2500616" cy="2214931"/>
          </a:xfrm>
          <a:prstGeom prst="ellipse">
            <a:avLst/>
          </a:prstGeom>
          <a:solidFill>
            <a:srgbClr val="5FC7C7"/>
          </a:solidFill>
          <a:ln>
            <a:noFill/>
          </a:ln>
        </p:spPr>
        <p:txBody>
          <a:bodyPr spcFirstLastPara="1" wrap="square" lIns="203167" tIns="203167" rIns="203167" bIns="203167" anchor="ctr" anchorCtr="0">
            <a:noAutofit/>
          </a:bodyPr>
          <a:lstStyle/>
          <a:p>
            <a:pPr algn="ctr">
              <a:spcBef>
                <a:spcPts val="0"/>
              </a:spcBef>
              <a:spcAft>
                <a:spcPts val="0"/>
              </a:spcAft>
            </a:pPr>
            <a:endParaRPr sz="2667">
              <a:solidFill>
                <a:srgbClr val="FFFFFF"/>
              </a:solidFill>
              <a:latin typeface="Roboto Medium"/>
              <a:ea typeface="Roboto Medium"/>
              <a:cs typeface="Roboto Medium"/>
              <a:sym typeface="Roboto Medium"/>
            </a:endParaRPr>
          </a:p>
        </p:txBody>
      </p:sp>
      <p:sp>
        <p:nvSpPr>
          <p:cNvPr id="27" name="Google Shape;9905;p88">
            <a:extLst>
              <a:ext uri="{FF2B5EF4-FFF2-40B4-BE49-F238E27FC236}">
                <a16:creationId xmlns:a16="http://schemas.microsoft.com/office/drawing/2014/main" id="{3A5EFDA6-03CD-710F-3627-1146C5B8E0AF}"/>
              </a:ext>
            </a:extLst>
          </p:cNvPr>
          <p:cNvSpPr/>
          <p:nvPr/>
        </p:nvSpPr>
        <p:spPr>
          <a:xfrm>
            <a:off x="4992084" y="9079563"/>
            <a:ext cx="2500616" cy="2214931"/>
          </a:xfrm>
          <a:prstGeom prst="ellipse">
            <a:avLst/>
          </a:prstGeom>
          <a:solidFill>
            <a:srgbClr val="5FC7C7"/>
          </a:solidFill>
          <a:ln>
            <a:noFill/>
          </a:ln>
        </p:spPr>
        <p:txBody>
          <a:bodyPr spcFirstLastPara="1" wrap="square" lIns="203167" tIns="203167" rIns="203167" bIns="203167" anchor="ctr" anchorCtr="0">
            <a:noAutofit/>
          </a:bodyPr>
          <a:lstStyle/>
          <a:p>
            <a:pPr algn="ctr">
              <a:spcBef>
                <a:spcPts val="0"/>
              </a:spcBef>
              <a:spcAft>
                <a:spcPts val="0"/>
              </a:spcAft>
            </a:pPr>
            <a:endParaRPr sz="2667" dirty="0">
              <a:solidFill>
                <a:srgbClr val="FFFFFF"/>
              </a:solidFill>
              <a:latin typeface="Roboto Medium"/>
              <a:ea typeface="Roboto Medium"/>
              <a:cs typeface="Roboto Medium"/>
              <a:sym typeface="Roboto Medium"/>
            </a:endParaRPr>
          </a:p>
        </p:txBody>
      </p:sp>
      <p:sp>
        <p:nvSpPr>
          <p:cNvPr id="28" name="Google Shape;9905;p88">
            <a:extLst>
              <a:ext uri="{FF2B5EF4-FFF2-40B4-BE49-F238E27FC236}">
                <a16:creationId xmlns:a16="http://schemas.microsoft.com/office/drawing/2014/main" id="{104DE585-D8B3-D26E-B740-A43CD5BD3261}"/>
              </a:ext>
            </a:extLst>
          </p:cNvPr>
          <p:cNvSpPr/>
          <p:nvPr/>
        </p:nvSpPr>
        <p:spPr>
          <a:xfrm>
            <a:off x="11890540" y="9079564"/>
            <a:ext cx="2500616" cy="2214931"/>
          </a:xfrm>
          <a:prstGeom prst="ellipse">
            <a:avLst/>
          </a:prstGeom>
          <a:solidFill>
            <a:srgbClr val="5FC7C7"/>
          </a:solidFill>
          <a:ln>
            <a:noFill/>
          </a:ln>
        </p:spPr>
        <p:txBody>
          <a:bodyPr spcFirstLastPara="1" wrap="square" lIns="203167" tIns="203167" rIns="203167" bIns="203167" anchor="ctr" anchorCtr="0">
            <a:noAutofit/>
          </a:bodyPr>
          <a:lstStyle/>
          <a:p>
            <a:pPr algn="ctr">
              <a:spcBef>
                <a:spcPts val="0"/>
              </a:spcBef>
              <a:spcAft>
                <a:spcPts val="0"/>
              </a:spcAft>
            </a:pPr>
            <a:endParaRPr sz="2667">
              <a:solidFill>
                <a:srgbClr val="FFFFFF"/>
              </a:solidFill>
              <a:latin typeface="Roboto Medium"/>
              <a:ea typeface="Roboto Medium"/>
              <a:cs typeface="Roboto Medium"/>
              <a:sym typeface="Roboto Medium"/>
            </a:endParaRPr>
          </a:p>
        </p:txBody>
      </p:sp>
      <p:sp>
        <p:nvSpPr>
          <p:cNvPr id="2051" name="Google Shape;9909;p88">
            <a:extLst>
              <a:ext uri="{FF2B5EF4-FFF2-40B4-BE49-F238E27FC236}">
                <a16:creationId xmlns:a16="http://schemas.microsoft.com/office/drawing/2014/main" id="{949BACC3-47DB-FF44-84ED-2BAE9A5340CB}"/>
              </a:ext>
            </a:extLst>
          </p:cNvPr>
          <p:cNvSpPr/>
          <p:nvPr/>
        </p:nvSpPr>
        <p:spPr>
          <a:xfrm rot="10800000">
            <a:off x="7981032" y="10685355"/>
            <a:ext cx="3336996" cy="512194"/>
          </a:xfrm>
          <a:prstGeom prst="rightArrow">
            <a:avLst>
              <a:gd name="adj1" fmla="val 25514"/>
              <a:gd name="adj2" fmla="val 64322"/>
            </a:avLst>
          </a:prstGeom>
          <a:solidFill>
            <a:srgbClr val="F76C6C"/>
          </a:solidFill>
          <a:ln>
            <a:noFill/>
          </a:ln>
        </p:spPr>
        <p:txBody>
          <a:bodyPr spcFirstLastPara="1" wrap="square" lIns="203167" tIns="203167" rIns="203167" bIns="203167" anchor="ctr" anchorCtr="0">
            <a:noAutofit/>
          </a:bodyPr>
          <a:lstStyle/>
          <a:p>
            <a:pPr>
              <a:spcBef>
                <a:spcPts val="0"/>
              </a:spcBef>
              <a:spcAft>
                <a:spcPts val="0"/>
              </a:spcAft>
            </a:pPr>
            <a:endParaRPr sz="6000"/>
          </a:p>
        </p:txBody>
      </p:sp>
      <p:sp>
        <p:nvSpPr>
          <p:cNvPr id="2052" name="TextBox 2051">
            <a:extLst>
              <a:ext uri="{FF2B5EF4-FFF2-40B4-BE49-F238E27FC236}">
                <a16:creationId xmlns:a16="http://schemas.microsoft.com/office/drawing/2014/main" id="{C16C8E23-3AC8-C4DB-85E3-0A85B5B393A0}"/>
              </a:ext>
            </a:extLst>
          </p:cNvPr>
          <p:cNvSpPr txBox="1"/>
          <p:nvPr/>
        </p:nvSpPr>
        <p:spPr>
          <a:xfrm>
            <a:off x="7956946" y="2379152"/>
            <a:ext cx="3551193" cy="1186735"/>
          </a:xfrm>
          <a:prstGeom prst="rect">
            <a:avLst/>
          </a:prstGeom>
          <a:noFill/>
        </p:spPr>
        <p:txBody>
          <a:bodyPr wrap="square" rtlCol="0">
            <a:spAutoFit/>
          </a:bodyPr>
          <a:lstStyle/>
          <a:p>
            <a:pPr algn="ctr"/>
            <a:r>
              <a:rPr lang="en-US" sz="3556" dirty="0">
                <a:solidFill>
                  <a:schemeClr val="bg1"/>
                </a:solidFill>
                <a:latin typeface="Alfa Slab One"/>
              </a:rPr>
              <a:t>Remote surveillance</a:t>
            </a:r>
          </a:p>
        </p:txBody>
      </p:sp>
      <p:sp>
        <p:nvSpPr>
          <p:cNvPr id="2053" name="TextBox 2052">
            <a:extLst>
              <a:ext uri="{FF2B5EF4-FFF2-40B4-BE49-F238E27FC236}">
                <a16:creationId xmlns:a16="http://schemas.microsoft.com/office/drawing/2014/main" id="{4E951498-2F94-2348-7AE5-C7174DAF2F83}"/>
              </a:ext>
            </a:extLst>
          </p:cNvPr>
          <p:cNvSpPr txBox="1"/>
          <p:nvPr/>
        </p:nvSpPr>
        <p:spPr>
          <a:xfrm>
            <a:off x="3027816" y="4986096"/>
            <a:ext cx="3551193" cy="1186735"/>
          </a:xfrm>
          <a:prstGeom prst="rect">
            <a:avLst/>
          </a:prstGeom>
          <a:noFill/>
        </p:spPr>
        <p:txBody>
          <a:bodyPr wrap="square" rtlCol="0">
            <a:spAutoFit/>
          </a:bodyPr>
          <a:lstStyle/>
          <a:p>
            <a:pPr algn="ctr"/>
            <a:r>
              <a:rPr lang="en-US" sz="3556" dirty="0">
                <a:solidFill>
                  <a:schemeClr val="bg1"/>
                </a:solidFill>
                <a:latin typeface="Alfa Slab One"/>
              </a:rPr>
              <a:t>Social media monitoring</a:t>
            </a:r>
          </a:p>
        </p:txBody>
      </p:sp>
      <p:sp>
        <p:nvSpPr>
          <p:cNvPr id="2054" name="TextBox 2053">
            <a:extLst>
              <a:ext uri="{FF2B5EF4-FFF2-40B4-BE49-F238E27FC236}">
                <a16:creationId xmlns:a16="http://schemas.microsoft.com/office/drawing/2014/main" id="{F5E16AF1-602F-20AB-3240-DD7D7CC2342A}"/>
              </a:ext>
            </a:extLst>
          </p:cNvPr>
          <p:cNvSpPr txBox="1"/>
          <p:nvPr/>
        </p:nvSpPr>
        <p:spPr>
          <a:xfrm>
            <a:off x="13529551" y="4986096"/>
            <a:ext cx="3039739" cy="1186735"/>
          </a:xfrm>
          <a:prstGeom prst="rect">
            <a:avLst/>
          </a:prstGeom>
          <a:noFill/>
        </p:spPr>
        <p:txBody>
          <a:bodyPr wrap="square" rtlCol="0">
            <a:spAutoFit/>
          </a:bodyPr>
          <a:lstStyle/>
          <a:p>
            <a:pPr algn="ctr"/>
            <a:r>
              <a:rPr lang="en-US" sz="3556" dirty="0">
                <a:solidFill>
                  <a:schemeClr val="bg1"/>
                </a:solidFill>
                <a:latin typeface="Alfa Slab One"/>
              </a:rPr>
              <a:t>Facial recognition</a:t>
            </a:r>
          </a:p>
        </p:txBody>
      </p:sp>
      <p:sp>
        <p:nvSpPr>
          <p:cNvPr id="2055" name="TextBox 2054">
            <a:extLst>
              <a:ext uri="{FF2B5EF4-FFF2-40B4-BE49-F238E27FC236}">
                <a16:creationId xmlns:a16="http://schemas.microsoft.com/office/drawing/2014/main" id="{34F37ADD-0CDE-E258-2BEE-7D65EF285FDE}"/>
              </a:ext>
            </a:extLst>
          </p:cNvPr>
          <p:cNvSpPr txBox="1"/>
          <p:nvPr/>
        </p:nvSpPr>
        <p:spPr>
          <a:xfrm>
            <a:off x="11746308" y="9357781"/>
            <a:ext cx="2805393" cy="1733936"/>
          </a:xfrm>
          <a:prstGeom prst="rect">
            <a:avLst/>
          </a:prstGeom>
          <a:noFill/>
        </p:spPr>
        <p:txBody>
          <a:bodyPr wrap="square" rtlCol="0">
            <a:spAutoFit/>
          </a:bodyPr>
          <a:lstStyle/>
          <a:p>
            <a:pPr algn="ctr"/>
            <a:r>
              <a:rPr lang="en-US" sz="3556" dirty="0">
                <a:solidFill>
                  <a:schemeClr val="bg1"/>
                </a:solidFill>
                <a:latin typeface="Alfa Slab One"/>
              </a:rPr>
              <a:t>AI within claims systems</a:t>
            </a:r>
          </a:p>
        </p:txBody>
      </p:sp>
      <p:sp>
        <p:nvSpPr>
          <p:cNvPr id="2056" name="TextBox 2055">
            <a:extLst>
              <a:ext uri="{FF2B5EF4-FFF2-40B4-BE49-F238E27FC236}">
                <a16:creationId xmlns:a16="http://schemas.microsoft.com/office/drawing/2014/main" id="{30CE6208-EE6A-8467-64E8-1364D50B9B08}"/>
              </a:ext>
            </a:extLst>
          </p:cNvPr>
          <p:cNvSpPr txBox="1"/>
          <p:nvPr/>
        </p:nvSpPr>
        <p:spPr>
          <a:xfrm>
            <a:off x="4719136" y="9357781"/>
            <a:ext cx="2988928" cy="1733936"/>
          </a:xfrm>
          <a:prstGeom prst="rect">
            <a:avLst/>
          </a:prstGeom>
          <a:noFill/>
        </p:spPr>
        <p:txBody>
          <a:bodyPr wrap="square" rtlCol="0">
            <a:spAutoFit/>
          </a:bodyPr>
          <a:lstStyle/>
          <a:p>
            <a:pPr algn="ctr"/>
            <a:r>
              <a:rPr lang="en-US" sz="3556" dirty="0">
                <a:solidFill>
                  <a:schemeClr val="bg1"/>
                </a:solidFill>
                <a:latin typeface="Alfa Slab One"/>
              </a:rPr>
              <a:t>Vehicle sighting reports</a:t>
            </a:r>
          </a:p>
        </p:txBody>
      </p:sp>
      <p:pic>
        <p:nvPicPr>
          <p:cNvPr id="2057" name="Graphic 2056" descr="Artificial Intelligence with solid fill">
            <a:extLst>
              <a:ext uri="{FF2B5EF4-FFF2-40B4-BE49-F238E27FC236}">
                <a16:creationId xmlns:a16="http://schemas.microsoft.com/office/drawing/2014/main" id="{1775AA24-B76B-6013-EDED-A518F43635D3}"/>
              </a:ext>
            </a:extLst>
          </p:cNvPr>
          <p:cNvPicPr>
            <a:picLocks noChangeAspect="1"/>
          </p:cNvPicPr>
          <p:nvPr/>
        </p:nvPicPr>
        <p:blipFill>
          <a:blip r:embed="rId2">
            <a:extLst>
              <a:ext uri="{96DAC541-7B7A-43D3-8B79-37D633B846F1}">
                <asvg:svgBlip xmlns:asvg="http://schemas.microsoft.com/office/drawing/2016/SVG/main" xmlns="" r:embed="rId3"/>
              </a:ext>
            </a:extLst>
          </a:blip>
          <a:stretch>
            <a:fillRect/>
          </a:stretch>
        </p:blipFill>
        <p:spPr>
          <a:xfrm>
            <a:off x="7956946" y="4894174"/>
            <a:ext cx="4121340" cy="4121340"/>
          </a:xfrm>
          <a:prstGeom prst="rect">
            <a:avLst/>
          </a:prstGeom>
        </p:spPr>
      </p:pic>
      <p:sp>
        <p:nvSpPr>
          <p:cNvPr id="2058" name="Google Shape;9909;p88">
            <a:extLst>
              <a:ext uri="{FF2B5EF4-FFF2-40B4-BE49-F238E27FC236}">
                <a16:creationId xmlns:a16="http://schemas.microsoft.com/office/drawing/2014/main" id="{1A7CF4B3-41BD-E582-6953-41091DD8953B}"/>
              </a:ext>
            </a:extLst>
          </p:cNvPr>
          <p:cNvSpPr/>
          <p:nvPr/>
        </p:nvSpPr>
        <p:spPr>
          <a:xfrm rot="1882540">
            <a:off x="11803390" y="3644563"/>
            <a:ext cx="2240224" cy="361086"/>
          </a:xfrm>
          <a:prstGeom prst="rightArrow">
            <a:avLst>
              <a:gd name="adj1" fmla="val 25514"/>
              <a:gd name="adj2" fmla="val 64322"/>
            </a:avLst>
          </a:prstGeom>
          <a:solidFill>
            <a:srgbClr val="F76C6C"/>
          </a:solidFill>
          <a:ln>
            <a:noFill/>
          </a:ln>
        </p:spPr>
        <p:txBody>
          <a:bodyPr spcFirstLastPara="1" wrap="square" lIns="203167" tIns="203167" rIns="203167" bIns="203167" anchor="ctr" anchorCtr="0">
            <a:noAutofit/>
          </a:bodyPr>
          <a:lstStyle/>
          <a:p>
            <a:pPr>
              <a:spcBef>
                <a:spcPts val="0"/>
              </a:spcBef>
              <a:spcAft>
                <a:spcPts val="0"/>
              </a:spcAft>
            </a:pPr>
            <a:endParaRPr sz="6000"/>
          </a:p>
        </p:txBody>
      </p:sp>
      <p:sp>
        <p:nvSpPr>
          <p:cNvPr id="2059" name="Google Shape;9909;p88">
            <a:extLst>
              <a:ext uri="{FF2B5EF4-FFF2-40B4-BE49-F238E27FC236}">
                <a16:creationId xmlns:a16="http://schemas.microsoft.com/office/drawing/2014/main" id="{91BDBD17-DD05-18A8-B288-73003EB8BB5F}"/>
              </a:ext>
            </a:extLst>
          </p:cNvPr>
          <p:cNvSpPr/>
          <p:nvPr/>
        </p:nvSpPr>
        <p:spPr>
          <a:xfrm rot="6673348">
            <a:off x="13411948" y="7981589"/>
            <a:ext cx="2240224" cy="361086"/>
          </a:xfrm>
          <a:prstGeom prst="rightArrow">
            <a:avLst>
              <a:gd name="adj1" fmla="val 25514"/>
              <a:gd name="adj2" fmla="val 64322"/>
            </a:avLst>
          </a:prstGeom>
          <a:solidFill>
            <a:srgbClr val="F76C6C"/>
          </a:solidFill>
          <a:ln>
            <a:noFill/>
          </a:ln>
        </p:spPr>
        <p:txBody>
          <a:bodyPr spcFirstLastPara="1" wrap="square" lIns="203167" tIns="203167" rIns="203167" bIns="203167" anchor="ctr" anchorCtr="0">
            <a:noAutofit/>
          </a:bodyPr>
          <a:lstStyle/>
          <a:p>
            <a:pPr>
              <a:spcBef>
                <a:spcPts val="0"/>
              </a:spcBef>
              <a:spcAft>
                <a:spcPts val="0"/>
              </a:spcAft>
            </a:pPr>
            <a:endParaRPr sz="6000"/>
          </a:p>
        </p:txBody>
      </p:sp>
      <p:sp>
        <p:nvSpPr>
          <p:cNvPr id="2060" name="Google Shape;9909;p88">
            <a:extLst>
              <a:ext uri="{FF2B5EF4-FFF2-40B4-BE49-F238E27FC236}">
                <a16:creationId xmlns:a16="http://schemas.microsoft.com/office/drawing/2014/main" id="{48BAB88E-155E-079B-5BAB-B2B80D9E0BCA}"/>
              </a:ext>
            </a:extLst>
          </p:cNvPr>
          <p:cNvSpPr/>
          <p:nvPr/>
        </p:nvSpPr>
        <p:spPr>
          <a:xfrm rot="14976479">
            <a:off x="3871971" y="7860889"/>
            <a:ext cx="2240224" cy="361086"/>
          </a:xfrm>
          <a:prstGeom prst="rightArrow">
            <a:avLst>
              <a:gd name="adj1" fmla="val 25514"/>
              <a:gd name="adj2" fmla="val 64322"/>
            </a:avLst>
          </a:prstGeom>
          <a:solidFill>
            <a:srgbClr val="F76C6C"/>
          </a:solidFill>
          <a:ln>
            <a:noFill/>
          </a:ln>
        </p:spPr>
        <p:txBody>
          <a:bodyPr spcFirstLastPara="1" wrap="square" lIns="203167" tIns="203167" rIns="203167" bIns="203167" anchor="ctr" anchorCtr="0">
            <a:noAutofit/>
          </a:bodyPr>
          <a:lstStyle/>
          <a:p>
            <a:pPr>
              <a:spcBef>
                <a:spcPts val="0"/>
              </a:spcBef>
              <a:spcAft>
                <a:spcPts val="0"/>
              </a:spcAft>
            </a:pPr>
            <a:endParaRPr sz="6000"/>
          </a:p>
        </p:txBody>
      </p:sp>
    </p:spTree>
    <p:extLst>
      <p:ext uri="{BB962C8B-B14F-4D97-AF65-F5344CB8AC3E}">
        <p14:creationId xmlns:p14="http://schemas.microsoft.com/office/powerpoint/2010/main" val="3767125349"/>
      </p:ext>
    </p:extLst>
  </p:cSld>
  <p:clrMapOvr>
    <a:masterClrMapping/>
  </p:clrMapOvr>
  <p:transition spd="slow">
    <p:push dir="u"/>
  </p:transition>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p:cNvSpPr/>
          <p:nvPr/>
        </p:nvSpPr>
        <p:spPr>
          <a:xfrm>
            <a:off x="1" y="10765044"/>
            <a:ext cx="19096074" cy="6649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Rectangle 1">
            <a:extLst>
              <a:ext uri="{FF2B5EF4-FFF2-40B4-BE49-F238E27FC236}">
                <a16:creationId xmlns:a16="http://schemas.microsoft.com/office/drawing/2014/main" id="{C6506D95-8C30-D7A2-A39E-D42A0261817A}"/>
              </a:ext>
            </a:extLst>
          </p:cNvPr>
          <p:cNvSpPr/>
          <p:nvPr/>
        </p:nvSpPr>
        <p:spPr>
          <a:xfrm>
            <a:off x="0" y="10765044"/>
            <a:ext cx="18523617" cy="6649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 name="Rectangle 4">
            <a:extLst>
              <a:ext uri="{FF2B5EF4-FFF2-40B4-BE49-F238E27FC236}">
                <a16:creationId xmlns:a16="http://schemas.microsoft.com/office/drawing/2014/main" id="{92C5C3F1-63C1-16B5-BCD5-052EEA625BE0}"/>
              </a:ext>
            </a:extLst>
          </p:cNvPr>
          <p:cNvSpPr/>
          <p:nvPr/>
        </p:nvSpPr>
        <p:spPr>
          <a:xfrm>
            <a:off x="-1" y="8725"/>
            <a:ext cx="19000381" cy="6649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6" name="Rectangle 5">
            <a:extLst>
              <a:ext uri="{FF2B5EF4-FFF2-40B4-BE49-F238E27FC236}">
                <a16:creationId xmlns:a16="http://schemas.microsoft.com/office/drawing/2014/main" id="{50F40E48-282F-0F92-E28A-F897B473675E}"/>
              </a:ext>
            </a:extLst>
          </p:cNvPr>
          <p:cNvSpPr/>
          <p:nvPr/>
        </p:nvSpPr>
        <p:spPr>
          <a:xfrm rot="16200000">
            <a:off x="13149820" y="5382522"/>
            <a:ext cx="11412550" cy="6649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11" name="Title 6">
            <a:extLst>
              <a:ext uri="{FF2B5EF4-FFF2-40B4-BE49-F238E27FC236}">
                <a16:creationId xmlns:a16="http://schemas.microsoft.com/office/drawing/2014/main" id="{B3DEC9B6-6FC3-59F0-EFC0-A1CAB484F406}"/>
              </a:ext>
            </a:extLst>
          </p:cNvPr>
          <p:cNvSpPr txBox="1">
            <a:spLocks/>
          </p:cNvSpPr>
          <p:nvPr/>
        </p:nvSpPr>
        <p:spPr>
          <a:xfrm>
            <a:off x="1176914" y="673681"/>
            <a:ext cx="17157581" cy="1000136"/>
          </a:xfrm>
          <a:prstGeom prst="rect">
            <a:avLst/>
          </a:prstGeom>
        </p:spPr>
        <p:txBody>
          <a:bodyPr anchor="ctr" anchorCtr="0"/>
          <a:lstStyle>
            <a:lvl1pPr algn="ctr" defTabSz="914400" rtl="0" eaLnBrk="1" latinLnBrk="0" hangingPunct="1">
              <a:lnSpc>
                <a:spcPct val="90000"/>
              </a:lnSpc>
              <a:spcBef>
                <a:spcPct val="0"/>
              </a:spcBef>
              <a:buNone/>
              <a:defRPr sz="7200" b="1" kern="1200">
                <a:solidFill>
                  <a:schemeClr val="tx1"/>
                </a:solidFill>
                <a:latin typeface="+mn-lt"/>
                <a:ea typeface="+mj-ea"/>
                <a:cs typeface="+mj-cs"/>
              </a:defRPr>
            </a:lvl1pPr>
          </a:lstStyle>
          <a:p>
            <a:pPr algn="l" fontAlgn="auto">
              <a:spcAft>
                <a:spcPts val="0"/>
              </a:spcAft>
            </a:pPr>
            <a:r>
              <a:rPr lang="en-US" sz="4400" b="0" dirty="0">
                <a:solidFill>
                  <a:schemeClr val="accent5"/>
                </a:solidFill>
                <a:latin typeface="Arial" panose="020B0604020202020204" pitchFamily="34" charset="0"/>
                <a:cs typeface="Arial" panose="020B0604020202020204" pitchFamily="34" charset="0"/>
              </a:rPr>
              <a:t>Prescription Drug Complexity &amp; Risk</a:t>
            </a:r>
          </a:p>
        </p:txBody>
      </p:sp>
      <p:sp>
        <p:nvSpPr>
          <p:cNvPr id="15" name="Oval 14">
            <a:extLst>
              <a:ext uri="{FF2B5EF4-FFF2-40B4-BE49-F238E27FC236}">
                <a16:creationId xmlns:a16="http://schemas.microsoft.com/office/drawing/2014/main" id="{2C374A97-4FDD-4DA8-3F5D-ED135C7A141D}"/>
              </a:ext>
            </a:extLst>
          </p:cNvPr>
          <p:cNvSpPr/>
          <p:nvPr/>
        </p:nvSpPr>
        <p:spPr>
          <a:xfrm>
            <a:off x="674121" y="840259"/>
            <a:ext cx="383060" cy="38306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4" name="Rectangle 3">
            <a:extLst>
              <a:ext uri="{FF2B5EF4-FFF2-40B4-BE49-F238E27FC236}">
                <a16:creationId xmlns:a16="http://schemas.microsoft.com/office/drawing/2014/main" id="{DAF5EB92-FF0D-2016-7A30-5671D2A1DAEC}"/>
              </a:ext>
            </a:extLst>
          </p:cNvPr>
          <p:cNvSpPr/>
          <p:nvPr/>
        </p:nvSpPr>
        <p:spPr>
          <a:xfrm>
            <a:off x="11504664" y="2121173"/>
            <a:ext cx="7349877" cy="8360815"/>
          </a:xfrm>
          <a:prstGeom prst="rect">
            <a:avLst/>
          </a:prstGeom>
        </p:spPr>
        <p:txBody>
          <a:bodyPr wrap="square" lIns="152400" tIns="76200" rIns="152400" bIns="76200" anchor="ctr">
            <a:spAutoFit/>
          </a:bodyPr>
          <a:lstStyle/>
          <a:p>
            <a:pPr>
              <a:spcAft>
                <a:spcPts val="6000"/>
              </a:spcAft>
            </a:pPr>
            <a:r>
              <a:rPr lang="en-US" sz="3333" dirty="0"/>
              <a:t>Opioids / MME</a:t>
            </a:r>
          </a:p>
          <a:p>
            <a:pPr>
              <a:spcAft>
                <a:spcPts val="6000"/>
              </a:spcAft>
            </a:pPr>
            <a:r>
              <a:rPr lang="en-US" sz="3333" dirty="0"/>
              <a:t>Dangerous drug combinations</a:t>
            </a:r>
            <a:endParaRPr lang="en-US" sz="3333" dirty="0">
              <a:cs typeface="Calibri"/>
            </a:endParaRPr>
          </a:p>
          <a:p>
            <a:pPr>
              <a:spcAft>
                <a:spcPts val="6000"/>
              </a:spcAft>
            </a:pPr>
            <a:r>
              <a:rPr lang="en-US" sz="3333" dirty="0">
                <a:cs typeface="Calibri"/>
              </a:rPr>
              <a:t>Inappropriate polypharmacy</a:t>
            </a:r>
          </a:p>
          <a:p>
            <a:pPr>
              <a:spcAft>
                <a:spcPts val="6000"/>
              </a:spcAft>
            </a:pPr>
            <a:r>
              <a:rPr lang="en-US" sz="3333" dirty="0"/>
              <a:t>Drug-drug and drug-disease interactions</a:t>
            </a:r>
            <a:endParaRPr lang="en-US" sz="3333" dirty="0">
              <a:cs typeface="Calibri"/>
            </a:endParaRPr>
          </a:p>
          <a:p>
            <a:pPr>
              <a:spcAft>
                <a:spcPts val="6000"/>
              </a:spcAft>
            </a:pPr>
            <a:r>
              <a:rPr lang="en-US" sz="3333" dirty="0"/>
              <a:t>Specialty Rx management</a:t>
            </a:r>
          </a:p>
          <a:p>
            <a:pPr>
              <a:spcAft>
                <a:spcPts val="6000"/>
              </a:spcAft>
            </a:pPr>
            <a:r>
              <a:rPr lang="en-US" sz="3333" dirty="0"/>
              <a:t>Prescriber behaviors</a:t>
            </a:r>
          </a:p>
          <a:p>
            <a:pPr>
              <a:spcAft>
                <a:spcPts val="6000"/>
              </a:spcAft>
            </a:pPr>
            <a:r>
              <a:rPr lang="en-US" sz="3333" dirty="0"/>
              <a:t>Patient behaviors</a:t>
            </a:r>
          </a:p>
        </p:txBody>
      </p:sp>
      <p:sp>
        <p:nvSpPr>
          <p:cNvPr id="21" name="Left Bracket 20">
            <a:extLst>
              <a:ext uri="{FF2B5EF4-FFF2-40B4-BE49-F238E27FC236}">
                <a16:creationId xmlns:a16="http://schemas.microsoft.com/office/drawing/2014/main" id="{E1DD6BC2-1117-FF49-AD2A-C8F8B2462BBD}"/>
              </a:ext>
            </a:extLst>
          </p:cNvPr>
          <p:cNvSpPr/>
          <p:nvPr/>
        </p:nvSpPr>
        <p:spPr>
          <a:xfrm rot="10800000">
            <a:off x="8638640" y="3610995"/>
            <a:ext cx="714377" cy="6052608"/>
          </a:xfrm>
          <a:prstGeom prst="leftBracket">
            <a:avLst/>
          </a:prstGeom>
          <a:ln w="117475">
            <a:solidFill>
              <a:schemeClr val="accent5"/>
            </a:solidFill>
          </a:ln>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sz="4500"/>
          </a:p>
        </p:txBody>
      </p:sp>
      <p:pic>
        <p:nvPicPr>
          <p:cNvPr id="25" name="Graphic 24">
            <a:extLst>
              <a:ext uri="{FF2B5EF4-FFF2-40B4-BE49-F238E27FC236}">
                <a16:creationId xmlns:a16="http://schemas.microsoft.com/office/drawing/2014/main" id="{E6C9FC76-3A39-CD18-62B9-0C6451153B99}"/>
              </a:ext>
            </a:extLst>
          </p:cNvPr>
          <p:cNvPicPr>
            <a:picLocks noChangeAspect="1"/>
          </p:cNvPicPr>
          <p:nvPr/>
        </p:nvPicPr>
        <p:blipFill>
          <a:blip r:embed="rId2" cstate="email">
            <a:extLst>
              <a:ext uri="{28A0092B-C50C-407E-A947-70E740481C1C}">
                <a14:useLocalDpi xmlns:a14="http://schemas.microsoft.com/office/drawing/2010/main" val="0"/>
              </a:ext>
              <a:ext uri="{96DAC541-7B7A-43D3-8B79-37D633B846F1}">
                <asvg:svgBlip xmlns:asvg="http://schemas.microsoft.com/office/drawing/2016/SVG/main" xmlns="" r:embed="rId3"/>
              </a:ext>
            </a:extLst>
          </a:blip>
          <a:stretch>
            <a:fillRect/>
          </a:stretch>
        </p:blipFill>
        <p:spPr>
          <a:xfrm>
            <a:off x="10345789" y="1987575"/>
            <a:ext cx="1158875" cy="1158875"/>
          </a:xfrm>
          <a:prstGeom prst="rect">
            <a:avLst/>
          </a:prstGeom>
        </p:spPr>
      </p:pic>
      <p:pic>
        <p:nvPicPr>
          <p:cNvPr id="26" name="Graphic 25">
            <a:extLst>
              <a:ext uri="{FF2B5EF4-FFF2-40B4-BE49-F238E27FC236}">
                <a16:creationId xmlns:a16="http://schemas.microsoft.com/office/drawing/2014/main" id="{6FD0B11F-911D-E508-D4D0-F2853765749B}"/>
              </a:ext>
            </a:extLst>
          </p:cNvPr>
          <p:cNvPicPr>
            <a:picLocks noChangeAspect="1"/>
          </p:cNvPicPr>
          <p:nvPr/>
        </p:nvPicPr>
        <p:blipFill>
          <a:blip r:embed="rId2" cstate="email">
            <a:extLst>
              <a:ext uri="{28A0092B-C50C-407E-A947-70E740481C1C}">
                <a14:useLocalDpi xmlns:a14="http://schemas.microsoft.com/office/drawing/2010/main" val="0"/>
              </a:ext>
              <a:ext uri="{96DAC541-7B7A-43D3-8B79-37D633B846F1}">
                <asvg:svgBlip xmlns:asvg="http://schemas.microsoft.com/office/drawing/2016/SVG/main" xmlns="" r:embed="rId3"/>
              </a:ext>
            </a:extLst>
          </a:blip>
          <a:stretch>
            <a:fillRect/>
          </a:stretch>
        </p:blipFill>
        <p:spPr>
          <a:xfrm>
            <a:off x="10345789" y="3223475"/>
            <a:ext cx="1158875" cy="1158875"/>
          </a:xfrm>
          <a:prstGeom prst="rect">
            <a:avLst/>
          </a:prstGeom>
        </p:spPr>
      </p:pic>
      <p:pic>
        <p:nvPicPr>
          <p:cNvPr id="27" name="Graphic 26">
            <a:extLst>
              <a:ext uri="{FF2B5EF4-FFF2-40B4-BE49-F238E27FC236}">
                <a16:creationId xmlns:a16="http://schemas.microsoft.com/office/drawing/2014/main" id="{5DA7C011-E76C-A72D-0780-61C499EB2F15}"/>
              </a:ext>
            </a:extLst>
          </p:cNvPr>
          <p:cNvPicPr>
            <a:picLocks noChangeAspect="1"/>
          </p:cNvPicPr>
          <p:nvPr/>
        </p:nvPicPr>
        <p:blipFill>
          <a:blip r:embed="rId2" cstate="email">
            <a:extLst>
              <a:ext uri="{28A0092B-C50C-407E-A947-70E740481C1C}">
                <a14:useLocalDpi xmlns:a14="http://schemas.microsoft.com/office/drawing/2010/main" val="0"/>
              </a:ext>
              <a:ext uri="{96DAC541-7B7A-43D3-8B79-37D633B846F1}">
                <asvg:svgBlip xmlns:asvg="http://schemas.microsoft.com/office/drawing/2016/SVG/main" xmlns="" r:embed="rId3"/>
              </a:ext>
            </a:extLst>
          </a:blip>
          <a:stretch>
            <a:fillRect/>
          </a:stretch>
        </p:blipFill>
        <p:spPr>
          <a:xfrm>
            <a:off x="10345789" y="4533162"/>
            <a:ext cx="1158875" cy="1158875"/>
          </a:xfrm>
          <a:prstGeom prst="rect">
            <a:avLst/>
          </a:prstGeom>
        </p:spPr>
      </p:pic>
      <p:pic>
        <p:nvPicPr>
          <p:cNvPr id="28" name="Graphic 27">
            <a:extLst>
              <a:ext uri="{FF2B5EF4-FFF2-40B4-BE49-F238E27FC236}">
                <a16:creationId xmlns:a16="http://schemas.microsoft.com/office/drawing/2014/main" id="{49D099CA-2DE2-6609-A37F-6AC77B9F8D09}"/>
              </a:ext>
            </a:extLst>
          </p:cNvPr>
          <p:cNvPicPr>
            <a:picLocks noChangeAspect="1"/>
          </p:cNvPicPr>
          <p:nvPr/>
        </p:nvPicPr>
        <p:blipFill>
          <a:blip r:embed="rId2" cstate="email">
            <a:extLst>
              <a:ext uri="{28A0092B-C50C-407E-A947-70E740481C1C}">
                <a14:useLocalDpi xmlns:a14="http://schemas.microsoft.com/office/drawing/2010/main" val="0"/>
              </a:ext>
              <a:ext uri="{96DAC541-7B7A-43D3-8B79-37D633B846F1}">
                <asvg:svgBlip xmlns:asvg="http://schemas.microsoft.com/office/drawing/2016/SVG/main" xmlns="" r:embed="rId3"/>
              </a:ext>
            </a:extLst>
          </a:blip>
          <a:stretch>
            <a:fillRect/>
          </a:stretch>
        </p:blipFill>
        <p:spPr>
          <a:xfrm>
            <a:off x="10345789" y="5842849"/>
            <a:ext cx="1158875" cy="1158875"/>
          </a:xfrm>
          <a:prstGeom prst="rect">
            <a:avLst/>
          </a:prstGeom>
        </p:spPr>
      </p:pic>
      <p:pic>
        <p:nvPicPr>
          <p:cNvPr id="29" name="Graphic 28">
            <a:extLst>
              <a:ext uri="{FF2B5EF4-FFF2-40B4-BE49-F238E27FC236}">
                <a16:creationId xmlns:a16="http://schemas.microsoft.com/office/drawing/2014/main" id="{32136F14-A36A-B385-F583-FFA15CF35EEA}"/>
              </a:ext>
            </a:extLst>
          </p:cNvPr>
          <p:cNvPicPr>
            <a:picLocks noChangeAspect="1"/>
          </p:cNvPicPr>
          <p:nvPr/>
        </p:nvPicPr>
        <p:blipFill>
          <a:blip r:embed="rId2" cstate="email">
            <a:extLst>
              <a:ext uri="{28A0092B-C50C-407E-A947-70E740481C1C}">
                <a14:useLocalDpi xmlns:a14="http://schemas.microsoft.com/office/drawing/2010/main" val="0"/>
              </a:ext>
              <a:ext uri="{96DAC541-7B7A-43D3-8B79-37D633B846F1}">
                <asvg:svgBlip xmlns:asvg="http://schemas.microsoft.com/office/drawing/2016/SVG/main" xmlns="" r:embed="rId3"/>
              </a:ext>
            </a:extLst>
          </a:blip>
          <a:stretch>
            <a:fillRect/>
          </a:stretch>
        </p:blipFill>
        <p:spPr>
          <a:xfrm>
            <a:off x="10345789" y="7057285"/>
            <a:ext cx="1158875" cy="1158875"/>
          </a:xfrm>
          <a:prstGeom prst="rect">
            <a:avLst/>
          </a:prstGeom>
        </p:spPr>
      </p:pic>
      <p:pic>
        <p:nvPicPr>
          <p:cNvPr id="30" name="Graphic 29">
            <a:extLst>
              <a:ext uri="{FF2B5EF4-FFF2-40B4-BE49-F238E27FC236}">
                <a16:creationId xmlns:a16="http://schemas.microsoft.com/office/drawing/2014/main" id="{1B98BCE0-6F9F-C0F2-A873-16D4D0326740}"/>
              </a:ext>
            </a:extLst>
          </p:cNvPr>
          <p:cNvPicPr>
            <a:picLocks noChangeAspect="1"/>
          </p:cNvPicPr>
          <p:nvPr/>
        </p:nvPicPr>
        <p:blipFill>
          <a:blip r:embed="rId2" cstate="email">
            <a:extLst>
              <a:ext uri="{28A0092B-C50C-407E-A947-70E740481C1C}">
                <a14:useLocalDpi xmlns:a14="http://schemas.microsoft.com/office/drawing/2010/main" val="0"/>
              </a:ext>
              <a:ext uri="{96DAC541-7B7A-43D3-8B79-37D633B846F1}">
                <asvg:svgBlip xmlns:asvg="http://schemas.microsoft.com/office/drawing/2016/SVG/main" xmlns="" r:embed="rId3"/>
              </a:ext>
            </a:extLst>
          </a:blip>
          <a:stretch>
            <a:fillRect/>
          </a:stretch>
        </p:blipFill>
        <p:spPr>
          <a:xfrm>
            <a:off x="10345789" y="8332472"/>
            <a:ext cx="1158875" cy="1158875"/>
          </a:xfrm>
          <a:prstGeom prst="rect">
            <a:avLst/>
          </a:prstGeom>
        </p:spPr>
      </p:pic>
      <p:pic>
        <p:nvPicPr>
          <p:cNvPr id="31" name="Picture 30" descr="A picture containing diagram&#10;&#10;Description automatically generated">
            <a:extLst>
              <a:ext uri="{FF2B5EF4-FFF2-40B4-BE49-F238E27FC236}">
                <a16:creationId xmlns:a16="http://schemas.microsoft.com/office/drawing/2014/main" id="{3983A3F7-61B2-B2D5-F60B-121123C3D0AA}"/>
              </a:ext>
            </a:extLst>
          </p:cNvPr>
          <p:cNvPicPr>
            <a:picLocks noChangeAspect="1"/>
          </p:cNvPicPr>
          <p:nvPr/>
        </p:nvPicPr>
        <p:blipFill>
          <a:blip r:embed="rId4" cstate="email">
            <a:extLst>
              <a:ext uri="{28A0092B-C50C-407E-A947-70E740481C1C}">
                <a14:useLocalDpi xmlns:a14="http://schemas.microsoft.com/office/drawing/2010/main" val="0"/>
              </a:ext>
            </a:extLst>
          </a:blip>
          <a:stretch>
            <a:fillRect/>
          </a:stretch>
        </p:blipFill>
        <p:spPr>
          <a:xfrm flipH="1">
            <a:off x="280276" y="2374948"/>
            <a:ext cx="9072741" cy="8740074"/>
          </a:xfrm>
          <a:prstGeom prst="rect">
            <a:avLst/>
          </a:prstGeom>
        </p:spPr>
      </p:pic>
      <p:pic>
        <p:nvPicPr>
          <p:cNvPr id="32" name="Graphic 31">
            <a:extLst>
              <a:ext uri="{FF2B5EF4-FFF2-40B4-BE49-F238E27FC236}">
                <a16:creationId xmlns:a16="http://schemas.microsoft.com/office/drawing/2014/main" id="{3A22E8EC-FB9E-DAF7-5DCC-EB99844494E1}"/>
              </a:ext>
            </a:extLst>
          </p:cNvPr>
          <p:cNvPicPr>
            <a:picLocks noChangeAspect="1"/>
          </p:cNvPicPr>
          <p:nvPr/>
        </p:nvPicPr>
        <p:blipFill>
          <a:blip r:embed="rId2" cstate="email">
            <a:extLst>
              <a:ext uri="{28A0092B-C50C-407E-A947-70E740481C1C}">
                <a14:useLocalDpi xmlns:a14="http://schemas.microsoft.com/office/drawing/2010/main" val="0"/>
              </a:ext>
              <a:ext uri="{96DAC541-7B7A-43D3-8B79-37D633B846F1}">
                <asvg:svgBlip xmlns:asvg="http://schemas.microsoft.com/office/drawing/2016/SVG/main" xmlns="" r:embed="rId3"/>
              </a:ext>
            </a:extLst>
          </a:blip>
          <a:stretch>
            <a:fillRect/>
          </a:stretch>
        </p:blipFill>
        <p:spPr>
          <a:xfrm>
            <a:off x="10345789" y="9606169"/>
            <a:ext cx="1158875" cy="1158875"/>
          </a:xfrm>
          <a:prstGeom prst="rect">
            <a:avLst/>
          </a:prstGeom>
        </p:spPr>
      </p:pic>
    </p:spTree>
    <p:extLst>
      <p:ext uri="{BB962C8B-B14F-4D97-AF65-F5344CB8AC3E}">
        <p14:creationId xmlns:p14="http://schemas.microsoft.com/office/powerpoint/2010/main" val="1085482111"/>
      </p:ext>
    </p:extLst>
  </p:cSld>
  <p:clrMapOvr>
    <a:masterClrMapping/>
  </p:clrMapOvr>
  <p:transition spd="slow">
    <p:push dir="u"/>
  </p:transition>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2" presetClass="entr" presetSubtype="4" fill="hold" nodeType="clickEffect">
                                  <p:stCondLst>
                                    <p:cond delay="0"/>
                                  </p:stCondLst>
                                  <p:childTnLst>
                                    <p:set>
                                      <p:cBhvr>
                                        <p:cTn id="6" dur="1" fill="hold">
                                          <p:stCondLst>
                                            <p:cond delay="0"/>
                                          </p:stCondLst>
                                        </p:cTn>
                                        <p:tgtEl>
                                          <p:spTgt spid="31"/>
                                        </p:tgtEl>
                                        <p:attrNameLst>
                                          <p:attrName>style.visibility</p:attrName>
                                        </p:attrNameLst>
                                      </p:cBhvr>
                                      <p:to>
                                        <p:strVal val="visible"/>
                                      </p:to>
                                    </p:set>
                                    <p:anim calcmode="lin" valueType="num">
                                      <p:cBhvr additive="base">
                                        <p:cTn id="7" dur="500"/>
                                        <p:tgtEl>
                                          <p:spTgt spid="31"/>
                                        </p:tgtEl>
                                        <p:attrNameLst>
                                          <p:attrName>ppt_y</p:attrName>
                                        </p:attrNameLst>
                                      </p:cBhvr>
                                      <p:tavLst>
                                        <p:tav tm="0">
                                          <p:val>
                                            <p:strVal val="#ppt_y+#ppt_h*1.125000"/>
                                          </p:val>
                                        </p:tav>
                                        <p:tav tm="100000">
                                          <p:val>
                                            <p:strVal val="#ppt_y"/>
                                          </p:val>
                                        </p:tav>
                                      </p:tavLst>
                                    </p:anim>
                                    <p:animEffect transition="in" filter="wipe(up)">
                                      <p:cBhvr>
                                        <p:cTn id="8" dur="500"/>
                                        <p:tgtEl>
                                          <p:spTgt spid="31"/>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Rectangle 2"/>
          <p:cNvSpPr/>
          <p:nvPr/>
        </p:nvSpPr>
        <p:spPr>
          <a:xfrm>
            <a:off x="1" y="10765044"/>
            <a:ext cx="19096074" cy="6649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5" name="Rectangle 4">
            <a:extLst>
              <a:ext uri="{FF2B5EF4-FFF2-40B4-BE49-F238E27FC236}">
                <a16:creationId xmlns:a16="http://schemas.microsoft.com/office/drawing/2014/main" id="{A0878188-7715-93DE-568F-48D2A2440D58}"/>
              </a:ext>
            </a:extLst>
          </p:cNvPr>
          <p:cNvSpPr/>
          <p:nvPr/>
        </p:nvSpPr>
        <p:spPr>
          <a:xfrm>
            <a:off x="-1" y="8725"/>
            <a:ext cx="19000381" cy="6649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7" name="Title 6">
            <a:extLst>
              <a:ext uri="{FF2B5EF4-FFF2-40B4-BE49-F238E27FC236}">
                <a16:creationId xmlns:a16="http://schemas.microsoft.com/office/drawing/2014/main" id="{A1FEEF64-F1B8-AC74-48BB-F22B51A67EE3}"/>
              </a:ext>
            </a:extLst>
          </p:cNvPr>
          <p:cNvSpPr txBox="1">
            <a:spLocks/>
          </p:cNvSpPr>
          <p:nvPr/>
        </p:nvSpPr>
        <p:spPr>
          <a:xfrm>
            <a:off x="1176914" y="868635"/>
            <a:ext cx="12292017" cy="383060"/>
          </a:xfrm>
          <a:prstGeom prst="rect">
            <a:avLst/>
          </a:prstGeom>
        </p:spPr>
        <p:txBody>
          <a:bodyPr anchor="ctr" anchorCtr="0"/>
          <a:lstStyle>
            <a:lvl1pPr algn="ctr" defTabSz="914400" rtl="0" eaLnBrk="1" latinLnBrk="0" hangingPunct="1">
              <a:lnSpc>
                <a:spcPct val="90000"/>
              </a:lnSpc>
              <a:spcBef>
                <a:spcPct val="0"/>
              </a:spcBef>
              <a:buNone/>
              <a:defRPr sz="7200" b="1" kern="1200">
                <a:solidFill>
                  <a:schemeClr val="tx1"/>
                </a:solidFill>
                <a:latin typeface="+mn-lt"/>
                <a:ea typeface="+mj-ea"/>
                <a:cs typeface="+mj-cs"/>
              </a:defRPr>
            </a:lvl1pPr>
          </a:lstStyle>
          <a:p>
            <a:pPr algn="l" fontAlgn="auto">
              <a:spcAft>
                <a:spcPts val="0"/>
              </a:spcAft>
            </a:pPr>
            <a:r>
              <a:rPr lang="en-GB" sz="4400" b="0" dirty="0">
                <a:solidFill>
                  <a:schemeClr val="accent5"/>
                </a:solidFill>
                <a:latin typeface="Arial" panose="020B0604020202020204" pitchFamily="34" charset="0"/>
                <a:cs typeface="Arial" panose="020B0604020202020204" pitchFamily="34" charset="0"/>
              </a:rPr>
              <a:t>Pharmacy Management Continuum</a:t>
            </a:r>
          </a:p>
        </p:txBody>
      </p:sp>
      <p:sp>
        <p:nvSpPr>
          <p:cNvPr id="14" name="Oval 13">
            <a:extLst>
              <a:ext uri="{FF2B5EF4-FFF2-40B4-BE49-F238E27FC236}">
                <a16:creationId xmlns:a16="http://schemas.microsoft.com/office/drawing/2014/main" id="{A2A13CB8-0911-D0AF-B81D-4B9423D5BF32}"/>
              </a:ext>
            </a:extLst>
          </p:cNvPr>
          <p:cNvSpPr/>
          <p:nvPr/>
        </p:nvSpPr>
        <p:spPr>
          <a:xfrm>
            <a:off x="674121" y="840259"/>
            <a:ext cx="383060" cy="38306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a:p>
        </p:txBody>
      </p:sp>
      <p:sp>
        <p:nvSpPr>
          <p:cNvPr id="2" name="TextBox 1">
            <a:extLst>
              <a:ext uri="{FF2B5EF4-FFF2-40B4-BE49-F238E27FC236}">
                <a16:creationId xmlns:a16="http://schemas.microsoft.com/office/drawing/2014/main" id="{D9E19432-B57A-3BF9-544B-7CA28FDE66C7}"/>
              </a:ext>
            </a:extLst>
          </p:cNvPr>
          <p:cNvSpPr txBox="1"/>
          <p:nvPr/>
        </p:nvSpPr>
        <p:spPr>
          <a:xfrm>
            <a:off x="14380756" y="10053385"/>
            <a:ext cx="3598604" cy="543996"/>
          </a:xfrm>
          <a:prstGeom prst="rect">
            <a:avLst/>
          </a:prstGeom>
          <a:noFill/>
        </p:spPr>
        <p:txBody>
          <a:bodyPr wrap="square" rtlCol="0">
            <a:noAutofit/>
          </a:bodyPr>
          <a:lstStyle/>
          <a:p>
            <a:pPr algn="ctr">
              <a:buClrTx/>
              <a:buFontTx/>
              <a:buNone/>
            </a:pPr>
            <a:r>
              <a:rPr lang="en-US" sz="2444" b="1" dirty="0">
                <a:solidFill>
                  <a:srgbClr val="EE273A"/>
                </a:solidFill>
                <a:latin typeface="Calibri Light" panose="020F0302020204030204"/>
              </a:rPr>
              <a:t>CHRONIC PAIN</a:t>
            </a:r>
          </a:p>
          <a:p>
            <a:pPr algn="ctr">
              <a:lnSpc>
                <a:spcPct val="80000"/>
              </a:lnSpc>
              <a:buClrTx/>
              <a:buFontTx/>
              <a:buNone/>
            </a:pPr>
            <a:r>
              <a:rPr lang="en-US" sz="1778" dirty="0">
                <a:solidFill>
                  <a:prstClr val="black"/>
                </a:solidFill>
                <a:latin typeface="Calibri Light" panose="020F0302020204030204"/>
              </a:rPr>
              <a:t>Pain lasting greater than 3 months</a:t>
            </a:r>
          </a:p>
          <a:p>
            <a:pPr algn="ctr">
              <a:lnSpc>
                <a:spcPct val="80000"/>
              </a:lnSpc>
              <a:buClrTx/>
              <a:buFontTx/>
              <a:buNone/>
            </a:pPr>
            <a:endParaRPr lang="en-US" sz="1778" dirty="0">
              <a:solidFill>
                <a:prstClr val="black"/>
              </a:solidFill>
              <a:latin typeface="Calibri Light" panose="020F0302020204030204"/>
            </a:endParaRPr>
          </a:p>
        </p:txBody>
      </p:sp>
      <p:sp>
        <p:nvSpPr>
          <p:cNvPr id="6" name="TextBox 5">
            <a:extLst>
              <a:ext uri="{FF2B5EF4-FFF2-40B4-BE49-F238E27FC236}">
                <a16:creationId xmlns:a16="http://schemas.microsoft.com/office/drawing/2014/main" id="{CB322DF0-FFB2-0DB2-451B-AF2B38FE3533}"/>
              </a:ext>
            </a:extLst>
          </p:cNvPr>
          <p:cNvSpPr txBox="1"/>
          <p:nvPr/>
        </p:nvSpPr>
        <p:spPr>
          <a:xfrm>
            <a:off x="6024654" y="10168702"/>
            <a:ext cx="3006298" cy="543996"/>
          </a:xfrm>
          <a:prstGeom prst="rect">
            <a:avLst/>
          </a:prstGeom>
          <a:noFill/>
        </p:spPr>
        <p:txBody>
          <a:bodyPr wrap="square" rtlCol="0">
            <a:normAutofit fontScale="25000" lnSpcReduction="20000"/>
          </a:bodyPr>
          <a:lstStyle/>
          <a:p>
            <a:pPr algn="ctr">
              <a:buClrTx/>
              <a:buFontTx/>
              <a:buNone/>
            </a:pPr>
            <a:r>
              <a:rPr lang="en-US" sz="9778" b="1" dirty="0">
                <a:solidFill>
                  <a:srgbClr val="017757"/>
                </a:solidFill>
                <a:latin typeface="Calibri Light" panose="020F0302020204030204"/>
              </a:rPr>
              <a:t>ACUTE PAIN</a:t>
            </a:r>
          </a:p>
          <a:p>
            <a:pPr algn="ctr">
              <a:buClrTx/>
              <a:buFontTx/>
              <a:buNone/>
            </a:pPr>
            <a:r>
              <a:rPr lang="en-US" sz="7111" dirty="0">
                <a:solidFill>
                  <a:prstClr val="black"/>
                </a:solidFill>
                <a:latin typeface="Calibri Light" panose="020F0302020204030204"/>
              </a:rPr>
              <a:t>Up to 4 weeks post injury</a:t>
            </a:r>
          </a:p>
          <a:p>
            <a:pPr algn="ctr">
              <a:buClrTx/>
              <a:buFontTx/>
              <a:buNone/>
            </a:pPr>
            <a:endParaRPr lang="en-US" sz="2667" dirty="0">
              <a:solidFill>
                <a:prstClr val="black"/>
              </a:solidFill>
              <a:latin typeface="Calibri Light" panose="020F0302020204030204"/>
            </a:endParaRPr>
          </a:p>
        </p:txBody>
      </p:sp>
      <p:sp>
        <p:nvSpPr>
          <p:cNvPr id="8" name="TextBox 7">
            <a:extLst>
              <a:ext uri="{FF2B5EF4-FFF2-40B4-BE49-F238E27FC236}">
                <a16:creationId xmlns:a16="http://schemas.microsoft.com/office/drawing/2014/main" id="{7E0F0238-1345-637F-30BF-2DDC83FDB090}"/>
              </a:ext>
            </a:extLst>
          </p:cNvPr>
          <p:cNvSpPr txBox="1"/>
          <p:nvPr/>
        </p:nvSpPr>
        <p:spPr>
          <a:xfrm>
            <a:off x="6908527" y="2064567"/>
            <a:ext cx="1663533" cy="571182"/>
          </a:xfrm>
          <a:prstGeom prst="rect">
            <a:avLst/>
          </a:prstGeom>
          <a:noFill/>
        </p:spPr>
        <p:txBody>
          <a:bodyPr wrap="square" rtlCol="0">
            <a:spAutoFit/>
          </a:bodyPr>
          <a:lstStyle/>
          <a:p>
            <a:pPr algn="ctr">
              <a:buClrTx/>
              <a:buFontTx/>
              <a:buNone/>
            </a:pPr>
            <a:r>
              <a:rPr lang="en-US" sz="1556" b="1" dirty="0">
                <a:solidFill>
                  <a:srgbClr val="44546A"/>
                </a:solidFill>
                <a:latin typeface="Alfa Slab One"/>
              </a:rPr>
              <a:t>CHANGE IN PAIN QUALITY</a:t>
            </a:r>
          </a:p>
        </p:txBody>
      </p:sp>
      <p:sp>
        <p:nvSpPr>
          <p:cNvPr id="9" name="TextBox 8">
            <a:extLst>
              <a:ext uri="{FF2B5EF4-FFF2-40B4-BE49-F238E27FC236}">
                <a16:creationId xmlns:a16="http://schemas.microsoft.com/office/drawing/2014/main" id="{74B480B2-BC85-0390-660D-F5DD987B5EDA}"/>
              </a:ext>
            </a:extLst>
          </p:cNvPr>
          <p:cNvSpPr txBox="1"/>
          <p:nvPr/>
        </p:nvSpPr>
        <p:spPr>
          <a:xfrm>
            <a:off x="8031391" y="2668811"/>
            <a:ext cx="1515040" cy="571182"/>
          </a:xfrm>
          <a:prstGeom prst="rect">
            <a:avLst/>
          </a:prstGeom>
          <a:noFill/>
          <a:effectLst>
            <a:outerShdw blurRad="50800" dist="50800" dir="5400000" sx="116000" sy="116000" algn="ctr" rotWithShape="0">
              <a:srgbClr val="000000">
                <a:alpha val="43137"/>
              </a:srgbClr>
            </a:outerShdw>
          </a:effectLst>
        </p:spPr>
        <p:txBody>
          <a:bodyPr wrap="square" rtlCol="0">
            <a:spAutoFit/>
          </a:bodyPr>
          <a:lstStyle/>
          <a:p>
            <a:pPr algn="r">
              <a:buClrTx/>
              <a:buFontTx/>
              <a:buNone/>
            </a:pPr>
            <a:r>
              <a:rPr lang="en-US" sz="1556" b="1" dirty="0">
                <a:solidFill>
                  <a:srgbClr val="44546A"/>
                </a:solidFill>
                <a:latin typeface="Alfa Slab One"/>
              </a:rPr>
              <a:t>MULTIPLE PRESCRIBERS</a:t>
            </a:r>
          </a:p>
        </p:txBody>
      </p:sp>
      <p:sp>
        <p:nvSpPr>
          <p:cNvPr id="10" name="TextBox 9">
            <a:extLst>
              <a:ext uri="{FF2B5EF4-FFF2-40B4-BE49-F238E27FC236}">
                <a16:creationId xmlns:a16="http://schemas.microsoft.com/office/drawing/2014/main" id="{518CB438-40B4-D398-8C28-CFCCBAD9BBF4}"/>
              </a:ext>
            </a:extLst>
          </p:cNvPr>
          <p:cNvSpPr txBox="1"/>
          <p:nvPr/>
        </p:nvSpPr>
        <p:spPr>
          <a:xfrm>
            <a:off x="10511328" y="1899391"/>
            <a:ext cx="1551904" cy="571182"/>
          </a:xfrm>
          <a:prstGeom prst="rect">
            <a:avLst/>
          </a:prstGeom>
          <a:noFill/>
          <a:effectLst>
            <a:outerShdw blurRad="50800" dist="50800" dir="5400000" sx="116000" sy="116000" algn="ctr" rotWithShape="0">
              <a:srgbClr val="000000">
                <a:alpha val="43137"/>
              </a:srgbClr>
            </a:outerShdw>
          </a:effectLst>
        </p:spPr>
        <p:txBody>
          <a:bodyPr wrap="square" rtlCol="0">
            <a:spAutoFit/>
          </a:bodyPr>
          <a:lstStyle/>
          <a:p>
            <a:pPr algn="r">
              <a:buClrTx/>
              <a:buFontTx/>
              <a:buNone/>
            </a:pPr>
            <a:r>
              <a:rPr lang="en-US" sz="1556" b="1" dirty="0">
                <a:solidFill>
                  <a:srgbClr val="44546A"/>
                </a:solidFill>
                <a:latin typeface="Alfa Slab One"/>
              </a:rPr>
              <a:t>THERAPEUTIC DUPLICATION</a:t>
            </a:r>
          </a:p>
        </p:txBody>
      </p:sp>
      <p:sp>
        <p:nvSpPr>
          <p:cNvPr id="11" name="TextBox 10">
            <a:extLst>
              <a:ext uri="{FF2B5EF4-FFF2-40B4-BE49-F238E27FC236}">
                <a16:creationId xmlns:a16="http://schemas.microsoft.com/office/drawing/2014/main" id="{D559D891-D252-DC8D-3979-51CA0C14FAB3}"/>
              </a:ext>
            </a:extLst>
          </p:cNvPr>
          <p:cNvSpPr txBox="1"/>
          <p:nvPr/>
        </p:nvSpPr>
        <p:spPr>
          <a:xfrm>
            <a:off x="11656411" y="2623786"/>
            <a:ext cx="1551904" cy="810607"/>
          </a:xfrm>
          <a:prstGeom prst="rect">
            <a:avLst/>
          </a:prstGeom>
          <a:noFill/>
          <a:effectLst>
            <a:outerShdw blurRad="50800" dist="50800" dir="5400000" sx="116000" sy="116000" algn="ctr" rotWithShape="0">
              <a:srgbClr val="000000">
                <a:alpha val="43137"/>
              </a:srgbClr>
            </a:outerShdw>
          </a:effectLst>
        </p:spPr>
        <p:txBody>
          <a:bodyPr wrap="square" rtlCol="0">
            <a:spAutoFit/>
          </a:bodyPr>
          <a:lstStyle/>
          <a:p>
            <a:pPr algn="r">
              <a:buClrTx/>
              <a:buFontTx/>
              <a:buNone/>
            </a:pPr>
            <a:r>
              <a:rPr lang="en-US" sz="1556" b="1" dirty="0">
                <a:solidFill>
                  <a:srgbClr val="44546A"/>
                </a:solidFill>
                <a:latin typeface="Alfa Slab One"/>
              </a:rPr>
              <a:t>SUBSTANCE ABUSE SUSPECTED</a:t>
            </a:r>
          </a:p>
        </p:txBody>
      </p:sp>
      <p:sp>
        <p:nvSpPr>
          <p:cNvPr id="12" name="TextBox 11">
            <a:extLst>
              <a:ext uri="{FF2B5EF4-FFF2-40B4-BE49-F238E27FC236}">
                <a16:creationId xmlns:a16="http://schemas.microsoft.com/office/drawing/2014/main" id="{5C789686-6810-D58A-CA20-212892018B1C}"/>
              </a:ext>
            </a:extLst>
          </p:cNvPr>
          <p:cNvSpPr txBox="1"/>
          <p:nvPr/>
        </p:nvSpPr>
        <p:spPr>
          <a:xfrm>
            <a:off x="13954163" y="2229334"/>
            <a:ext cx="1647504" cy="331757"/>
          </a:xfrm>
          <a:prstGeom prst="rect">
            <a:avLst/>
          </a:prstGeom>
          <a:noFill/>
          <a:effectLst>
            <a:outerShdw blurRad="50800" dist="50800" dir="5400000" sx="116000" sy="116000" algn="ctr" rotWithShape="0">
              <a:srgbClr val="000000">
                <a:alpha val="43137"/>
              </a:srgbClr>
            </a:outerShdw>
          </a:effectLst>
        </p:spPr>
        <p:txBody>
          <a:bodyPr wrap="square" rtlCol="0">
            <a:spAutoFit/>
          </a:bodyPr>
          <a:lstStyle/>
          <a:p>
            <a:pPr algn="r">
              <a:buClrTx/>
              <a:buFontTx/>
              <a:buNone/>
            </a:pPr>
            <a:r>
              <a:rPr lang="en-US" sz="1556" b="1" dirty="0">
                <a:solidFill>
                  <a:srgbClr val="44546A"/>
                </a:solidFill>
                <a:latin typeface="Alfa Slab One"/>
              </a:rPr>
              <a:t>EXTREME MED</a:t>
            </a:r>
          </a:p>
        </p:txBody>
      </p:sp>
      <p:sp>
        <p:nvSpPr>
          <p:cNvPr id="13" name="TextBox 12">
            <a:extLst>
              <a:ext uri="{FF2B5EF4-FFF2-40B4-BE49-F238E27FC236}">
                <a16:creationId xmlns:a16="http://schemas.microsoft.com/office/drawing/2014/main" id="{E7DD0BC2-9263-B400-9C43-78C63305C516}"/>
              </a:ext>
            </a:extLst>
          </p:cNvPr>
          <p:cNvSpPr txBox="1"/>
          <p:nvPr/>
        </p:nvSpPr>
        <p:spPr>
          <a:xfrm>
            <a:off x="3535566" y="2033839"/>
            <a:ext cx="2360391" cy="571182"/>
          </a:xfrm>
          <a:prstGeom prst="rect">
            <a:avLst/>
          </a:prstGeom>
          <a:noFill/>
        </p:spPr>
        <p:txBody>
          <a:bodyPr wrap="square" rtlCol="0">
            <a:spAutoFit/>
          </a:bodyPr>
          <a:lstStyle/>
          <a:p>
            <a:pPr algn="r">
              <a:buClrTx/>
              <a:buFontTx/>
              <a:buNone/>
            </a:pPr>
            <a:r>
              <a:rPr lang="en-US" sz="1556" b="1" dirty="0">
                <a:solidFill>
                  <a:srgbClr val="44546A"/>
                </a:solidFill>
                <a:latin typeface="Alfa Slab One"/>
              </a:rPr>
              <a:t>COMORBIDITY: DIABETES </a:t>
            </a:r>
            <a:br>
              <a:rPr lang="en-US" sz="1556" b="1" dirty="0">
                <a:solidFill>
                  <a:srgbClr val="44546A"/>
                </a:solidFill>
                <a:latin typeface="Alfa Slab One"/>
              </a:rPr>
            </a:br>
            <a:r>
              <a:rPr lang="en-US" sz="1556" b="1" dirty="0">
                <a:solidFill>
                  <a:srgbClr val="44546A"/>
                </a:solidFill>
                <a:latin typeface="Alfa Slab One"/>
              </a:rPr>
              <a:t>(NON-ADHERENT)</a:t>
            </a:r>
          </a:p>
        </p:txBody>
      </p:sp>
      <p:sp>
        <p:nvSpPr>
          <p:cNvPr id="15" name="Rounded Rectangle 47">
            <a:extLst>
              <a:ext uri="{FF2B5EF4-FFF2-40B4-BE49-F238E27FC236}">
                <a16:creationId xmlns:a16="http://schemas.microsoft.com/office/drawing/2014/main" id="{F2427F2B-A778-A459-C641-20AA255A6225}"/>
              </a:ext>
            </a:extLst>
          </p:cNvPr>
          <p:cNvSpPr/>
          <p:nvPr/>
        </p:nvSpPr>
        <p:spPr>
          <a:xfrm>
            <a:off x="2914214" y="7957850"/>
            <a:ext cx="15889303" cy="1824953"/>
          </a:xfrm>
          <a:prstGeom prst="roundRect">
            <a:avLst/>
          </a:prstGeom>
          <a:solidFill>
            <a:schemeClr val="accent3">
              <a:alpha val="50000"/>
            </a:schemeClr>
          </a:solidFill>
          <a:ln>
            <a:noFill/>
          </a:ln>
        </p:spPr>
        <p:style>
          <a:lnRef idx="0">
            <a:scrgbClr r="0" g="0" b="0"/>
          </a:lnRef>
          <a:fillRef idx="0">
            <a:scrgbClr r="0" g="0" b="0"/>
          </a:fillRef>
          <a:effectRef idx="0">
            <a:scrgbClr r="0" g="0" b="0"/>
          </a:effectRef>
          <a:fontRef idx="minor">
            <a:schemeClr val="lt1"/>
          </a:fontRef>
        </p:style>
        <p:txBody>
          <a:bodyPr rtlCol="0" anchor="ctr"/>
          <a:lstStyle/>
          <a:p>
            <a:pPr algn="ctr" defTabSz="2031980" eaLnBrk="1" fontAlgn="auto" hangingPunct="1">
              <a:spcBef>
                <a:spcPts val="0"/>
              </a:spcBef>
              <a:spcAft>
                <a:spcPts val="0"/>
              </a:spcAft>
              <a:defRPr/>
            </a:pPr>
            <a:endParaRPr lang="en-US" sz="4000" dirty="0">
              <a:solidFill>
                <a:prstClr val="white"/>
              </a:solidFill>
              <a:latin typeface="Calibri" panose="020F0502020204030204"/>
            </a:endParaRPr>
          </a:p>
        </p:txBody>
      </p:sp>
      <p:sp>
        <p:nvSpPr>
          <p:cNvPr id="16" name="Rounded Rectangle 46">
            <a:extLst>
              <a:ext uri="{FF2B5EF4-FFF2-40B4-BE49-F238E27FC236}">
                <a16:creationId xmlns:a16="http://schemas.microsoft.com/office/drawing/2014/main" id="{F1006CF4-CDAD-63ED-D990-6D230C716DBE}"/>
              </a:ext>
            </a:extLst>
          </p:cNvPr>
          <p:cNvSpPr/>
          <p:nvPr/>
        </p:nvSpPr>
        <p:spPr>
          <a:xfrm>
            <a:off x="2823358" y="5801897"/>
            <a:ext cx="15980159" cy="1824953"/>
          </a:xfrm>
          <a:prstGeom prst="roundRect">
            <a:avLst/>
          </a:prstGeom>
          <a:solidFill>
            <a:srgbClr val="F6871E">
              <a:alpha val="14949"/>
            </a:srgbClr>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4000">
              <a:solidFill>
                <a:prstClr val="white"/>
              </a:solidFill>
              <a:latin typeface="Calibri" panose="020F0502020204030204"/>
            </a:endParaRPr>
          </a:p>
        </p:txBody>
      </p:sp>
      <p:sp>
        <p:nvSpPr>
          <p:cNvPr id="17" name="Rounded Rectangle 45">
            <a:extLst>
              <a:ext uri="{FF2B5EF4-FFF2-40B4-BE49-F238E27FC236}">
                <a16:creationId xmlns:a16="http://schemas.microsoft.com/office/drawing/2014/main" id="{67EEB0CD-18B3-CE7C-96E6-5D179140E012}"/>
              </a:ext>
            </a:extLst>
          </p:cNvPr>
          <p:cNvSpPr/>
          <p:nvPr/>
        </p:nvSpPr>
        <p:spPr>
          <a:xfrm>
            <a:off x="2914214" y="3611848"/>
            <a:ext cx="15889304" cy="1824953"/>
          </a:xfrm>
          <a:prstGeom prst="roundRect">
            <a:avLst/>
          </a:prstGeom>
          <a:solidFill>
            <a:srgbClr val="EE273A">
              <a:alpha val="14949"/>
            </a:srgbClr>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4000">
              <a:solidFill>
                <a:prstClr val="white"/>
              </a:solidFill>
              <a:latin typeface="Calibri" panose="020F0502020204030204"/>
            </a:endParaRPr>
          </a:p>
        </p:txBody>
      </p:sp>
      <p:sp>
        <p:nvSpPr>
          <p:cNvPr id="18" name="Pentagon 44">
            <a:extLst>
              <a:ext uri="{FF2B5EF4-FFF2-40B4-BE49-F238E27FC236}">
                <a16:creationId xmlns:a16="http://schemas.microsoft.com/office/drawing/2014/main" id="{D7122B5B-13A6-1FCE-ECD8-C6EF99559016}"/>
              </a:ext>
            </a:extLst>
          </p:cNvPr>
          <p:cNvSpPr/>
          <p:nvPr/>
        </p:nvSpPr>
        <p:spPr>
          <a:xfrm>
            <a:off x="370569" y="3587378"/>
            <a:ext cx="5045653" cy="1866782"/>
          </a:xfrm>
          <a:prstGeom prst="homePlate">
            <a:avLst/>
          </a:prstGeom>
          <a:solidFill>
            <a:srgbClr val="AE2A41"/>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4000">
              <a:solidFill>
                <a:prstClr val="white"/>
              </a:solidFill>
              <a:latin typeface="Calibri" panose="020F0502020204030204"/>
            </a:endParaRPr>
          </a:p>
        </p:txBody>
      </p:sp>
      <p:sp>
        <p:nvSpPr>
          <p:cNvPr id="19" name="Pentagon 42">
            <a:extLst>
              <a:ext uri="{FF2B5EF4-FFF2-40B4-BE49-F238E27FC236}">
                <a16:creationId xmlns:a16="http://schemas.microsoft.com/office/drawing/2014/main" id="{E79645DA-4D0E-72AC-A8EC-C18D6FC4C484}"/>
              </a:ext>
            </a:extLst>
          </p:cNvPr>
          <p:cNvSpPr/>
          <p:nvPr/>
        </p:nvSpPr>
        <p:spPr>
          <a:xfrm>
            <a:off x="370569" y="7964434"/>
            <a:ext cx="5045653" cy="1818253"/>
          </a:xfrm>
          <a:prstGeom prst="homePlate">
            <a:avLst/>
          </a:prstGeom>
          <a:solidFill>
            <a:schemeClr val="accent3"/>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4000">
              <a:solidFill>
                <a:prstClr val="white"/>
              </a:solidFill>
              <a:latin typeface="Calibri" panose="020F0502020204030204"/>
            </a:endParaRPr>
          </a:p>
        </p:txBody>
      </p:sp>
      <p:sp>
        <p:nvSpPr>
          <p:cNvPr id="20" name="Title 3">
            <a:extLst>
              <a:ext uri="{FF2B5EF4-FFF2-40B4-BE49-F238E27FC236}">
                <a16:creationId xmlns:a16="http://schemas.microsoft.com/office/drawing/2014/main" id="{1688DBDB-BF14-8AAF-B11F-4D83048A8562}"/>
              </a:ext>
            </a:extLst>
          </p:cNvPr>
          <p:cNvSpPr txBox="1">
            <a:spLocks/>
          </p:cNvSpPr>
          <p:nvPr/>
        </p:nvSpPr>
        <p:spPr>
          <a:xfrm>
            <a:off x="646562" y="8238458"/>
            <a:ext cx="2068209" cy="330307"/>
          </a:xfrm>
          <a:prstGeom prst="rect">
            <a:avLst/>
          </a:prstGeom>
        </p:spPr>
        <p:txBody>
          <a:bodyPr vert="horz" lIns="0" tIns="0" rIns="0" bIns="0" rtlCol="0" anchor="ctr">
            <a:normAutofit fontScale="77500" lnSpcReduction="200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spcAft>
                <a:spcPts val="1778"/>
              </a:spcAft>
            </a:pPr>
            <a:r>
              <a:rPr lang="en-US" sz="3556" b="1" dirty="0">
                <a:solidFill>
                  <a:prstClr val="white"/>
                </a:solidFill>
                <a:latin typeface="Alfa Slab One"/>
                <a:cs typeface="Calibri" panose="020F0502020204030204" pitchFamily="34" charset="0"/>
              </a:rPr>
              <a:t>LOW</a:t>
            </a:r>
          </a:p>
        </p:txBody>
      </p:sp>
      <p:pic>
        <p:nvPicPr>
          <p:cNvPr id="21" name="Graphic 20">
            <a:extLst>
              <a:ext uri="{FF2B5EF4-FFF2-40B4-BE49-F238E27FC236}">
                <a16:creationId xmlns:a16="http://schemas.microsoft.com/office/drawing/2014/main" id="{9A24CCAA-554B-8F46-3366-E07C0C9E7C09}"/>
              </a:ext>
            </a:extLst>
          </p:cNvPr>
          <p:cNvPicPr>
            <a:picLocks noChangeAspect="1"/>
          </p:cNvPicPr>
          <p:nvPr/>
        </p:nvPicPr>
        <p:blipFill>
          <a:blip r:embed="rId2">
            <a:extLst>
              <a:ext uri="{96DAC541-7B7A-43D3-8B79-37D633B846F1}">
                <asvg:svgBlip xmlns:asvg="http://schemas.microsoft.com/office/drawing/2016/SVG/main" xmlns="" r:embed="rId3"/>
              </a:ext>
            </a:extLst>
          </a:blip>
          <a:stretch>
            <a:fillRect/>
          </a:stretch>
        </p:blipFill>
        <p:spPr>
          <a:xfrm>
            <a:off x="6056069" y="7946109"/>
            <a:ext cx="595013" cy="676151"/>
          </a:xfrm>
          <a:prstGeom prst="rect">
            <a:avLst/>
          </a:prstGeom>
        </p:spPr>
      </p:pic>
      <p:grpSp>
        <p:nvGrpSpPr>
          <p:cNvPr id="23" name="Group 22">
            <a:extLst>
              <a:ext uri="{FF2B5EF4-FFF2-40B4-BE49-F238E27FC236}">
                <a16:creationId xmlns:a16="http://schemas.microsoft.com/office/drawing/2014/main" id="{D11CDDE9-9885-484D-073C-B54E789FAD11}"/>
              </a:ext>
            </a:extLst>
          </p:cNvPr>
          <p:cNvGrpSpPr/>
          <p:nvPr/>
        </p:nvGrpSpPr>
        <p:grpSpPr>
          <a:xfrm>
            <a:off x="16603383" y="2887070"/>
            <a:ext cx="101598" cy="2324980"/>
            <a:chOff x="8045119" y="2290927"/>
            <a:chExt cx="45719" cy="1395537"/>
          </a:xfrm>
          <a:effectLst/>
        </p:grpSpPr>
        <p:cxnSp>
          <p:nvCxnSpPr>
            <p:cNvPr id="24" name="Straight Connector 23">
              <a:extLst>
                <a:ext uri="{FF2B5EF4-FFF2-40B4-BE49-F238E27FC236}">
                  <a16:creationId xmlns:a16="http://schemas.microsoft.com/office/drawing/2014/main" id="{A4408392-4BA8-3F08-D287-1715C340FD1E}"/>
                </a:ext>
              </a:extLst>
            </p:cNvPr>
            <p:cNvCxnSpPr>
              <a:cxnSpLocks/>
            </p:cNvCxnSpPr>
            <p:nvPr/>
          </p:nvCxnSpPr>
          <p:spPr>
            <a:xfrm flipV="1">
              <a:off x="8080918" y="2339857"/>
              <a:ext cx="0" cy="1346607"/>
            </a:xfrm>
            <a:prstGeom prst="line">
              <a:avLst/>
            </a:prstGeom>
            <a:noFill/>
            <a:ln w="15875" cap="flat" cmpd="sng" algn="ctr">
              <a:solidFill>
                <a:srgbClr val="6D245C">
                  <a:alpha val="58000"/>
                </a:srgbClr>
              </a:solidFill>
              <a:prstDash val="dash"/>
              <a:miter lim="800000"/>
            </a:ln>
            <a:effectLst/>
          </p:spPr>
        </p:cxnSp>
        <p:sp>
          <p:nvSpPr>
            <p:cNvPr id="25" name="Rectangle 24">
              <a:extLst>
                <a:ext uri="{FF2B5EF4-FFF2-40B4-BE49-F238E27FC236}">
                  <a16:creationId xmlns:a16="http://schemas.microsoft.com/office/drawing/2014/main" id="{68BA5A4A-8208-88C9-0783-06F151C4FE6E}"/>
                </a:ext>
              </a:extLst>
            </p:cNvPr>
            <p:cNvSpPr/>
            <p:nvPr/>
          </p:nvSpPr>
          <p:spPr>
            <a:xfrm>
              <a:off x="8045119" y="2290927"/>
              <a:ext cx="45719" cy="400934"/>
            </a:xfrm>
            <a:prstGeom prst="rect">
              <a:avLst/>
            </a:prstGeom>
            <a:solidFill>
              <a:srgbClr val="EE273A"/>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4000">
                <a:solidFill>
                  <a:prstClr val="white"/>
                </a:solidFill>
                <a:latin typeface="Calibri" panose="020F0502020204030204"/>
              </a:endParaRPr>
            </a:p>
          </p:txBody>
        </p:sp>
      </p:grpSp>
      <p:grpSp>
        <p:nvGrpSpPr>
          <p:cNvPr id="26" name="Group 25">
            <a:extLst>
              <a:ext uri="{FF2B5EF4-FFF2-40B4-BE49-F238E27FC236}">
                <a16:creationId xmlns:a16="http://schemas.microsoft.com/office/drawing/2014/main" id="{9D7CD7EA-B6DD-25E1-7F04-60803B9A8790}"/>
              </a:ext>
            </a:extLst>
          </p:cNvPr>
          <p:cNvGrpSpPr/>
          <p:nvPr/>
        </p:nvGrpSpPr>
        <p:grpSpPr>
          <a:xfrm>
            <a:off x="14730759" y="2660377"/>
            <a:ext cx="101598" cy="4761838"/>
            <a:chOff x="8045119" y="2290927"/>
            <a:chExt cx="45719" cy="2513439"/>
          </a:xfrm>
          <a:effectLst/>
        </p:grpSpPr>
        <p:cxnSp>
          <p:nvCxnSpPr>
            <p:cNvPr id="27" name="Straight Connector 26">
              <a:extLst>
                <a:ext uri="{FF2B5EF4-FFF2-40B4-BE49-F238E27FC236}">
                  <a16:creationId xmlns:a16="http://schemas.microsoft.com/office/drawing/2014/main" id="{B56AE227-8ACE-F53C-F6F7-339EE89BD18C}"/>
                </a:ext>
              </a:extLst>
            </p:cNvPr>
            <p:cNvCxnSpPr>
              <a:cxnSpLocks/>
            </p:cNvCxnSpPr>
            <p:nvPr/>
          </p:nvCxnSpPr>
          <p:spPr>
            <a:xfrm flipV="1">
              <a:off x="8080918" y="2339857"/>
              <a:ext cx="0" cy="2464509"/>
            </a:xfrm>
            <a:prstGeom prst="line">
              <a:avLst/>
            </a:prstGeom>
            <a:noFill/>
            <a:ln w="15875" cap="flat" cmpd="sng" algn="ctr">
              <a:solidFill>
                <a:srgbClr val="6D245C">
                  <a:alpha val="58000"/>
                </a:srgbClr>
              </a:solidFill>
              <a:prstDash val="dash"/>
              <a:miter lim="800000"/>
            </a:ln>
            <a:effectLst/>
          </p:spPr>
        </p:cxnSp>
        <p:sp>
          <p:nvSpPr>
            <p:cNvPr id="28" name="Rectangle 27">
              <a:extLst>
                <a:ext uri="{FF2B5EF4-FFF2-40B4-BE49-F238E27FC236}">
                  <a16:creationId xmlns:a16="http://schemas.microsoft.com/office/drawing/2014/main" id="{9B0D7940-5C8E-7CA7-43E1-89FD8260A7A8}"/>
                </a:ext>
              </a:extLst>
            </p:cNvPr>
            <p:cNvSpPr/>
            <p:nvPr/>
          </p:nvSpPr>
          <p:spPr>
            <a:xfrm>
              <a:off x="8045119" y="2290927"/>
              <a:ext cx="45719" cy="400934"/>
            </a:xfrm>
            <a:prstGeom prst="rect">
              <a:avLst/>
            </a:prstGeom>
            <a:solidFill>
              <a:srgbClr val="EE273A"/>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4000">
                <a:solidFill>
                  <a:prstClr val="white"/>
                </a:solidFill>
                <a:latin typeface="Calibri" panose="020F0502020204030204"/>
              </a:endParaRPr>
            </a:p>
          </p:txBody>
        </p:sp>
      </p:grpSp>
      <p:grpSp>
        <p:nvGrpSpPr>
          <p:cNvPr id="29" name="Group 28">
            <a:extLst>
              <a:ext uri="{FF2B5EF4-FFF2-40B4-BE49-F238E27FC236}">
                <a16:creationId xmlns:a16="http://schemas.microsoft.com/office/drawing/2014/main" id="{0C1D9602-1DAB-5A46-BD04-DDE061BD74F0}"/>
              </a:ext>
            </a:extLst>
          </p:cNvPr>
          <p:cNvGrpSpPr/>
          <p:nvPr/>
        </p:nvGrpSpPr>
        <p:grpSpPr>
          <a:xfrm>
            <a:off x="13168568" y="2660379"/>
            <a:ext cx="101598" cy="3303229"/>
            <a:chOff x="8045119" y="2290927"/>
            <a:chExt cx="45719" cy="1713355"/>
          </a:xfrm>
          <a:effectLst/>
        </p:grpSpPr>
        <p:cxnSp>
          <p:nvCxnSpPr>
            <p:cNvPr id="30" name="Straight Connector 29">
              <a:extLst>
                <a:ext uri="{FF2B5EF4-FFF2-40B4-BE49-F238E27FC236}">
                  <a16:creationId xmlns:a16="http://schemas.microsoft.com/office/drawing/2014/main" id="{8E8E209A-98CC-109D-367D-EE7EF6675CE4}"/>
                </a:ext>
              </a:extLst>
            </p:cNvPr>
            <p:cNvCxnSpPr>
              <a:cxnSpLocks/>
            </p:cNvCxnSpPr>
            <p:nvPr/>
          </p:nvCxnSpPr>
          <p:spPr>
            <a:xfrm flipV="1">
              <a:off x="8080918" y="2339857"/>
              <a:ext cx="0" cy="1664425"/>
            </a:xfrm>
            <a:prstGeom prst="line">
              <a:avLst/>
            </a:prstGeom>
            <a:noFill/>
            <a:ln w="15875" cap="flat" cmpd="sng" algn="ctr">
              <a:solidFill>
                <a:srgbClr val="6D245C">
                  <a:alpha val="58000"/>
                </a:srgbClr>
              </a:solidFill>
              <a:prstDash val="dash"/>
              <a:miter lim="800000"/>
            </a:ln>
            <a:effectLst/>
          </p:spPr>
        </p:cxnSp>
        <p:sp>
          <p:nvSpPr>
            <p:cNvPr id="31" name="Rectangle 30">
              <a:extLst>
                <a:ext uri="{FF2B5EF4-FFF2-40B4-BE49-F238E27FC236}">
                  <a16:creationId xmlns:a16="http://schemas.microsoft.com/office/drawing/2014/main" id="{DADE0F7C-A8BC-3218-0F8A-7B82A38A977F}"/>
                </a:ext>
              </a:extLst>
            </p:cNvPr>
            <p:cNvSpPr/>
            <p:nvPr/>
          </p:nvSpPr>
          <p:spPr>
            <a:xfrm>
              <a:off x="8045119" y="2290927"/>
              <a:ext cx="45719" cy="400934"/>
            </a:xfrm>
            <a:prstGeom prst="rect">
              <a:avLst/>
            </a:prstGeom>
            <a:solidFill>
              <a:srgbClr val="F6871E"/>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4000">
                <a:solidFill>
                  <a:prstClr val="white"/>
                </a:solidFill>
                <a:latin typeface="Calibri" panose="020F0502020204030204"/>
              </a:endParaRPr>
            </a:p>
          </p:txBody>
        </p:sp>
      </p:grpSp>
      <p:grpSp>
        <p:nvGrpSpPr>
          <p:cNvPr id="32" name="Group 31">
            <a:extLst>
              <a:ext uri="{FF2B5EF4-FFF2-40B4-BE49-F238E27FC236}">
                <a16:creationId xmlns:a16="http://schemas.microsoft.com/office/drawing/2014/main" id="{8868C1D1-3F4C-FBA9-5D20-D17F82A7866F}"/>
              </a:ext>
            </a:extLst>
          </p:cNvPr>
          <p:cNvGrpSpPr/>
          <p:nvPr/>
        </p:nvGrpSpPr>
        <p:grpSpPr>
          <a:xfrm>
            <a:off x="11272705" y="2626510"/>
            <a:ext cx="101598" cy="4084553"/>
            <a:chOff x="8045119" y="2290927"/>
            <a:chExt cx="45719" cy="2129705"/>
          </a:xfrm>
          <a:effectLst/>
        </p:grpSpPr>
        <p:cxnSp>
          <p:nvCxnSpPr>
            <p:cNvPr id="33" name="Straight Connector 32">
              <a:extLst>
                <a:ext uri="{FF2B5EF4-FFF2-40B4-BE49-F238E27FC236}">
                  <a16:creationId xmlns:a16="http://schemas.microsoft.com/office/drawing/2014/main" id="{A0D582C7-9026-F56A-0721-8BD5A6C94D61}"/>
                </a:ext>
              </a:extLst>
            </p:cNvPr>
            <p:cNvCxnSpPr>
              <a:cxnSpLocks/>
            </p:cNvCxnSpPr>
            <p:nvPr/>
          </p:nvCxnSpPr>
          <p:spPr>
            <a:xfrm flipV="1">
              <a:off x="8080918" y="2339857"/>
              <a:ext cx="0" cy="2080775"/>
            </a:xfrm>
            <a:prstGeom prst="line">
              <a:avLst/>
            </a:prstGeom>
            <a:noFill/>
            <a:ln w="15875" cap="flat" cmpd="sng" algn="ctr">
              <a:solidFill>
                <a:srgbClr val="6D245C">
                  <a:alpha val="58000"/>
                </a:srgbClr>
              </a:solidFill>
              <a:prstDash val="dash"/>
              <a:miter lim="800000"/>
            </a:ln>
            <a:effectLst/>
          </p:spPr>
        </p:cxnSp>
        <p:sp>
          <p:nvSpPr>
            <p:cNvPr id="34" name="Rectangle 33">
              <a:extLst>
                <a:ext uri="{FF2B5EF4-FFF2-40B4-BE49-F238E27FC236}">
                  <a16:creationId xmlns:a16="http://schemas.microsoft.com/office/drawing/2014/main" id="{2F8F85F6-0AF5-54C3-E724-F44573F6E5BF}"/>
                </a:ext>
              </a:extLst>
            </p:cNvPr>
            <p:cNvSpPr/>
            <p:nvPr/>
          </p:nvSpPr>
          <p:spPr>
            <a:xfrm>
              <a:off x="8045119" y="2290927"/>
              <a:ext cx="45719" cy="400934"/>
            </a:xfrm>
            <a:prstGeom prst="rect">
              <a:avLst/>
            </a:prstGeom>
            <a:solidFill>
              <a:srgbClr val="F6871E"/>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4000">
                <a:solidFill>
                  <a:prstClr val="white"/>
                </a:solidFill>
                <a:latin typeface="Calibri" panose="020F0502020204030204"/>
              </a:endParaRPr>
            </a:p>
          </p:txBody>
        </p:sp>
      </p:grpSp>
      <p:grpSp>
        <p:nvGrpSpPr>
          <p:cNvPr id="35" name="Group 34">
            <a:extLst>
              <a:ext uri="{FF2B5EF4-FFF2-40B4-BE49-F238E27FC236}">
                <a16:creationId xmlns:a16="http://schemas.microsoft.com/office/drawing/2014/main" id="{FCA79EE8-2A4D-55D1-6559-F24CBBAFDD13}"/>
              </a:ext>
            </a:extLst>
          </p:cNvPr>
          <p:cNvGrpSpPr/>
          <p:nvPr/>
        </p:nvGrpSpPr>
        <p:grpSpPr>
          <a:xfrm>
            <a:off x="9612646" y="2627929"/>
            <a:ext cx="102273" cy="4085698"/>
            <a:chOff x="8045119" y="2290927"/>
            <a:chExt cx="45719" cy="2129705"/>
          </a:xfrm>
          <a:effectLst/>
        </p:grpSpPr>
        <p:cxnSp>
          <p:nvCxnSpPr>
            <p:cNvPr id="36" name="Straight Connector 35">
              <a:extLst>
                <a:ext uri="{FF2B5EF4-FFF2-40B4-BE49-F238E27FC236}">
                  <a16:creationId xmlns:a16="http://schemas.microsoft.com/office/drawing/2014/main" id="{6CBF85B1-076E-CFCC-C37D-3CBF7E8195EE}"/>
                </a:ext>
              </a:extLst>
            </p:cNvPr>
            <p:cNvCxnSpPr>
              <a:cxnSpLocks/>
            </p:cNvCxnSpPr>
            <p:nvPr/>
          </p:nvCxnSpPr>
          <p:spPr>
            <a:xfrm flipV="1">
              <a:off x="8080918" y="2339857"/>
              <a:ext cx="0" cy="2080775"/>
            </a:xfrm>
            <a:prstGeom prst="line">
              <a:avLst/>
            </a:prstGeom>
            <a:noFill/>
            <a:ln w="15875" cap="flat" cmpd="sng" algn="ctr">
              <a:solidFill>
                <a:srgbClr val="6D245C">
                  <a:alpha val="58000"/>
                </a:srgbClr>
              </a:solidFill>
              <a:prstDash val="dash"/>
              <a:miter lim="800000"/>
            </a:ln>
            <a:effectLst/>
          </p:spPr>
        </p:cxnSp>
        <p:sp>
          <p:nvSpPr>
            <p:cNvPr id="37" name="Rectangle 36">
              <a:extLst>
                <a:ext uri="{FF2B5EF4-FFF2-40B4-BE49-F238E27FC236}">
                  <a16:creationId xmlns:a16="http://schemas.microsoft.com/office/drawing/2014/main" id="{519E34E0-25AB-6474-47AD-8003FC94AEDC}"/>
                </a:ext>
              </a:extLst>
            </p:cNvPr>
            <p:cNvSpPr/>
            <p:nvPr/>
          </p:nvSpPr>
          <p:spPr>
            <a:xfrm>
              <a:off x="8045119" y="2290927"/>
              <a:ext cx="45719" cy="400934"/>
            </a:xfrm>
            <a:prstGeom prst="rect">
              <a:avLst/>
            </a:prstGeom>
            <a:solidFill>
              <a:srgbClr val="F6871E"/>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4000">
                <a:solidFill>
                  <a:prstClr val="white"/>
                </a:solidFill>
                <a:latin typeface="Calibri" panose="020F0502020204030204"/>
              </a:endParaRPr>
            </a:p>
          </p:txBody>
        </p:sp>
      </p:grpSp>
      <p:grpSp>
        <p:nvGrpSpPr>
          <p:cNvPr id="38" name="Group 37">
            <a:extLst>
              <a:ext uri="{FF2B5EF4-FFF2-40B4-BE49-F238E27FC236}">
                <a16:creationId xmlns:a16="http://schemas.microsoft.com/office/drawing/2014/main" id="{D2463AE5-913B-808F-D882-DB0618F49A14}"/>
              </a:ext>
            </a:extLst>
          </p:cNvPr>
          <p:cNvGrpSpPr/>
          <p:nvPr/>
        </p:nvGrpSpPr>
        <p:grpSpPr>
          <a:xfrm>
            <a:off x="7728567" y="2754301"/>
            <a:ext cx="107004" cy="1390171"/>
            <a:chOff x="8045119" y="2290927"/>
            <a:chExt cx="45719" cy="696532"/>
          </a:xfrm>
          <a:effectLst/>
        </p:grpSpPr>
        <p:cxnSp>
          <p:nvCxnSpPr>
            <p:cNvPr id="39" name="Straight Connector 38">
              <a:extLst>
                <a:ext uri="{FF2B5EF4-FFF2-40B4-BE49-F238E27FC236}">
                  <a16:creationId xmlns:a16="http://schemas.microsoft.com/office/drawing/2014/main" id="{C4DB15F3-49D1-3B10-DF58-D19093C0FE56}"/>
                </a:ext>
              </a:extLst>
            </p:cNvPr>
            <p:cNvCxnSpPr>
              <a:cxnSpLocks/>
            </p:cNvCxnSpPr>
            <p:nvPr/>
          </p:nvCxnSpPr>
          <p:spPr>
            <a:xfrm flipV="1">
              <a:off x="8080918" y="2339857"/>
              <a:ext cx="0" cy="647602"/>
            </a:xfrm>
            <a:prstGeom prst="line">
              <a:avLst/>
            </a:prstGeom>
            <a:noFill/>
            <a:ln w="15875" cap="flat" cmpd="sng" algn="ctr">
              <a:solidFill>
                <a:srgbClr val="6D245C">
                  <a:alpha val="58000"/>
                </a:srgbClr>
              </a:solidFill>
              <a:prstDash val="dash"/>
              <a:miter lim="800000"/>
            </a:ln>
            <a:effectLst/>
          </p:spPr>
        </p:cxnSp>
        <p:sp>
          <p:nvSpPr>
            <p:cNvPr id="40" name="Rectangle 39">
              <a:extLst>
                <a:ext uri="{FF2B5EF4-FFF2-40B4-BE49-F238E27FC236}">
                  <a16:creationId xmlns:a16="http://schemas.microsoft.com/office/drawing/2014/main" id="{243329B0-021F-6C70-CA00-610BAD42BC97}"/>
                </a:ext>
              </a:extLst>
            </p:cNvPr>
            <p:cNvSpPr/>
            <p:nvPr/>
          </p:nvSpPr>
          <p:spPr>
            <a:xfrm>
              <a:off x="8045119" y="2290927"/>
              <a:ext cx="45719" cy="400934"/>
            </a:xfrm>
            <a:prstGeom prst="rect">
              <a:avLst/>
            </a:prstGeom>
            <a:solidFill>
              <a:srgbClr val="017757"/>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4000">
                <a:solidFill>
                  <a:prstClr val="white"/>
                </a:solidFill>
                <a:latin typeface="Calibri" panose="020F0502020204030204"/>
              </a:endParaRPr>
            </a:p>
          </p:txBody>
        </p:sp>
      </p:grpSp>
      <p:grpSp>
        <p:nvGrpSpPr>
          <p:cNvPr id="41" name="Group 40">
            <a:extLst>
              <a:ext uri="{FF2B5EF4-FFF2-40B4-BE49-F238E27FC236}">
                <a16:creationId xmlns:a16="http://schemas.microsoft.com/office/drawing/2014/main" id="{FFE6AE98-22D9-2F5D-D160-506A25ED550E}"/>
              </a:ext>
            </a:extLst>
          </p:cNvPr>
          <p:cNvGrpSpPr/>
          <p:nvPr/>
        </p:nvGrpSpPr>
        <p:grpSpPr>
          <a:xfrm>
            <a:off x="5954408" y="1899391"/>
            <a:ext cx="136820" cy="5950018"/>
            <a:chOff x="8045119" y="2290927"/>
            <a:chExt cx="45719" cy="2868960"/>
          </a:xfrm>
          <a:effectLst/>
        </p:grpSpPr>
        <p:cxnSp>
          <p:nvCxnSpPr>
            <p:cNvPr id="42" name="Straight Connector 41">
              <a:extLst>
                <a:ext uri="{FF2B5EF4-FFF2-40B4-BE49-F238E27FC236}">
                  <a16:creationId xmlns:a16="http://schemas.microsoft.com/office/drawing/2014/main" id="{E5AEC4A6-B433-0205-9FB6-8B1DBD15C4BD}"/>
                </a:ext>
              </a:extLst>
            </p:cNvPr>
            <p:cNvCxnSpPr>
              <a:cxnSpLocks/>
            </p:cNvCxnSpPr>
            <p:nvPr/>
          </p:nvCxnSpPr>
          <p:spPr>
            <a:xfrm flipV="1">
              <a:off x="8080918" y="2339857"/>
              <a:ext cx="0" cy="2820030"/>
            </a:xfrm>
            <a:prstGeom prst="line">
              <a:avLst/>
            </a:prstGeom>
            <a:noFill/>
            <a:ln w="15875" cap="flat" cmpd="sng" algn="ctr">
              <a:solidFill>
                <a:srgbClr val="6D245C">
                  <a:alpha val="58000"/>
                </a:srgbClr>
              </a:solidFill>
              <a:prstDash val="dash"/>
              <a:miter lim="800000"/>
            </a:ln>
            <a:effectLst/>
          </p:spPr>
        </p:cxnSp>
        <p:sp>
          <p:nvSpPr>
            <p:cNvPr id="43" name="Rectangle 42">
              <a:extLst>
                <a:ext uri="{FF2B5EF4-FFF2-40B4-BE49-F238E27FC236}">
                  <a16:creationId xmlns:a16="http://schemas.microsoft.com/office/drawing/2014/main" id="{75215089-C1F7-7349-3A63-F8B727725B99}"/>
                </a:ext>
              </a:extLst>
            </p:cNvPr>
            <p:cNvSpPr/>
            <p:nvPr/>
          </p:nvSpPr>
          <p:spPr>
            <a:xfrm>
              <a:off x="8045119" y="2290927"/>
              <a:ext cx="45719" cy="400934"/>
            </a:xfrm>
            <a:prstGeom prst="rect">
              <a:avLst/>
            </a:prstGeom>
            <a:solidFill>
              <a:srgbClr val="017757"/>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4000">
                <a:solidFill>
                  <a:prstClr val="white"/>
                </a:solidFill>
                <a:latin typeface="Calibri" panose="020F0502020204030204"/>
              </a:endParaRPr>
            </a:p>
          </p:txBody>
        </p:sp>
      </p:grpSp>
      <p:grpSp>
        <p:nvGrpSpPr>
          <p:cNvPr id="44" name="Group 43">
            <a:extLst>
              <a:ext uri="{FF2B5EF4-FFF2-40B4-BE49-F238E27FC236}">
                <a16:creationId xmlns:a16="http://schemas.microsoft.com/office/drawing/2014/main" id="{352832AE-547B-C7BC-1267-1E2CA784F919}"/>
              </a:ext>
            </a:extLst>
          </p:cNvPr>
          <p:cNvGrpSpPr/>
          <p:nvPr/>
        </p:nvGrpSpPr>
        <p:grpSpPr>
          <a:xfrm>
            <a:off x="18221250" y="2880777"/>
            <a:ext cx="101598" cy="2134469"/>
            <a:chOff x="8045119" y="2290927"/>
            <a:chExt cx="45719" cy="1281184"/>
          </a:xfrm>
          <a:effectLst/>
        </p:grpSpPr>
        <p:cxnSp>
          <p:nvCxnSpPr>
            <p:cNvPr id="45" name="Straight Connector 44">
              <a:extLst>
                <a:ext uri="{FF2B5EF4-FFF2-40B4-BE49-F238E27FC236}">
                  <a16:creationId xmlns:a16="http://schemas.microsoft.com/office/drawing/2014/main" id="{2DBFCB8C-D909-1C9F-BF2D-8F750D837821}"/>
                </a:ext>
              </a:extLst>
            </p:cNvPr>
            <p:cNvCxnSpPr>
              <a:cxnSpLocks/>
            </p:cNvCxnSpPr>
            <p:nvPr/>
          </p:nvCxnSpPr>
          <p:spPr>
            <a:xfrm flipV="1">
              <a:off x="8080918" y="2339857"/>
              <a:ext cx="0" cy="1232254"/>
            </a:xfrm>
            <a:prstGeom prst="line">
              <a:avLst/>
            </a:prstGeom>
            <a:noFill/>
            <a:ln w="15875" cap="flat" cmpd="sng" algn="ctr">
              <a:solidFill>
                <a:srgbClr val="6D245C">
                  <a:alpha val="58000"/>
                </a:srgbClr>
              </a:solidFill>
              <a:prstDash val="dash"/>
              <a:miter lim="800000"/>
            </a:ln>
            <a:effectLst/>
          </p:spPr>
        </p:cxnSp>
        <p:sp>
          <p:nvSpPr>
            <p:cNvPr id="46" name="Rectangle 45">
              <a:extLst>
                <a:ext uri="{FF2B5EF4-FFF2-40B4-BE49-F238E27FC236}">
                  <a16:creationId xmlns:a16="http://schemas.microsoft.com/office/drawing/2014/main" id="{CE517220-D1FF-979D-A4A3-D1AD854C521F}"/>
                </a:ext>
              </a:extLst>
            </p:cNvPr>
            <p:cNvSpPr/>
            <p:nvPr/>
          </p:nvSpPr>
          <p:spPr>
            <a:xfrm>
              <a:off x="8045119" y="2290927"/>
              <a:ext cx="45719" cy="400934"/>
            </a:xfrm>
            <a:prstGeom prst="rect">
              <a:avLst/>
            </a:prstGeom>
            <a:solidFill>
              <a:srgbClr val="EE273A"/>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4000">
                <a:solidFill>
                  <a:prstClr val="white"/>
                </a:solidFill>
                <a:latin typeface="Calibri" panose="020F0502020204030204"/>
              </a:endParaRPr>
            </a:p>
          </p:txBody>
        </p:sp>
      </p:grpSp>
      <p:sp>
        <p:nvSpPr>
          <p:cNvPr id="47" name="TextBox 46">
            <a:extLst>
              <a:ext uri="{FF2B5EF4-FFF2-40B4-BE49-F238E27FC236}">
                <a16:creationId xmlns:a16="http://schemas.microsoft.com/office/drawing/2014/main" id="{B8321250-304B-1F83-2E63-F1DFB773B09F}"/>
              </a:ext>
            </a:extLst>
          </p:cNvPr>
          <p:cNvSpPr txBox="1"/>
          <p:nvPr/>
        </p:nvSpPr>
        <p:spPr>
          <a:xfrm>
            <a:off x="15052206" y="3013148"/>
            <a:ext cx="1526131" cy="331757"/>
          </a:xfrm>
          <a:prstGeom prst="rect">
            <a:avLst/>
          </a:prstGeom>
          <a:noFill/>
          <a:effectLst>
            <a:outerShdw blurRad="50800" dist="50800" dir="5400000" sx="116000" sy="116000" algn="ctr" rotWithShape="0">
              <a:srgbClr val="000000">
                <a:alpha val="43137"/>
              </a:srgbClr>
            </a:outerShdw>
          </a:effectLst>
        </p:spPr>
        <p:txBody>
          <a:bodyPr wrap="square" rtlCol="0">
            <a:spAutoFit/>
          </a:bodyPr>
          <a:lstStyle/>
          <a:p>
            <a:pPr algn="r">
              <a:buClrTx/>
              <a:buFontTx/>
              <a:buNone/>
            </a:pPr>
            <a:r>
              <a:rPr lang="en-US" sz="1556" b="1" dirty="0">
                <a:solidFill>
                  <a:srgbClr val="44546A"/>
                </a:solidFill>
                <a:latin typeface="Alfa Slab One"/>
              </a:rPr>
              <a:t>DEPRESSION</a:t>
            </a:r>
          </a:p>
        </p:txBody>
      </p:sp>
      <p:sp>
        <p:nvSpPr>
          <p:cNvPr id="48" name="TextBox 47">
            <a:extLst>
              <a:ext uri="{FF2B5EF4-FFF2-40B4-BE49-F238E27FC236}">
                <a16:creationId xmlns:a16="http://schemas.microsoft.com/office/drawing/2014/main" id="{1903DA40-9504-CAF7-2D37-7F17BC3C419B}"/>
              </a:ext>
            </a:extLst>
          </p:cNvPr>
          <p:cNvSpPr txBox="1"/>
          <p:nvPr/>
        </p:nvSpPr>
        <p:spPr>
          <a:xfrm>
            <a:off x="17451879" y="2300152"/>
            <a:ext cx="1657384" cy="571182"/>
          </a:xfrm>
          <a:prstGeom prst="rect">
            <a:avLst/>
          </a:prstGeom>
          <a:noFill/>
          <a:effectLst>
            <a:outerShdw blurRad="50800" dist="50800" dir="5400000" sx="116000" sy="116000" algn="ctr" rotWithShape="0">
              <a:srgbClr val="000000">
                <a:alpha val="43137"/>
              </a:srgbClr>
            </a:outerShdw>
          </a:effectLst>
        </p:spPr>
        <p:txBody>
          <a:bodyPr wrap="square" rtlCol="0">
            <a:spAutoFit/>
          </a:bodyPr>
          <a:lstStyle/>
          <a:p>
            <a:pPr algn="ctr">
              <a:buClrTx/>
              <a:buFontTx/>
              <a:buNone/>
            </a:pPr>
            <a:r>
              <a:rPr lang="en-US" sz="1556" b="1" dirty="0">
                <a:solidFill>
                  <a:srgbClr val="44546A"/>
                </a:solidFill>
                <a:latin typeface="Alfa Slab One"/>
              </a:rPr>
              <a:t>INCONSISTENT UDS</a:t>
            </a:r>
          </a:p>
        </p:txBody>
      </p:sp>
      <p:sp>
        <p:nvSpPr>
          <p:cNvPr id="49" name="Pentagon 110">
            <a:extLst>
              <a:ext uri="{FF2B5EF4-FFF2-40B4-BE49-F238E27FC236}">
                <a16:creationId xmlns:a16="http://schemas.microsoft.com/office/drawing/2014/main" id="{22BD8C01-D8DA-881E-3A2A-49F80A59C0C1}"/>
              </a:ext>
            </a:extLst>
          </p:cNvPr>
          <p:cNvSpPr/>
          <p:nvPr/>
        </p:nvSpPr>
        <p:spPr>
          <a:xfrm>
            <a:off x="383000" y="5793433"/>
            <a:ext cx="5045653" cy="1866782"/>
          </a:xfrm>
          <a:prstGeom prst="homePlate">
            <a:avLst/>
          </a:prstGeom>
          <a:solidFill>
            <a:srgbClr val="F6871E"/>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4000">
              <a:solidFill>
                <a:prstClr val="white"/>
              </a:solidFill>
              <a:latin typeface="Calibri" panose="020F0502020204030204"/>
            </a:endParaRPr>
          </a:p>
        </p:txBody>
      </p:sp>
      <p:sp>
        <p:nvSpPr>
          <p:cNvPr id="50" name="Title 3">
            <a:extLst>
              <a:ext uri="{FF2B5EF4-FFF2-40B4-BE49-F238E27FC236}">
                <a16:creationId xmlns:a16="http://schemas.microsoft.com/office/drawing/2014/main" id="{7C9E9900-103D-EA8C-CCF0-E4BC9256F666}"/>
              </a:ext>
            </a:extLst>
          </p:cNvPr>
          <p:cNvSpPr txBox="1">
            <a:spLocks/>
          </p:cNvSpPr>
          <p:nvPr/>
        </p:nvSpPr>
        <p:spPr>
          <a:xfrm>
            <a:off x="505938" y="6550532"/>
            <a:ext cx="3503044" cy="895304"/>
          </a:xfrm>
          <a:prstGeom prst="rect">
            <a:avLst/>
          </a:prstGeom>
        </p:spPr>
        <p:txBody>
          <a:bodyPr vert="horz" wrap="none" lIns="0" tIns="0" rIns="0" bIns="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380996" indent="-380996">
              <a:lnSpc>
                <a:spcPct val="100000"/>
              </a:lnSpc>
              <a:spcAft>
                <a:spcPts val="444"/>
              </a:spcAft>
              <a:buClr>
                <a:schemeClr val="accent6"/>
              </a:buClr>
              <a:buSzPct val="150000"/>
              <a:buFont typeface="Arial" panose="020B0604020202020204" pitchFamily="34" charset="0"/>
              <a:buChar char="•"/>
            </a:pPr>
            <a:r>
              <a:rPr lang="en-US" sz="1778" dirty="0">
                <a:solidFill>
                  <a:prstClr val="white"/>
                </a:solidFill>
                <a:latin typeface="Alfa Slab One"/>
                <a:cs typeface="Calibri" panose="020F0502020204030204" pitchFamily="34" charset="0"/>
              </a:rPr>
              <a:t>Pharmacist-IW engagement</a:t>
            </a:r>
          </a:p>
          <a:p>
            <a:pPr marL="380996" indent="-380996">
              <a:lnSpc>
                <a:spcPct val="100000"/>
              </a:lnSpc>
              <a:spcAft>
                <a:spcPts val="444"/>
              </a:spcAft>
              <a:buClr>
                <a:schemeClr val="accent6"/>
              </a:buClr>
              <a:buSzPct val="150000"/>
              <a:buFont typeface="Arial" panose="020B0604020202020204" pitchFamily="34" charset="0"/>
              <a:buChar char="•"/>
            </a:pPr>
            <a:r>
              <a:rPr lang="en-US" sz="1778" dirty="0">
                <a:solidFill>
                  <a:prstClr val="white"/>
                </a:solidFill>
                <a:latin typeface="Alfa Slab One"/>
                <a:cs typeface="Calibri" panose="020F0502020204030204" pitchFamily="34" charset="0"/>
              </a:rPr>
              <a:t>Automated Workflow/Review Escalation</a:t>
            </a:r>
          </a:p>
          <a:p>
            <a:pPr marL="380996" indent="-380996">
              <a:lnSpc>
                <a:spcPct val="100000"/>
              </a:lnSpc>
              <a:spcAft>
                <a:spcPts val="444"/>
              </a:spcAft>
              <a:buClr>
                <a:schemeClr val="accent6"/>
              </a:buClr>
              <a:buSzPct val="150000"/>
              <a:buFont typeface="Arial" panose="020B0604020202020204" pitchFamily="34" charset="0"/>
              <a:buChar char="•"/>
            </a:pPr>
            <a:r>
              <a:rPr lang="en-US" sz="1778" dirty="0">
                <a:solidFill>
                  <a:prstClr val="white"/>
                </a:solidFill>
                <a:latin typeface="Alfa Slab One"/>
                <a:cs typeface="Calibri" panose="020F0502020204030204" pitchFamily="34" charset="0"/>
              </a:rPr>
              <a:t>Clinical Strategies</a:t>
            </a:r>
          </a:p>
        </p:txBody>
      </p:sp>
      <p:sp>
        <p:nvSpPr>
          <p:cNvPr id="51" name="Title 3">
            <a:extLst>
              <a:ext uri="{FF2B5EF4-FFF2-40B4-BE49-F238E27FC236}">
                <a16:creationId xmlns:a16="http://schemas.microsoft.com/office/drawing/2014/main" id="{6A9662E6-61A5-F220-D179-94FAFFD6E21A}"/>
              </a:ext>
            </a:extLst>
          </p:cNvPr>
          <p:cNvSpPr txBox="1">
            <a:spLocks/>
          </p:cNvSpPr>
          <p:nvPr/>
        </p:nvSpPr>
        <p:spPr>
          <a:xfrm>
            <a:off x="646562" y="5943032"/>
            <a:ext cx="2068209" cy="475082"/>
          </a:xfrm>
          <a:prstGeom prst="rect">
            <a:avLst/>
          </a:prstGeom>
        </p:spPr>
        <p:txBody>
          <a:bodyPr vert="horz" lIns="0" tIns="0" rIns="0" bIns="0" rtlCol="0" anchor="ctr">
            <a:normAutofit fontScale="925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spcAft>
                <a:spcPts val="1778"/>
              </a:spcAft>
            </a:pPr>
            <a:r>
              <a:rPr lang="en-US" sz="3556" b="1" dirty="0">
                <a:solidFill>
                  <a:prstClr val="white"/>
                </a:solidFill>
                <a:latin typeface="Alfa Slab One"/>
                <a:cs typeface="Calibri" panose="020F0502020204030204" pitchFamily="34" charset="0"/>
              </a:rPr>
              <a:t>MODERATE</a:t>
            </a:r>
          </a:p>
        </p:txBody>
      </p:sp>
      <p:sp>
        <p:nvSpPr>
          <p:cNvPr id="52" name="Title 3">
            <a:extLst>
              <a:ext uri="{FF2B5EF4-FFF2-40B4-BE49-F238E27FC236}">
                <a16:creationId xmlns:a16="http://schemas.microsoft.com/office/drawing/2014/main" id="{54606E4F-A018-F124-FB66-BCED09B315D3}"/>
              </a:ext>
            </a:extLst>
          </p:cNvPr>
          <p:cNvSpPr txBox="1">
            <a:spLocks/>
          </p:cNvSpPr>
          <p:nvPr/>
        </p:nvSpPr>
        <p:spPr>
          <a:xfrm>
            <a:off x="505938" y="8516500"/>
            <a:ext cx="3973200" cy="1183564"/>
          </a:xfrm>
          <a:prstGeom prst="rect">
            <a:avLst/>
          </a:prstGeom>
        </p:spPr>
        <p:txBody>
          <a:bodyPr vert="horz" lIns="0" tIns="0" rIns="0" bIns="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380996" indent="-380996">
              <a:lnSpc>
                <a:spcPct val="100000"/>
              </a:lnSpc>
              <a:spcAft>
                <a:spcPts val="444"/>
              </a:spcAft>
              <a:buClr>
                <a:schemeClr val="accent6"/>
              </a:buClr>
              <a:buSzPct val="150000"/>
              <a:buFont typeface="Arial" panose="020B0604020202020204" pitchFamily="34" charset="0"/>
              <a:buChar char="•"/>
            </a:pPr>
            <a:r>
              <a:rPr lang="en-US" sz="1778" dirty="0">
                <a:solidFill>
                  <a:prstClr val="white"/>
                </a:solidFill>
                <a:latin typeface="Alfa Slab One"/>
                <a:cs typeface="Calibri" panose="020F0502020204030204" pitchFamily="34" charset="0"/>
              </a:rPr>
              <a:t>Right-time decision support (MME)</a:t>
            </a:r>
          </a:p>
          <a:p>
            <a:pPr marL="380996" indent="-380996">
              <a:lnSpc>
                <a:spcPct val="100000"/>
              </a:lnSpc>
              <a:spcAft>
                <a:spcPts val="444"/>
              </a:spcAft>
              <a:buClr>
                <a:schemeClr val="accent6"/>
              </a:buClr>
              <a:buSzPct val="150000"/>
              <a:buFont typeface="Arial" panose="020B0604020202020204" pitchFamily="34" charset="0"/>
              <a:buChar char="•"/>
            </a:pPr>
            <a:r>
              <a:rPr lang="en-US" sz="1778" dirty="0">
                <a:solidFill>
                  <a:prstClr val="white"/>
                </a:solidFill>
                <a:latin typeface="Alfa Slab One"/>
                <a:cs typeface="Calibri" panose="020F0502020204030204" pitchFamily="34" charset="0"/>
              </a:rPr>
              <a:t>Automated reminders</a:t>
            </a:r>
          </a:p>
          <a:p>
            <a:pPr marL="380996" indent="-380996">
              <a:lnSpc>
                <a:spcPct val="100000"/>
              </a:lnSpc>
              <a:spcAft>
                <a:spcPts val="444"/>
              </a:spcAft>
              <a:buClr>
                <a:schemeClr val="accent6"/>
              </a:buClr>
              <a:buSzPct val="150000"/>
              <a:buFont typeface="Arial" panose="020B0604020202020204" pitchFamily="34" charset="0"/>
              <a:buChar char="•"/>
            </a:pPr>
            <a:r>
              <a:rPr lang="en-US" sz="1778" dirty="0">
                <a:solidFill>
                  <a:prstClr val="white"/>
                </a:solidFill>
                <a:latin typeface="Alfa Slab One"/>
                <a:cs typeface="Calibri" panose="020F0502020204030204" pitchFamily="34" charset="0"/>
              </a:rPr>
              <a:t>Prescriber outreach (TALs, LOMN)</a:t>
            </a:r>
          </a:p>
        </p:txBody>
      </p:sp>
      <p:pic>
        <p:nvPicPr>
          <p:cNvPr id="55" name="Graphic 54">
            <a:extLst>
              <a:ext uri="{FF2B5EF4-FFF2-40B4-BE49-F238E27FC236}">
                <a16:creationId xmlns:a16="http://schemas.microsoft.com/office/drawing/2014/main" id="{B777076D-DD8F-8D2D-D804-8EE89D43582A}"/>
              </a:ext>
            </a:extLst>
          </p:cNvPr>
          <p:cNvPicPr>
            <a:picLocks noChangeAspect="1"/>
          </p:cNvPicPr>
          <p:nvPr/>
        </p:nvPicPr>
        <p:blipFill>
          <a:blip r:embed="rId2">
            <a:extLst>
              <a:ext uri="{96DAC541-7B7A-43D3-8B79-37D633B846F1}">
                <asvg:svgBlip xmlns:asvg="http://schemas.microsoft.com/office/drawing/2016/SVG/main" xmlns="" r:embed="rId3"/>
              </a:ext>
            </a:extLst>
          </a:blip>
          <a:stretch>
            <a:fillRect/>
          </a:stretch>
        </p:blipFill>
        <p:spPr>
          <a:xfrm>
            <a:off x="7832689" y="4303125"/>
            <a:ext cx="595013" cy="676151"/>
          </a:xfrm>
          <a:prstGeom prst="rect">
            <a:avLst/>
          </a:prstGeom>
        </p:spPr>
      </p:pic>
      <p:pic>
        <p:nvPicPr>
          <p:cNvPr id="56" name="Graphic 55">
            <a:extLst>
              <a:ext uri="{FF2B5EF4-FFF2-40B4-BE49-F238E27FC236}">
                <a16:creationId xmlns:a16="http://schemas.microsoft.com/office/drawing/2014/main" id="{8F000B38-8FE9-5DDE-299B-3F7B3881F887}"/>
              </a:ext>
            </a:extLst>
          </p:cNvPr>
          <p:cNvPicPr>
            <a:picLocks noChangeAspect="1"/>
          </p:cNvPicPr>
          <p:nvPr/>
        </p:nvPicPr>
        <p:blipFill>
          <a:blip r:embed="rId2">
            <a:extLst>
              <a:ext uri="{96DAC541-7B7A-43D3-8B79-37D633B846F1}">
                <asvg:svgBlip xmlns:asvg="http://schemas.microsoft.com/office/drawing/2016/SVG/main" xmlns="" r:embed="rId3"/>
              </a:ext>
            </a:extLst>
          </a:blip>
          <a:stretch>
            <a:fillRect/>
          </a:stretch>
        </p:blipFill>
        <p:spPr>
          <a:xfrm>
            <a:off x="9638222" y="6832162"/>
            <a:ext cx="595013" cy="676151"/>
          </a:xfrm>
          <a:prstGeom prst="rect">
            <a:avLst/>
          </a:prstGeom>
        </p:spPr>
      </p:pic>
      <p:pic>
        <p:nvPicPr>
          <p:cNvPr id="60" name="Graphic 59">
            <a:extLst>
              <a:ext uri="{FF2B5EF4-FFF2-40B4-BE49-F238E27FC236}">
                <a16:creationId xmlns:a16="http://schemas.microsoft.com/office/drawing/2014/main" id="{CBD755C0-D940-F712-EA57-4C53158145F9}"/>
              </a:ext>
            </a:extLst>
          </p:cNvPr>
          <p:cNvPicPr>
            <a:picLocks noChangeAspect="1"/>
          </p:cNvPicPr>
          <p:nvPr/>
        </p:nvPicPr>
        <p:blipFill>
          <a:blip r:embed="rId2">
            <a:extLst>
              <a:ext uri="{96DAC541-7B7A-43D3-8B79-37D633B846F1}">
                <asvg:svgBlip xmlns:asvg="http://schemas.microsoft.com/office/drawing/2016/SVG/main" xmlns="" r:embed="rId3"/>
              </a:ext>
            </a:extLst>
          </a:blip>
          <a:stretch>
            <a:fillRect/>
          </a:stretch>
        </p:blipFill>
        <p:spPr>
          <a:xfrm>
            <a:off x="11300425" y="6832162"/>
            <a:ext cx="595013" cy="676151"/>
          </a:xfrm>
          <a:prstGeom prst="rect">
            <a:avLst/>
          </a:prstGeom>
        </p:spPr>
      </p:pic>
      <p:pic>
        <p:nvPicPr>
          <p:cNvPr id="63" name="Graphic 62">
            <a:extLst>
              <a:ext uri="{FF2B5EF4-FFF2-40B4-BE49-F238E27FC236}">
                <a16:creationId xmlns:a16="http://schemas.microsoft.com/office/drawing/2014/main" id="{720EAD23-5101-FB21-60B6-72E1BFD7B9E4}"/>
              </a:ext>
            </a:extLst>
          </p:cNvPr>
          <p:cNvPicPr>
            <a:picLocks noChangeAspect="1"/>
          </p:cNvPicPr>
          <p:nvPr/>
        </p:nvPicPr>
        <p:blipFill>
          <a:blip r:embed="rId2">
            <a:extLst>
              <a:ext uri="{96DAC541-7B7A-43D3-8B79-37D633B846F1}">
                <asvg:svgBlip xmlns:asvg="http://schemas.microsoft.com/office/drawing/2016/SVG/main" xmlns="" r:embed="rId3"/>
              </a:ext>
            </a:extLst>
          </a:blip>
          <a:stretch>
            <a:fillRect/>
          </a:stretch>
        </p:blipFill>
        <p:spPr>
          <a:xfrm>
            <a:off x="13232385" y="6022111"/>
            <a:ext cx="595013" cy="676151"/>
          </a:xfrm>
          <a:prstGeom prst="rect">
            <a:avLst/>
          </a:prstGeom>
        </p:spPr>
      </p:pic>
      <p:pic>
        <p:nvPicPr>
          <p:cNvPr id="65" name="Graphic 64">
            <a:extLst>
              <a:ext uri="{FF2B5EF4-FFF2-40B4-BE49-F238E27FC236}">
                <a16:creationId xmlns:a16="http://schemas.microsoft.com/office/drawing/2014/main" id="{9AF27FB8-0175-3BCC-F389-44E578DFEDE7}"/>
              </a:ext>
            </a:extLst>
          </p:cNvPr>
          <p:cNvPicPr>
            <a:picLocks noChangeAspect="1"/>
          </p:cNvPicPr>
          <p:nvPr/>
        </p:nvPicPr>
        <p:blipFill>
          <a:blip r:embed="rId2">
            <a:extLst>
              <a:ext uri="{96DAC541-7B7A-43D3-8B79-37D633B846F1}">
                <asvg:svgBlip xmlns:asvg="http://schemas.microsoft.com/office/drawing/2016/SVG/main" xmlns="" r:embed="rId3"/>
              </a:ext>
            </a:extLst>
          </a:blip>
          <a:stretch>
            <a:fillRect/>
          </a:stretch>
        </p:blipFill>
        <p:spPr>
          <a:xfrm>
            <a:off x="14845593" y="7635311"/>
            <a:ext cx="595013" cy="676151"/>
          </a:xfrm>
          <a:prstGeom prst="rect">
            <a:avLst/>
          </a:prstGeom>
        </p:spPr>
      </p:pic>
      <p:pic>
        <p:nvPicPr>
          <p:cNvPr id="67" name="Graphic 66">
            <a:extLst>
              <a:ext uri="{FF2B5EF4-FFF2-40B4-BE49-F238E27FC236}">
                <a16:creationId xmlns:a16="http://schemas.microsoft.com/office/drawing/2014/main" id="{F026C592-3275-3CC3-F18B-398FA74EC4AA}"/>
              </a:ext>
            </a:extLst>
          </p:cNvPr>
          <p:cNvPicPr>
            <a:picLocks noChangeAspect="1"/>
          </p:cNvPicPr>
          <p:nvPr/>
        </p:nvPicPr>
        <p:blipFill>
          <a:blip r:embed="rId2">
            <a:extLst>
              <a:ext uri="{96DAC541-7B7A-43D3-8B79-37D633B846F1}">
                <asvg:svgBlip xmlns:asvg="http://schemas.microsoft.com/office/drawing/2016/SVG/main" xmlns="" r:embed="rId3"/>
              </a:ext>
            </a:extLst>
          </a:blip>
          <a:stretch>
            <a:fillRect/>
          </a:stretch>
        </p:blipFill>
        <p:spPr>
          <a:xfrm>
            <a:off x="16629947" y="5350951"/>
            <a:ext cx="595013" cy="676151"/>
          </a:xfrm>
          <a:prstGeom prst="rect">
            <a:avLst/>
          </a:prstGeom>
        </p:spPr>
      </p:pic>
      <p:pic>
        <p:nvPicPr>
          <p:cNvPr id="69" name="Graphic 68">
            <a:extLst>
              <a:ext uri="{FF2B5EF4-FFF2-40B4-BE49-F238E27FC236}">
                <a16:creationId xmlns:a16="http://schemas.microsoft.com/office/drawing/2014/main" id="{742A7CDE-6001-53D3-1EF4-AA272904C9BB}"/>
              </a:ext>
            </a:extLst>
          </p:cNvPr>
          <p:cNvPicPr>
            <a:picLocks noChangeAspect="1"/>
          </p:cNvPicPr>
          <p:nvPr/>
        </p:nvPicPr>
        <p:blipFill>
          <a:blip r:embed="rId2">
            <a:extLst>
              <a:ext uri="{96DAC541-7B7A-43D3-8B79-37D633B846F1}">
                <asvg:svgBlip xmlns:asvg="http://schemas.microsoft.com/office/drawing/2016/SVG/main" xmlns="" r:embed="rId3"/>
              </a:ext>
            </a:extLst>
          </a:blip>
          <a:stretch>
            <a:fillRect/>
          </a:stretch>
        </p:blipFill>
        <p:spPr>
          <a:xfrm>
            <a:off x="18235740" y="5253893"/>
            <a:ext cx="595013" cy="676151"/>
          </a:xfrm>
          <a:prstGeom prst="rect">
            <a:avLst/>
          </a:prstGeom>
        </p:spPr>
      </p:pic>
      <p:sp>
        <p:nvSpPr>
          <p:cNvPr id="70" name="TextBox 69">
            <a:extLst>
              <a:ext uri="{FF2B5EF4-FFF2-40B4-BE49-F238E27FC236}">
                <a16:creationId xmlns:a16="http://schemas.microsoft.com/office/drawing/2014/main" id="{97776D29-93B1-2E70-4485-09ACA42960B6}"/>
              </a:ext>
            </a:extLst>
          </p:cNvPr>
          <p:cNvSpPr txBox="1"/>
          <p:nvPr/>
        </p:nvSpPr>
        <p:spPr>
          <a:xfrm>
            <a:off x="9733959" y="9928778"/>
            <a:ext cx="3547607" cy="710333"/>
          </a:xfrm>
          <a:prstGeom prst="rect">
            <a:avLst/>
          </a:prstGeom>
          <a:noFill/>
        </p:spPr>
        <p:txBody>
          <a:bodyPr wrap="square" rtlCol="0">
            <a:noAutofit/>
          </a:bodyPr>
          <a:lstStyle/>
          <a:p>
            <a:pPr algn="ctr">
              <a:buClrTx/>
              <a:buFontTx/>
              <a:buNone/>
            </a:pPr>
            <a:r>
              <a:rPr lang="en-US" sz="2444" b="1" dirty="0">
                <a:solidFill>
                  <a:srgbClr val="B55A07"/>
                </a:solidFill>
                <a:latin typeface="Calibri Light" panose="020F0302020204030204"/>
              </a:rPr>
              <a:t>SUB-ACUTE PAIN</a:t>
            </a:r>
          </a:p>
          <a:p>
            <a:pPr algn="ctr">
              <a:lnSpc>
                <a:spcPct val="80000"/>
              </a:lnSpc>
              <a:buClrTx/>
              <a:buFontTx/>
              <a:buNone/>
            </a:pPr>
            <a:r>
              <a:rPr lang="en-US" sz="1778" dirty="0">
                <a:solidFill>
                  <a:prstClr val="black"/>
                </a:solidFill>
                <a:latin typeface="Calibri Light" panose="020F0302020204030204"/>
              </a:rPr>
              <a:t>Pain lasting between 1-3 months</a:t>
            </a:r>
          </a:p>
        </p:txBody>
      </p:sp>
      <p:grpSp>
        <p:nvGrpSpPr>
          <p:cNvPr id="71" name="Group 70">
            <a:extLst>
              <a:ext uri="{FF2B5EF4-FFF2-40B4-BE49-F238E27FC236}">
                <a16:creationId xmlns:a16="http://schemas.microsoft.com/office/drawing/2014/main" id="{A4F7D897-2A66-79B2-43FE-E579D0143186}"/>
              </a:ext>
            </a:extLst>
          </p:cNvPr>
          <p:cNvGrpSpPr/>
          <p:nvPr/>
        </p:nvGrpSpPr>
        <p:grpSpPr>
          <a:xfrm>
            <a:off x="3908456" y="10775642"/>
            <a:ext cx="15091924" cy="502767"/>
            <a:chOff x="1871700" y="5939747"/>
            <a:chExt cx="6876764" cy="301778"/>
          </a:xfrm>
        </p:grpSpPr>
        <p:cxnSp>
          <p:nvCxnSpPr>
            <p:cNvPr id="72" name="Straight Arrow Connector 71">
              <a:extLst>
                <a:ext uri="{FF2B5EF4-FFF2-40B4-BE49-F238E27FC236}">
                  <a16:creationId xmlns:a16="http://schemas.microsoft.com/office/drawing/2014/main" id="{05DF8C08-B5BB-A24D-1F1E-74CAC738DA2C}"/>
                </a:ext>
              </a:extLst>
            </p:cNvPr>
            <p:cNvCxnSpPr/>
            <p:nvPr/>
          </p:nvCxnSpPr>
          <p:spPr>
            <a:xfrm>
              <a:off x="1871700" y="6073551"/>
              <a:ext cx="6876764" cy="0"/>
            </a:xfrm>
            <a:prstGeom prst="straightConnector1">
              <a:avLst/>
            </a:prstGeom>
            <a:noFill/>
            <a:ln w="19050" cap="flat" cmpd="sng" algn="ctr">
              <a:solidFill>
                <a:sysClr val="window" lastClr="FFFFFF">
                  <a:lumMod val="50000"/>
                </a:sysClr>
              </a:solidFill>
              <a:prstDash val="solid"/>
              <a:miter lim="800000"/>
              <a:headEnd type="triangle" w="med" len="med"/>
              <a:tailEnd type="triangle" w="med" len="med"/>
            </a:ln>
            <a:effectLst/>
          </p:spPr>
        </p:cxnSp>
        <p:sp>
          <p:nvSpPr>
            <p:cNvPr id="73" name="TextBox 72">
              <a:extLst>
                <a:ext uri="{FF2B5EF4-FFF2-40B4-BE49-F238E27FC236}">
                  <a16:creationId xmlns:a16="http://schemas.microsoft.com/office/drawing/2014/main" id="{8DFCF891-11E3-C514-1B23-6EAC2E1B1D9D}"/>
                </a:ext>
              </a:extLst>
            </p:cNvPr>
            <p:cNvSpPr txBox="1"/>
            <p:nvPr/>
          </p:nvSpPr>
          <p:spPr>
            <a:xfrm>
              <a:off x="4487625" y="5939747"/>
              <a:ext cx="1764196" cy="301778"/>
            </a:xfrm>
            <a:prstGeom prst="rect">
              <a:avLst/>
            </a:prstGeom>
            <a:solidFill>
              <a:schemeClr val="bg1"/>
            </a:solidFill>
          </p:spPr>
          <p:txBody>
            <a:bodyPr wrap="square" rtlCol="0">
              <a:spAutoFit/>
            </a:bodyPr>
            <a:lstStyle/>
            <a:p>
              <a:pPr algn="ctr" defTabSz="2031980" eaLnBrk="1" fontAlgn="auto" hangingPunct="1">
                <a:spcBef>
                  <a:spcPts val="0"/>
                </a:spcBef>
                <a:spcAft>
                  <a:spcPts val="0"/>
                </a:spcAft>
                <a:defRPr/>
              </a:pPr>
              <a:r>
                <a:rPr lang="en-US" sz="2667" dirty="0">
                  <a:solidFill>
                    <a:prstClr val="black"/>
                  </a:solidFill>
                  <a:latin typeface="Calibri" panose="020F0502020204030204"/>
                </a:rPr>
                <a:t>Formulary, Drug Alerts</a:t>
              </a:r>
            </a:p>
          </p:txBody>
        </p:sp>
      </p:grpSp>
      <p:sp>
        <p:nvSpPr>
          <p:cNvPr id="74" name="Title 3">
            <a:extLst>
              <a:ext uri="{FF2B5EF4-FFF2-40B4-BE49-F238E27FC236}">
                <a16:creationId xmlns:a16="http://schemas.microsoft.com/office/drawing/2014/main" id="{E52AF6D4-1C0E-E6DE-E912-375A3A1F5786}"/>
              </a:ext>
            </a:extLst>
          </p:cNvPr>
          <p:cNvSpPr txBox="1">
            <a:spLocks/>
          </p:cNvSpPr>
          <p:nvPr/>
        </p:nvSpPr>
        <p:spPr>
          <a:xfrm>
            <a:off x="505938" y="4347606"/>
            <a:ext cx="2068209" cy="187069"/>
          </a:xfrm>
          <a:prstGeom prst="rect">
            <a:avLst/>
          </a:prstGeom>
        </p:spPr>
        <p:txBody>
          <a:bodyPr vert="horz" lIns="0" tIns="0" rIns="0" bIns="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marL="380996" indent="-380996">
              <a:lnSpc>
                <a:spcPct val="110000"/>
              </a:lnSpc>
              <a:spcAft>
                <a:spcPts val="444"/>
              </a:spcAft>
              <a:buClr>
                <a:schemeClr val="accent6"/>
              </a:buClr>
              <a:buSzPct val="150000"/>
              <a:buFont typeface="Arial" panose="020B0604020202020204" pitchFamily="34" charset="0"/>
              <a:buChar char="•"/>
            </a:pPr>
            <a:r>
              <a:rPr lang="en-US" sz="1778" dirty="0">
                <a:solidFill>
                  <a:prstClr val="white"/>
                </a:solidFill>
                <a:latin typeface="Alfa Slab One"/>
                <a:cs typeface="Calibri" panose="020F0502020204030204" pitchFamily="34" charset="0"/>
              </a:rPr>
              <a:t>AI-enhanced IPE+</a:t>
            </a:r>
          </a:p>
        </p:txBody>
      </p:sp>
      <p:sp>
        <p:nvSpPr>
          <p:cNvPr id="75" name="Title 3">
            <a:extLst>
              <a:ext uri="{FF2B5EF4-FFF2-40B4-BE49-F238E27FC236}">
                <a16:creationId xmlns:a16="http://schemas.microsoft.com/office/drawing/2014/main" id="{5B9464CB-CF77-48BB-2313-E35A1D2C0814}"/>
              </a:ext>
            </a:extLst>
          </p:cNvPr>
          <p:cNvSpPr txBox="1">
            <a:spLocks/>
          </p:cNvSpPr>
          <p:nvPr/>
        </p:nvSpPr>
        <p:spPr>
          <a:xfrm>
            <a:off x="646562" y="3756155"/>
            <a:ext cx="2068209" cy="475082"/>
          </a:xfrm>
          <a:prstGeom prst="rect">
            <a:avLst/>
          </a:prstGeom>
        </p:spPr>
        <p:txBody>
          <a:bodyPr vert="horz" lIns="0" tIns="0" rIns="0" bIns="0" rtlCol="0" anchor="ctr">
            <a:normAutofit fontScale="92500" lnSpcReduction="10000"/>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00000"/>
              </a:lnSpc>
              <a:spcAft>
                <a:spcPts val="444"/>
              </a:spcAft>
            </a:pPr>
            <a:r>
              <a:rPr lang="en-US" sz="3556" b="1" dirty="0">
                <a:solidFill>
                  <a:prstClr val="white"/>
                </a:solidFill>
                <a:latin typeface="Alfa Slab One"/>
                <a:cs typeface="Calibri" panose="020F0502020204030204" pitchFamily="34" charset="0"/>
              </a:rPr>
              <a:t>HIGH</a:t>
            </a:r>
          </a:p>
        </p:txBody>
      </p:sp>
      <p:sp>
        <p:nvSpPr>
          <p:cNvPr id="76" name="Rectangle 75">
            <a:extLst>
              <a:ext uri="{FF2B5EF4-FFF2-40B4-BE49-F238E27FC236}">
                <a16:creationId xmlns:a16="http://schemas.microsoft.com/office/drawing/2014/main" id="{2D325FE5-4D9C-1B0B-5415-5C186CEF22E1}"/>
              </a:ext>
            </a:extLst>
          </p:cNvPr>
          <p:cNvSpPr/>
          <p:nvPr/>
        </p:nvSpPr>
        <p:spPr>
          <a:xfrm flipV="1">
            <a:off x="9700572" y="10611101"/>
            <a:ext cx="3798480" cy="101598"/>
          </a:xfrm>
          <a:prstGeom prst="rect">
            <a:avLst/>
          </a:prstGeom>
          <a:solidFill>
            <a:srgbClr val="F6871E"/>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4000">
              <a:solidFill>
                <a:prstClr val="white"/>
              </a:solidFill>
              <a:latin typeface="Calibri" panose="020F0502020204030204"/>
            </a:endParaRPr>
          </a:p>
        </p:txBody>
      </p:sp>
      <p:sp>
        <p:nvSpPr>
          <p:cNvPr id="77" name="Rectangle 76">
            <a:extLst>
              <a:ext uri="{FF2B5EF4-FFF2-40B4-BE49-F238E27FC236}">
                <a16:creationId xmlns:a16="http://schemas.microsoft.com/office/drawing/2014/main" id="{F9078BD8-EA66-CC4D-9D6B-E714A17A93D2}"/>
              </a:ext>
            </a:extLst>
          </p:cNvPr>
          <p:cNvSpPr/>
          <p:nvPr/>
        </p:nvSpPr>
        <p:spPr>
          <a:xfrm flipV="1">
            <a:off x="14207823" y="10757770"/>
            <a:ext cx="3798480" cy="101598"/>
          </a:xfrm>
          <a:prstGeom prst="rect">
            <a:avLst/>
          </a:prstGeom>
          <a:solidFill>
            <a:srgbClr val="EE273A"/>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4000">
              <a:solidFill>
                <a:prstClr val="white"/>
              </a:solidFill>
              <a:latin typeface="Calibri" panose="020F0502020204030204"/>
            </a:endParaRPr>
          </a:p>
        </p:txBody>
      </p:sp>
      <p:sp>
        <p:nvSpPr>
          <p:cNvPr id="78" name="Isosceles Triangle 56">
            <a:extLst>
              <a:ext uri="{FF2B5EF4-FFF2-40B4-BE49-F238E27FC236}">
                <a16:creationId xmlns:a16="http://schemas.microsoft.com/office/drawing/2014/main" id="{83AFF8BE-2B25-FEE7-96EF-DA3AB4DDB49B}"/>
              </a:ext>
            </a:extLst>
          </p:cNvPr>
          <p:cNvSpPr/>
          <p:nvPr/>
        </p:nvSpPr>
        <p:spPr>
          <a:xfrm>
            <a:off x="9676540" y="10479033"/>
            <a:ext cx="220033" cy="141469"/>
          </a:xfrm>
          <a:prstGeom prst="triangle">
            <a:avLst/>
          </a:prstGeom>
          <a:solidFill>
            <a:srgbClr val="F6871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000"/>
          </a:p>
        </p:txBody>
      </p:sp>
      <p:sp>
        <p:nvSpPr>
          <p:cNvPr id="79" name="Isosceles Triangle 56">
            <a:extLst>
              <a:ext uri="{FF2B5EF4-FFF2-40B4-BE49-F238E27FC236}">
                <a16:creationId xmlns:a16="http://schemas.microsoft.com/office/drawing/2014/main" id="{38950686-C09E-71C9-3003-D2CF3887032B}"/>
              </a:ext>
            </a:extLst>
          </p:cNvPr>
          <p:cNvSpPr/>
          <p:nvPr/>
        </p:nvSpPr>
        <p:spPr>
          <a:xfrm>
            <a:off x="13311740" y="10484357"/>
            <a:ext cx="220033" cy="141469"/>
          </a:xfrm>
          <a:prstGeom prst="triangle">
            <a:avLst/>
          </a:prstGeom>
          <a:solidFill>
            <a:srgbClr val="F6871E"/>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000"/>
          </a:p>
        </p:txBody>
      </p:sp>
      <p:sp>
        <p:nvSpPr>
          <p:cNvPr id="80" name="Isosceles Triangle 56">
            <a:extLst>
              <a:ext uri="{FF2B5EF4-FFF2-40B4-BE49-F238E27FC236}">
                <a16:creationId xmlns:a16="http://schemas.microsoft.com/office/drawing/2014/main" id="{1385A1C4-3510-9579-6912-C7E36DA58313}"/>
              </a:ext>
            </a:extLst>
          </p:cNvPr>
          <p:cNvSpPr/>
          <p:nvPr/>
        </p:nvSpPr>
        <p:spPr>
          <a:xfrm>
            <a:off x="5960432" y="10611162"/>
            <a:ext cx="250431" cy="155153"/>
          </a:xfrm>
          <a:prstGeom prst="triangle">
            <a:avLst/>
          </a:prstGeom>
          <a:solidFill>
            <a:srgbClr val="01775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000"/>
          </a:p>
        </p:txBody>
      </p:sp>
      <p:sp>
        <p:nvSpPr>
          <p:cNvPr id="81" name="Rectangle 80">
            <a:extLst>
              <a:ext uri="{FF2B5EF4-FFF2-40B4-BE49-F238E27FC236}">
                <a16:creationId xmlns:a16="http://schemas.microsoft.com/office/drawing/2014/main" id="{B5ED3B7F-9804-D498-99D6-63038C22D9F7}"/>
              </a:ext>
            </a:extLst>
          </p:cNvPr>
          <p:cNvSpPr/>
          <p:nvPr/>
        </p:nvSpPr>
        <p:spPr>
          <a:xfrm flipV="1">
            <a:off x="5963256" y="10768946"/>
            <a:ext cx="3006298" cy="101598"/>
          </a:xfrm>
          <a:prstGeom prst="rect">
            <a:avLst/>
          </a:prstGeom>
          <a:solidFill>
            <a:srgbClr val="01775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000"/>
          </a:p>
        </p:txBody>
      </p:sp>
      <p:sp>
        <p:nvSpPr>
          <p:cNvPr id="82" name="Isosceles Triangle 56">
            <a:extLst>
              <a:ext uri="{FF2B5EF4-FFF2-40B4-BE49-F238E27FC236}">
                <a16:creationId xmlns:a16="http://schemas.microsoft.com/office/drawing/2014/main" id="{E14D031C-C103-F73E-EC0C-512DC65B8F34}"/>
              </a:ext>
            </a:extLst>
          </p:cNvPr>
          <p:cNvSpPr/>
          <p:nvPr/>
        </p:nvSpPr>
        <p:spPr>
          <a:xfrm>
            <a:off x="8716896" y="10611162"/>
            <a:ext cx="250431" cy="155153"/>
          </a:xfrm>
          <a:prstGeom prst="triangle">
            <a:avLst/>
          </a:prstGeom>
          <a:solidFill>
            <a:srgbClr val="01775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000"/>
          </a:p>
        </p:txBody>
      </p:sp>
      <p:sp>
        <p:nvSpPr>
          <p:cNvPr id="83" name="Isosceles Triangle 56">
            <a:extLst>
              <a:ext uri="{FF2B5EF4-FFF2-40B4-BE49-F238E27FC236}">
                <a16:creationId xmlns:a16="http://schemas.microsoft.com/office/drawing/2014/main" id="{D12C5FFF-AA9C-E4F1-94E5-5021C1EE38E3}"/>
              </a:ext>
            </a:extLst>
          </p:cNvPr>
          <p:cNvSpPr/>
          <p:nvPr/>
        </p:nvSpPr>
        <p:spPr>
          <a:xfrm>
            <a:off x="14193536" y="10611831"/>
            <a:ext cx="250431" cy="155153"/>
          </a:xfrm>
          <a:prstGeom prst="triangle">
            <a:avLst/>
          </a:prstGeom>
          <a:solidFill>
            <a:srgbClr val="EE273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000"/>
          </a:p>
        </p:txBody>
      </p:sp>
      <p:sp>
        <p:nvSpPr>
          <p:cNvPr id="84" name="Isosceles Triangle 56">
            <a:extLst>
              <a:ext uri="{FF2B5EF4-FFF2-40B4-BE49-F238E27FC236}">
                <a16:creationId xmlns:a16="http://schemas.microsoft.com/office/drawing/2014/main" id="{CE142838-6378-9424-2BE2-3F1760AD0CE0}"/>
              </a:ext>
            </a:extLst>
          </p:cNvPr>
          <p:cNvSpPr/>
          <p:nvPr/>
        </p:nvSpPr>
        <p:spPr>
          <a:xfrm>
            <a:off x="17762518" y="10641279"/>
            <a:ext cx="250431" cy="155153"/>
          </a:xfrm>
          <a:prstGeom prst="triangle">
            <a:avLst/>
          </a:prstGeom>
          <a:solidFill>
            <a:srgbClr val="EE273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6000"/>
          </a:p>
        </p:txBody>
      </p:sp>
    </p:spTree>
    <p:extLst>
      <p:ext uri="{BB962C8B-B14F-4D97-AF65-F5344CB8AC3E}">
        <p14:creationId xmlns:p14="http://schemas.microsoft.com/office/powerpoint/2010/main" val="3791087689"/>
      </p:ext>
    </p:extLst>
  </p:cSld>
  <p:clrMapOvr>
    <a:masterClrMapping/>
  </p:clrMapOvr>
  <p:transition spd="slow">
    <p:push dir="u"/>
  </p:transition>
</p:sld>
</file>

<file path=ppt/slides/slide9.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4" name="Title 6">
            <a:extLst>
              <a:ext uri="{FF2B5EF4-FFF2-40B4-BE49-F238E27FC236}">
                <a16:creationId xmlns:a16="http://schemas.microsoft.com/office/drawing/2014/main" id="{5F438910-ED32-866B-162B-BF2B0A794C3F}"/>
              </a:ext>
            </a:extLst>
          </p:cNvPr>
          <p:cNvSpPr txBox="1">
            <a:spLocks/>
          </p:cNvSpPr>
          <p:nvPr/>
        </p:nvSpPr>
        <p:spPr>
          <a:xfrm>
            <a:off x="1176914" y="868635"/>
            <a:ext cx="12292017" cy="383060"/>
          </a:xfrm>
          <a:prstGeom prst="rect">
            <a:avLst/>
          </a:prstGeom>
        </p:spPr>
        <p:txBody>
          <a:bodyPr anchor="ctr" anchorCtr="0"/>
          <a:lstStyle>
            <a:lvl1pPr algn="ctr" defTabSz="914400" rtl="0" eaLnBrk="1" latinLnBrk="0" hangingPunct="1">
              <a:lnSpc>
                <a:spcPct val="90000"/>
              </a:lnSpc>
              <a:spcBef>
                <a:spcPct val="0"/>
              </a:spcBef>
              <a:buNone/>
              <a:defRPr sz="7200" b="1" kern="1200">
                <a:solidFill>
                  <a:schemeClr val="tx1"/>
                </a:solidFill>
                <a:latin typeface="+mn-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endParaRPr kumimoji="0" lang="en-GB" sz="3200" b="0" i="0" u="none" strike="noStrike" kern="1200" cap="none" spc="0" normalizeH="0" baseline="0" noProof="0" dirty="0">
              <a:ln>
                <a:noFill/>
              </a:ln>
              <a:solidFill>
                <a:srgbClr val="114B5F"/>
              </a:solidFill>
              <a:effectLst/>
              <a:uLnTx/>
              <a:uFillTx/>
              <a:latin typeface="Arial" panose="020B0604020202020204" pitchFamily="34" charset="0"/>
              <a:ea typeface="+mj-ea"/>
              <a:cs typeface="Arial" panose="020B0604020202020204" pitchFamily="34" charset="0"/>
            </a:endParaRPr>
          </a:p>
        </p:txBody>
      </p:sp>
      <p:sp>
        <p:nvSpPr>
          <p:cNvPr id="48" name="Oval 47">
            <a:extLst>
              <a:ext uri="{FF2B5EF4-FFF2-40B4-BE49-F238E27FC236}">
                <a16:creationId xmlns:a16="http://schemas.microsoft.com/office/drawing/2014/main" id="{53DAF33A-8C80-DDA0-87F5-78201463975C}"/>
              </a:ext>
            </a:extLst>
          </p:cNvPr>
          <p:cNvSpPr/>
          <p:nvPr/>
        </p:nvSpPr>
        <p:spPr>
          <a:xfrm>
            <a:off x="674121" y="840259"/>
            <a:ext cx="383060" cy="383060"/>
          </a:xfrm>
          <a:prstGeom prst="ellipse">
            <a:avLst/>
          </a:prstGeom>
          <a:solidFill>
            <a:schemeClr val="accent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370013" rtl="0" eaLnBrk="0" fontAlgn="base" latinLnBrk="0" hangingPunct="0">
              <a:lnSpc>
                <a:spcPct val="100000"/>
              </a:lnSpc>
              <a:spcBef>
                <a:spcPct val="0"/>
              </a:spcBef>
              <a:spcAft>
                <a:spcPct val="0"/>
              </a:spcAft>
              <a:buClrTx/>
              <a:buSzTx/>
              <a:buFontTx/>
              <a:buNone/>
              <a:tabLst/>
              <a:defRPr/>
            </a:pPr>
            <a:endParaRPr kumimoji="0" lang="en-GB" sz="2700" b="0" i="0" u="none" strike="noStrike" kern="1200" cap="none" spc="0" normalizeH="0" baseline="0" noProof="0">
              <a:ln>
                <a:noFill/>
              </a:ln>
              <a:solidFill>
                <a:srgbClr val="FFFFFF"/>
              </a:solidFill>
              <a:effectLst/>
              <a:uLnTx/>
              <a:uFillTx/>
              <a:latin typeface="Calibri" panose="020F0502020204030204"/>
              <a:ea typeface="+mn-ea"/>
              <a:cs typeface="+mn-cs"/>
            </a:endParaRPr>
          </a:p>
        </p:txBody>
      </p:sp>
      <p:sp>
        <p:nvSpPr>
          <p:cNvPr id="3" name="Rectangle 2"/>
          <p:cNvSpPr/>
          <p:nvPr/>
        </p:nvSpPr>
        <p:spPr>
          <a:xfrm>
            <a:off x="0" y="10765044"/>
            <a:ext cx="18523617" cy="664956"/>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1370013" rtl="0" eaLnBrk="0" fontAlgn="base" latinLnBrk="0" hangingPunct="0">
              <a:lnSpc>
                <a:spcPct val="100000"/>
              </a:lnSpc>
              <a:spcBef>
                <a:spcPct val="0"/>
              </a:spcBef>
              <a:spcAft>
                <a:spcPct val="0"/>
              </a:spcAft>
              <a:buClrTx/>
              <a:buSzTx/>
              <a:buFontTx/>
              <a:buNone/>
              <a:tabLst/>
              <a:defRPr/>
            </a:pPr>
            <a:endParaRPr kumimoji="0" lang="en-GB" sz="2700" b="0" i="0" u="none" strike="noStrike" kern="1200" cap="none" spc="0" normalizeH="0" baseline="0" noProof="0">
              <a:ln>
                <a:noFill/>
              </a:ln>
              <a:solidFill>
                <a:srgbClr val="FFFFFF"/>
              </a:solidFill>
              <a:effectLst/>
              <a:uLnTx/>
              <a:uFillTx/>
              <a:latin typeface="Calibri" panose="020F0502020204030204"/>
              <a:ea typeface="+mn-ea"/>
              <a:cs typeface="+mn-cs"/>
            </a:endParaRPr>
          </a:p>
        </p:txBody>
      </p:sp>
      <p:grpSp>
        <p:nvGrpSpPr>
          <p:cNvPr id="5" name="Group 4">
            <a:extLst>
              <a:ext uri="{FF2B5EF4-FFF2-40B4-BE49-F238E27FC236}">
                <a16:creationId xmlns:a16="http://schemas.microsoft.com/office/drawing/2014/main" id="{2C52271E-9210-B797-6B3E-F2F063147F02}"/>
              </a:ext>
            </a:extLst>
          </p:cNvPr>
          <p:cNvGrpSpPr/>
          <p:nvPr/>
        </p:nvGrpSpPr>
        <p:grpSpPr>
          <a:xfrm>
            <a:off x="2540967" y="1872171"/>
            <a:ext cx="6660647" cy="7749944"/>
            <a:chOff x="1203331" y="1858980"/>
            <a:chExt cx="3776996" cy="4209256"/>
          </a:xfrm>
        </p:grpSpPr>
        <p:sp>
          <p:nvSpPr>
            <p:cNvPr id="6" name="Graphic 3">
              <a:extLst>
                <a:ext uri="{FF2B5EF4-FFF2-40B4-BE49-F238E27FC236}">
                  <a16:creationId xmlns:a16="http://schemas.microsoft.com/office/drawing/2014/main" id="{E0F0D059-D996-E85A-55E3-F7D693C176A8}"/>
                </a:ext>
              </a:extLst>
            </p:cNvPr>
            <p:cNvSpPr/>
            <p:nvPr/>
          </p:nvSpPr>
          <p:spPr>
            <a:xfrm>
              <a:off x="1545503" y="2244806"/>
              <a:ext cx="3092652" cy="3437605"/>
            </a:xfrm>
            <a:custGeom>
              <a:avLst/>
              <a:gdLst>
                <a:gd name="connsiteX0" fmla="*/ 2135496 w 2135495"/>
                <a:gd name="connsiteY0" fmla="*/ 1641949 h 2373688"/>
                <a:gd name="connsiteX1" fmla="*/ 2135496 w 2135495"/>
                <a:gd name="connsiteY1" fmla="*/ 731745 h 2373688"/>
                <a:gd name="connsiteX2" fmla="*/ 1996802 w 2135495"/>
                <a:gd name="connsiteY2" fmla="*/ 492164 h 2373688"/>
                <a:gd name="connsiteX3" fmla="*/ 1206437 w 2135495"/>
                <a:gd name="connsiteY3" fmla="*/ 37063 h 2373688"/>
                <a:gd name="connsiteX4" fmla="*/ 929057 w 2135495"/>
                <a:gd name="connsiteY4" fmla="*/ 37063 h 2373688"/>
                <a:gd name="connsiteX5" fmla="*/ 138692 w 2135495"/>
                <a:gd name="connsiteY5" fmla="*/ 492164 h 2373688"/>
                <a:gd name="connsiteX6" fmla="*/ 0 w 2135495"/>
                <a:gd name="connsiteY6" fmla="*/ 731745 h 2373688"/>
                <a:gd name="connsiteX7" fmla="*/ 0 w 2135495"/>
                <a:gd name="connsiteY7" fmla="*/ 1641949 h 2373688"/>
                <a:gd name="connsiteX8" fmla="*/ 138692 w 2135495"/>
                <a:gd name="connsiteY8" fmla="*/ 1881529 h 2373688"/>
                <a:gd name="connsiteX9" fmla="*/ 929057 w 2135495"/>
                <a:gd name="connsiteY9" fmla="*/ 2336626 h 2373688"/>
                <a:gd name="connsiteX10" fmla="*/ 1206437 w 2135495"/>
                <a:gd name="connsiteY10" fmla="*/ 2336626 h 2373688"/>
                <a:gd name="connsiteX11" fmla="*/ 1996802 w 2135495"/>
                <a:gd name="connsiteY11" fmla="*/ 1881529 h 2373688"/>
                <a:gd name="connsiteX12" fmla="*/ 2135496 w 2135495"/>
                <a:gd name="connsiteY12" fmla="*/ 1641949 h 2373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135495" h="2373688">
                  <a:moveTo>
                    <a:pt x="2135496" y="1641949"/>
                  </a:moveTo>
                  <a:lnTo>
                    <a:pt x="2135496" y="731745"/>
                  </a:lnTo>
                  <a:cubicBezTo>
                    <a:pt x="2135496" y="632909"/>
                    <a:pt x="2082632" y="541582"/>
                    <a:pt x="1996802" y="492164"/>
                  </a:cubicBezTo>
                  <a:lnTo>
                    <a:pt x="1206437" y="37063"/>
                  </a:lnTo>
                  <a:cubicBezTo>
                    <a:pt x="1120616" y="-12354"/>
                    <a:pt x="1014879" y="-12354"/>
                    <a:pt x="929057" y="37063"/>
                  </a:cubicBezTo>
                  <a:lnTo>
                    <a:pt x="138692" y="492164"/>
                  </a:lnTo>
                  <a:cubicBezTo>
                    <a:pt x="52869" y="541582"/>
                    <a:pt x="0" y="632909"/>
                    <a:pt x="0" y="731745"/>
                  </a:cubicBezTo>
                  <a:lnTo>
                    <a:pt x="0" y="1641949"/>
                  </a:lnTo>
                  <a:cubicBezTo>
                    <a:pt x="0" y="1740783"/>
                    <a:pt x="52869" y="1832112"/>
                    <a:pt x="138692" y="1881529"/>
                  </a:cubicBezTo>
                  <a:lnTo>
                    <a:pt x="929057" y="2336626"/>
                  </a:lnTo>
                  <a:cubicBezTo>
                    <a:pt x="1014879" y="2386043"/>
                    <a:pt x="1120616" y="2386043"/>
                    <a:pt x="1206437" y="2336626"/>
                  </a:cubicBezTo>
                  <a:lnTo>
                    <a:pt x="1996802" y="1881529"/>
                  </a:lnTo>
                  <a:cubicBezTo>
                    <a:pt x="2082632" y="1832112"/>
                    <a:pt x="2135496" y="1740783"/>
                    <a:pt x="2135496" y="1641949"/>
                  </a:cubicBezTo>
                  <a:close/>
                </a:path>
              </a:pathLst>
            </a:custGeom>
            <a:blipFill>
              <a:blip r:embed="rId2"/>
              <a:srcRect/>
              <a:stretch>
                <a:fillRect l="-48552" r="-48552"/>
              </a:stretch>
            </a:blipFill>
            <a:ln w="0" cap="flat">
              <a:solidFill>
                <a:srgbClr val="2C5F71"/>
              </a:solid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sp>
          <p:nvSpPr>
            <p:cNvPr id="7" name="Graphic 7">
              <a:extLst>
                <a:ext uri="{FF2B5EF4-FFF2-40B4-BE49-F238E27FC236}">
                  <a16:creationId xmlns:a16="http://schemas.microsoft.com/office/drawing/2014/main" id="{CFDFF170-B70F-B65D-61D8-12ABB0D65437}"/>
                </a:ext>
              </a:extLst>
            </p:cNvPr>
            <p:cNvSpPr/>
            <p:nvPr/>
          </p:nvSpPr>
          <p:spPr>
            <a:xfrm>
              <a:off x="1203331" y="1858980"/>
              <a:ext cx="3776996" cy="4209256"/>
            </a:xfrm>
            <a:custGeom>
              <a:avLst/>
              <a:gdLst>
                <a:gd name="connsiteX0" fmla="*/ 1650593 w 3301170"/>
                <a:gd name="connsiteY0" fmla="*/ 129578 h 3678974"/>
                <a:gd name="connsiteX1" fmla="*/ 1821052 w 3301170"/>
                <a:gd name="connsiteY1" fmla="*/ 175413 h 3678974"/>
                <a:gd name="connsiteX2" fmla="*/ 3001560 w 3301170"/>
                <a:gd name="connsiteY2" fmla="*/ 859312 h 3678974"/>
                <a:gd name="connsiteX3" fmla="*/ 3172035 w 3301170"/>
                <a:gd name="connsiteY3" fmla="*/ 1155590 h 3678974"/>
                <a:gd name="connsiteX4" fmla="*/ 3172035 w 3301170"/>
                <a:gd name="connsiteY4" fmla="*/ 2523383 h 3678974"/>
                <a:gd name="connsiteX5" fmla="*/ 3001560 w 3301170"/>
                <a:gd name="connsiteY5" fmla="*/ 2819663 h 3678974"/>
                <a:gd name="connsiteX6" fmla="*/ 1821052 w 3301170"/>
                <a:gd name="connsiteY6" fmla="*/ 3503575 h 3678974"/>
                <a:gd name="connsiteX7" fmla="*/ 1650593 w 3301170"/>
                <a:gd name="connsiteY7" fmla="*/ 3549397 h 3678974"/>
                <a:gd name="connsiteX8" fmla="*/ 1480114 w 3301170"/>
                <a:gd name="connsiteY8" fmla="*/ 3503575 h 3678974"/>
                <a:gd name="connsiteX9" fmla="*/ 299607 w 3301170"/>
                <a:gd name="connsiteY9" fmla="*/ 2819663 h 3678974"/>
                <a:gd name="connsiteX10" fmla="*/ 129135 w 3301170"/>
                <a:gd name="connsiteY10" fmla="*/ 2523383 h 3678974"/>
                <a:gd name="connsiteX11" fmla="*/ 129135 w 3301170"/>
                <a:gd name="connsiteY11" fmla="*/ 1155590 h 3678974"/>
                <a:gd name="connsiteX12" fmla="*/ 299607 w 3301170"/>
                <a:gd name="connsiteY12" fmla="*/ 859312 h 3678974"/>
                <a:gd name="connsiteX13" fmla="*/ 1480114 w 3301170"/>
                <a:gd name="connsiteY13" fmla="*/ 175413 h 3678974"/>
                <a:gd name="connsiteX14" fmla="*/ 1650593 w 3301170"/>
                <a:gd name="connsiteY14" fmla="*/ 129577 h 3678974"/>
                <a:gd name="connsiteX15" fmla="*/ 1650593 w 3301170"/>
                <a:gd name="connsiteY15" fmla="*/ 0 h 3678974"/>
                <a:gd name="connsiteX16" fmla="*/ 1415546 w 3301170"/>
                <a:gd name="connsiteY16" fmla="*/ 63195 h 3678974"/>
                <a:gd name="connsiteX17" fmla="*/ 235039 w 3301170"/>
                <a:gd name="connsiteY17" fmla="*/ 747094 h 3678974"/>
                <a:gd name="connsiteX18" fmla="*/ 0 w 3301170"/>
                <a:gd name="connsiteY18" fmla="*/ 1155590 h 3678974"/>
                <a:gd name="connsiteX19" fmla="*/ 0 w 3301170"/>
                <a:gd name="connsiteY19" fmla="*/ 2523383 h 3678974"/>
                <a:gd name="connsiteX20" fmla="*/ 235039 w 3301170"/>
                <a:gd name="connsiteY20" fmla="*/ 2931894 h 3678974"/>
                <a:gd name="connsiteX21" fmla="*/ 1415546 w 3301170"/>
                <a:gd name="connsiteY21" fmla="*/ 3615790 h 3678974"/>
                <a:gd name="connsiteX22" fmla="*/ 1650593 w 3301170"/>
                <a:gd name="connsiteY22" fmla="*/ 3678975 h 3678974"/>
                <a:gd name="connsiteX23" fmla="*/ 1885620 w 3301170"/>
                <a:gd name="connsiteY23" fmla="*/ 3615790 h 3678974"/>
                <a:gd name="connsiteX24" fmla="*/ 3066128 w 3301170"/>
                <a:gd name="connsiteY24" fmla="*/ 2931894 h 3678974"/>
                <a:gd name="connsiteX25" fmla="*/ 3301170 w 3301170"/>
                <a:gd name="connsiteY25" fmla="*/ 2523383 h 3678974"/>
                <a:gd name="connsiteX26" fmla="*/ 3301170 w 3301170"/>
                <a:gd name="connsiteY26" fmla="*/ 1155590 h 3678974"/>
                <a:gd name="connsiteX27" fmla="*/ 3066128 w 3301170"/>
                <a:gd name="connsiteY27" fmla="*/ 747094 h 3678974"/>
                <a:gd name="connsiteX28" fmla="*/ 1885620 w 3301170"/>
                <a:gd name="connsiteY28" fmla="*/ 63195 h 3678974"/>
                <a:gd name="connsiteX29" fmla="*/ 1650593 w 3301170"/>
                <a:gd name="connsiteY29" fmla="*/ 0 h 3678974"/>
                <a:gd name="connsiteX30" fmla="*/ 1650593 w 3301170"/>
                <a:gd name="connsiteY30" fmla="*/ 0 h 36789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Lst>
              <a:rect l="l" t="t" r="r" b="b"/>
              <a:pathLst>
                <a:path w="3301170" h="3678974">
                  <a:moveTo>
                    <a:pt x="1650593" y="129578"/>
                  </a:moveTo>
                  <a:cubicBezTo>
                    <a:pt x="1710351" y="129578"/>
                    <a:pt x="1769301" y="145427"/>
                    <a:pt x="1821052" y="175413"/>
                  </a:cubicBezTo>
                  <a:lnTo>
                    <a:pt x="3001560" y="859312"/>
                  </a:lnTo>
                  <a:cubicBezTo>
                    <a:pt x="3106709" y="920230"/>
                    <a:pt x="3172035" y="1033758"/>
                    <a:pt x="3172035" y="1155590"/>
                  </a:cubicBezTo>
                  <a:lnTo>
                    <a:pt x="3172035" y="2523383"/>
                  </a:lnTo>
                  <a:cubicBezTo>
                    <a:pt x="3172035" y="2645219"/>
                    <a:pt x="3106709" y="2758745"/>
                    <a:pt x="3001560" y="2819663"/>
                  </a:cubicBezTo>
                  <a:lnTo>
                    <a:pt x="1821052" y="3503575"/>
                  </a:lnTo>
                  <a:cubicBezTo>
                    <a:pt x="1769301" y="3533556"/>
                    <a:pt x="1710351" y="3549397"/>
                    <a:pt x="1650593" y="3549397"/>
                  </a:cubicBezTo>
                  <a:cubicBezTo>
                    <a:pt x="1590820" y="3549397"/>
                    <a:pt x="1531873" y="3533556"/>
                    <a:pt x="1480114" y="3503575"/>
                  </a:cubicBezTo>
                  <a:lnTo>
                    <a:pt x="299607" y="2819663"/>
                  </a:lnTo>
                  <a:cubicBezTo>
                    <a:pt x="194455" y="2758745"/>
                    <a:pt x="129135" y="2645219"/>
                    <a:pt x="129135" y="2523383"/>
                  </a:cubicBezTo>
                  <a:lnTo>
                    <a:pt x="129135" y="1155590"/>
                  </a:lnTo>
                  <a:cubicBezTo>
                    <a:pt x="129135" y="1033756"/>
                    <a:pt x="194455" y="920230"/>
                    <a:pt x="299607" y="859312"/>
                  </a:cubicBezTo>
                  <a:lnTo>
                    <a:pt x="1480114" y="175413"/>
                  </a:lnTo>
                  <a:cubicBezTo>
                    <a:pt x="1531873" y="145427"/>
                    <a:pt x="1590820" y="129577"/>
                    <a:pt x="1650593" y="129577"/>
                  </a:cubicBezTo>
                  <a:moveTo>
                    <a:pt x="1650593" y="0"/>
                  </a:moveTo>
                  <a:cubicBezTo>
                    <a:pt x="1569427" y="0"/>
                    <a:pt x="1488267" y="21065"/>
                    <a:pt x="1415546" y="63195"/>
                  </a:cubicBezTo>
                  <a:lnTo>
                    <a:pt x="235039" y="747094"/>
                  </a:lnTo>
                  <a:cubicBezTo>
                    <a:pt x="89597" y="831354"/>
                    <a:pt x="0" y="987071"/>
                    <a:pt x="0" y="1155590"/>
                  </a:cubicBezTo>
                  <a:lnTo>
                    <a:pt x="0" y="2523383"/>
                  </a:lnTo>
                  <a:cubicBezTo>
                    <a:pt x="0" y="2691916"/>
                    <a:pt x="89597" y="2847620"/>
                    <a:pt x="235039" y="2931894"/>
                  </a:cubicBezTo>
                  <a:lnTo>
                    <a:pt x="1415546" y="3615790"/>
                  </a:lnTo>
                  <a:cubicBezTo>
                    <a:pt x="1488267" y="3657919"/>
                    <a:pt x="1569427" y="3678975"/>
                    <a:pt x="1650593" y="3678975"/>
                  </a:cubicBezTo>
                  <a:cubicBezTo>
                    <a:pt x="1731739" y="3678975"/>
                    <a:pt x="1812900" y="3657919"/>
                    <a:pt x="1885620" y="3615790"/>
                  </a:cubicBezTo>
                  <a:lnTo>
                    <a:pt x="3066128" y="2931894"/>
                  </a:lnTo>
                  <a:cubicBezTo>
                    <a:pt x="3211566" y="2847620"/>
                    <a:pt x="3301170" y="2691916"/>
                    <a:pt x="3301170" y="2523383"/>
                  </a:cubicBezTo>
                  <a:lnTo>
                    <a:pt x="3301170" y="1155590"/>
                  </a:lnTo>
                  <a:cubicBezTo>
                    <a:pt x="3301170" y="987071"/>
                    <a:pt x="3211566" y="831354"/>
                    <a:pt x="3066128" y="747094"/>
                  </a:cubicBezTo>
                  <a:lnTo>
                    <a:pt x="1885620" y="63195"/>
                  </a:lnTo>
                  <a:cubicBezTo>
                    <a:pt x="1812900" y="21065"/>
                    <a:pt x="1731739" y="0"/>
                    <a:pt x="1650593" y="0"/>
                  </a:cubicBezTo>
                  <a:lnTo>
                    <a:pt x="1650593" y="0"/>
                  </a:lnTo>
                  <a:close/>
                </a:path>
              </a:pathLst>
            </a:custGeom>
            <a:noFill/>
            <a:ln w="31750" cap="flat">
              <a:solidFill>
                <a:srgbClr val="2C5F71"/>
              </a:solid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grpSp>
      <p:grpSp>
        <p:nvGrpSpPr>
          <p:cNvPr id="8" name="Group 7">
            <a:extLst>
              <a:ext uri="{FF2B5EF4-FFF2-40B4-BE49-F238E27FC236}">
                <a16:creationId xmlns:a16="http://schemas.microsoft.com/office/drawing/2014/main" id="{C77E58C9-A208-BD15-5099-27763D74622F}"/>
              </a:ext>
            </a:extLst>
          </p:cNvPr>
          <p:cNvGrpSpPr/>
          <p:nvPr/>
        </p:nvGrpSpPr>
        <p:grpSpPr>
          <a:xfrm>
            <a:off x="1057181" y="2380565"/>
            <a:ext cx="4426149" cy="4934036"/>
            <a:chOff x="292662" y="1844644"/>
            <a:chExt cx="2225734" cy="2473992"/>
          </a:xfrm>
        </p:grpSpPr>
        <p:sp>
          <p:nvSpPr>
            <p:cNvPr id="9" name="Graphic 3">
              <a:extLst>
                <a:ext uri="{FF2B5EF4-FFF2-40B4-BE49-F238E27FC236}">
                  <a16:creationId xmlns:a16="http://schemas.microsoft.com/office/drawing/2014/main" id="{3E3AF17A-E95E-B3A7-DB24-D2292CC186C5}"/>
                </a:ext>
              </a:extLst>
            </p:cNvPr>
            <p:cNvSpPr/>
            <p:nvPr/>
          </p:nvSpPr>
          <p:spPr>
            <a:xfrm>
              <a:off x="292662" y="1844644"/>
              <a:ext cx="2225734" cy="2473992"/>
            </a:xfrm>
            <a:custGeom>
              <a:avLst/>
              <a:gdLst>
                <a:gd name="connsiteX0" fmla="*/ 2135496 w 2135495"/>
                <a:gd name="connsiteY0" fmla="*/ 1641949 h 2373688"/>
                <a:gd name="connsiteX1" fmla="*/ 2135496 w 2135495"/>
                <a:gd name="connsiteY1" fmla="*/ 731745 h 2373688"/>
                <a:gd name="connsiteX2" fmla="*/ 1996802 w 2135495"/>
                <a:gd name="connsiteY2" fmla="*/ 492164 h 2373688"/>
                <a:gd name="connsiteX3" fmla="*/ 1206437 w 2135495"/>
                <a:gd name="connsiteY3" fmla="*/ 37063 h 2373688"/>
                <a:gd name="connsiteX4" fmla="*/ 929057 w 2135495"/>
                <a:gd name="connsiteY4" fmla="*/ 37063 h 2373688"/>
                <a:gd name="connsiteX5" fmla="*/ 138692 w 2135495"/>
                <a:gd name="connsiteY5" fmla="*/ 492164 h 2373688"/>
                <a:gd name="connsiteX6" fmla="*/ 0 w 2135495"/>
                <a:gd name="connsiteY6" fmla="*/ 731745 h 2373688"/>
                <a:gd name="connsiteX7" fmla="*/ 0 w 2135495"/>
                <a:gd name="connsiteY7" fmla="*/ 1641949 h 2373688"/>
                <a:gd name="connsiteX8" fmla="*/ 138692 w 2135495"/>
                <a:gd name="connsiteY8" fmla="*/ 1881529 h 2373688"/>
                <a:gd name="connsiteX9" fmla="*/ 929057 w 2135495"/>
                <a:gd name="connsiteY9" fmla="*/ 2336626 h 2373688"/>
                <a:gd name="connsiteX10" fmla="*/ 1206437 w 2135495"/>
                <a:gd name="connsiteY10" fmla="*/ 2336626 h 2373688"/>
                <a:gd name="connsiteX11" fmla="*/ 1996802 w 2135495"/>
                <a:gd name="connsiteY11" fmla="*/ 1881529 h 2373688"/>
                <a:gd name="connsiteX12" fmla="*/ 2135496 w 2135495"/>
                <a:gd name="connsiteY12" fmla="*/ 1641949 h 2373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135495" h="2373688">
                  <a:moveTo>
                    <a:pt x="2135496" y="1641949"/>
                  </a:moveTo>
                  <a:lnTo>
                    <a:pt x="2135496" y="731745"/>
                  </a:lnTo>
                  <a:cubicBezTo>
                    <a:pt x="2135496" y="632909"/>
                    <a:pt x="2082632" y="541582"/>
                    <a:pt x="1996802" y="492164"/>
                  </a:cubicBezTo>
                  <a:lnTo>
                    <a:pt x="1206437" y="37063"/>
                  </a:lnTo>
                  <a:cubicBezTo>
                    <a:pt x="1120616" y="-12354"/>
                    <a:pt x="1014879" y="-12354"/>
                    <a:pt x="929057" y="37063"/>
                  </a:cubicBezTo>
                  <a:lnTo>
                    <a:pt x="138692" y="492164"/>
                  </a:lnTo>
                  <a:cubicBezTo>
                    <a:pt x="52869" y="541582"/>
                    <a:pt x="0" y="632909"/>
                    <a:pt x="0" y="731745"/>
                  </a:cubicBezTo>
                  <a:lnTo>
                    <a:pt x="0" y="1641949"/>
                  </a:lnTo>
                  <a:cubicBezTo>
                    <a:pt x="0" y="1740783"/>
                    <a:pt x="52869" y="1832112"/>
                    <a:pt x="138692" y="1881529"/>
                  </a:cubicBezTo>
                  <a:lnTo>
                    <a:pt x="929057" y="2336626"/>
                  </a:lnTo>
                  <a:cubicBezTo>
                    <a:pt x="1014879" y="2386043"/>
                    <a:pt x="1120616" y="2386043"/>
                    <a:pt x="1206437" y="2336626"/>
                  </a:cubicBezTo>
                  <a:lnTo>
                    <a:pt x="1996802" y="1881529"/>
                  </a:lnTo>
                  <a:cubicBezTo>
                    <a:pt x="2082632" y="1832112"/>
                    <a:pt x="2135496" y="1740783"/>
                    <a:pt x="2135496" y="1641949"/>
                  </a:cubicBezTo>
                  <a:close/>
                </a:path>
              </a:pathLst>
            </a:custGeom>
            <a:solidFill>
              <a:sysClr val="window" lastClr="FFFFFF"/>
            </a:solidFill>
            <a:ln w="31750" cap="flat">
              <a:solidFill>
                <a:srgbClr val="2C5F71"/>
              </a:solid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sp>
          <p:nvSpPr>
            <p:cNvPr id="10" name="Graphic 3">
              <a:extLst>
                <a:ext uri="{FF2B5EF4-FFF2-40B4-BE49-F238E27FC236}">
                  <a16:creationId xmlns:a16="http://schemas.microsoft.com/office/drawing/2014/main" id="{94B51861-158E-8B4D-2435-5E6BD0E4573D}"/>
                </a:ext>
              </a:extLst>
            </p:cNvPr>
            <p:cNvSpPr/>
            <p:nvPr/>
          </p:nvSpPr>
          <p:spPr>
            <a:xfrm>
              <a:off x="501492" y="2067236"/>
              <a:ext cx="1825224" cy="2028808"/>
            </a:xfrm>
            <a:custGeom>
              <a:avLst/>
              <a:gdLst>
                <a:gd name="connsiteX0" fmla="*/ 2135496 w 2135495"/>
                <a:gd name="connsiteY0" fmla="*/ 1641949 h 2373688"/>
                <a:gd name="connsiteX1" fmla="*/ 2135496 w 2135495"/>
                <a:gd name="connsiteY1" fmla="*/ 731745 h 2373688"/>
                <a:gd name="connsiteX2" fmla="*/ 1996802 w 2135495"/>
                <a:gd name="connsiteY2" fmla="*/ 492164 h 2373688"/>
                <a:gd name="connsiteX3" fmla="*/ 1206437 w 2135495"/>
                <a:gd name="connsiteY3" fmla="*/ 37063 h 2373688"/>
                <a:gd name="connsiteX4" fmla="*/ 929057 w 2135495"/>
                <a:gd name="connsiteY4" fmla="*/ 37063 h 2373688"/>
                <a:gd name="connsiteX5" fmla="*/ 138692 w 2135495"/>
                <a:gd name="connsiteY5" fmla="*/ 492164 h 2373688"/>
                <a:gd name="connsiteX6" fmla="*/ 0 w 2135495"/>
                <a:gd name="connsiteY6" fmla="*/ 731745 h 2373688"/>
                <a:gd name="connsiteX7" fmla="*/ 0 w 2135495"/>
                <a:gd name="connsiteY7" fmla="*/ 1641949 h 2373688"/>
                <a:gd name="connsiteX8" fmla="*/ 138692 w 2135495"/>
                <a:gd name="connsiteY8" fmla="*/ 1881529 h 2373688"/>
                <a:gd name="connsiteX9" fmla="*/ 929057 w 2135495"/>
                <a:gd name="connsiteY9" fmla="*/ 2336626 h 2373688"/>
                <a:gd name="connsiteX10" fmla="*/ 1206437 w 2135495"/>
                <a:gd name="connsiteY10" fmla="*/ 2336626 h 2373688"/>
                <a:gd name="connsiteX11" fmla="*/ 1996802 w 2135495"/>
                <a:gd name="connsiteY11" fmla="*/ 1881529 h 2373688"/>
                <a:gd name="connsiteX12" fmla="*/ 2135496 w 2135495"/>
                <a:gd name="connsiteY12" fmla="*/ 1641949 h 2373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135495" h="2373688">
                  <a:moveTo>
                    <a:pt x="2135496" y="1641949"/>
                  </a:moveTo>
                  <a:lnTo>
                    <a:pt x="2135496" y="731745"/>
                  </a:lnTo>
                  <a:cubicBezTo>
                    <a:pt x="2135496" y="632909"/>
                    <a:pt x="2082632" y="541582"/>
                    <a:pt x="1996802" y="492164"/>
                  </a:cubicBezTo>
                  <a:lnTo>
                    <a:pt x="1206437" y="37063"/>
                  </a:lnTo>
                  <a:cubicBezTo>
                    <a:pt x="1120616" y="-12354"/>
                    <a:pt x="1014879" y="-12354"/>
                    <a:pt x="929057" y="37063"/>
                  </a:cubicBezTo>
                  <a:lnTo>
                    <a:pt x="138692" y="492164"/>
                  </a:lnTo>
                  <a:cubicBezTo>
                    <a:pt x="52869" y="541582"/>
                    <a:pt x="0" y="632909"/>
                    <a:pt x="0" y="731745"/>
                  </a:cubicBezTo>
                  <a:lnTo>
                    <a:pt x="0" y="1641949"/>
                  </a:lnTo>
                  <a:cubicBezTo>
                    <a:pt x="0" y="1740783"/>
                    <a:pt x="52869" y="1832112"/>
                    <a:pt x="138692" y="1881529"/>
                  </a:cubicBezTo>
                  <a:lnTo>
                    <a:pt x="929057" y="2336626"/>
                  </a:lnTo>
                  <a:cubicBezTo>
                    <a:pt x="1014879" y="2386043"/>
                    <a:pt x="1120616" y="2386043"/>
                    <a:pt x="1206437" y="2336626"/>
                  </a:cubicBezTo>
                  <a:lnTo>
                    <a:pt x="1996802" y="1881529"/>
                  </a:lnTo>
                  <a:cubicBezTo>
                    <a:pt x="2082632" y="1832112"/>
                    <a:pt x="2135496" y="1740783"/>
                    <a:pt x="2135496" y="1641949"/>
                  </a:cubicBezTo>
                  <a:close/>
                </a:path>
              </a:pathLst>
            </a:custGeom>
            <a:solidFill>
              <a:srgbClr val="F76C6C"/>
            </a:solidFill>
            <a:ln w="31750" cap="flat">
              <a:noFill/>
              <a:prstDash val="solid"/>
              <a:miter/>
            </a:ln>
          </p:spPr>
          <p:txBody>
            <a:bodyPr rtlCol="0" anchor="ctr"/>
            <a:lstStyle/>
            <a:p>
              <a:pPr defTabSz="2031980" eaLnBrk="1" fontAlgn="auto" hangingPunct="1">
                <a:spcBef>
                  <a:spcPts val="0"/>
                </a:spcBef>
                <a:spcAft>
                  <a:spcPts val="0"/>
                </a:spcAft>
                <a:defRPr/>
              </a:pPr>
              <a:endParaRPr lang="en-US" sz="4000">
                <a:solidFill>
                  <a:prstClr val="black"/>
                </a:solidFill>
                <a:latin typeface="Calibri" panose="020F0502020204030204"/>
              </a:endParaRPr>
            </a:p>
          </p:txBody>
        </p:sp>
        <p:sp>
          <p:nvSpPr>
            <p:cNvPr id="11" name="Title 3">
              <a:extLst>
                <a:ext uri="{FF2B5EF4-FFF2-40B4-BE49-F238E27FC236}">
                  <a16:creationId xmlns:a16="http://schemas.microsoft.com/office/drawing/2014/main" id="{2E913D08-EF6F-258C-92B6-D3E5338DC3DB}"/>
                </a:ext>
              </a:extLst>
            </p:cNvPr>
            <p:cNvSpPr txBox="1">
              <a:spLocks/>
            </p:cNvSpPr>
            <p:nvPr/>
          </p:nvSpPr>
          <p:spPr>
            <a:xfrm>
              <a:off x="453316" y="2504034"/>
              <a:ext cx="1904425" cy="1191888"/>
            </a:xfrm>
            <a:prstGeom prst="rect">
              <a:avLst/>
            </a:prstGeom>
          </p:spPr>
          <p:txBody>
            <a:bodyPr vert="horz" lIns="203200" tIns="101600" rIns="203200" bIns="101600" rtlCol="0" anchor="ctr">
              <a:norm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defTabSz="2031980" fontAlgn="auto">
                <a:spcAft>
                  <a:spcPts val="1778"/>
                </a:spcAft>
                <a:defRPr/>
              </a:pPr>
              <a:r>
                <a:rPr lang="en-US" sz="3111" b="1" dirty="0">
                  <a:solidFill>
                    <a:prstClr val="white"/>
                  </a:solidFill>
                  <a:latin typeface="Alfa Slab One"/>
                  <a:cs typeface="Times New Roman" panose="02020603050405020304" pitchFamily="18" charset="0"/>
                </a:rPr>
                <a:t>AI to Augment &amp; Streamline Claims Capabilities</a:t>
              </a:r>
            </a:p>
          </p:txBody>
        </p:sp>
      </p:grpSp>
      <p:grpSp>
        <p:nvGrpSpPr>
          <p:cNvPr id="12" name="Group 11">
            <a:extLst>
              <a:ext uri="{FF2B5EF4-FFF2-40B4-BE49-F238E27FC236}">
                <a16:creationId xmlns:a16="http://schemas.microsoft.com/office/drawing/2014/main" id="{F068B7FE-2DBA-1248-A9A3-7A90EF53A8EC}"/>
              </a:ext>
            </a:extLst>
          </p:cNvPr>
          <p:cNvGrpSpPr/>
          <p:nvPr/>
        </p:nvGrpSpPr>
        <p:grpSpPr>
          <a:xfrm>
            <a:off x="5884703" y="7632372"/>
            <a:ext cx="2713500" cy="2907000"/>
            <a:chOff x="2884563" y="4950821"/>
            <a:chExt cx="1395133" cy="1550746"/>
          </a:xfrm>
        </p:grpSpPr>
        <p:sp>
          <p:nvSpPr>
            <p:cNvPr id="13" name="Graphic 3">
              <a:extLst>
                <a:ext uri="{FF2B5EF4-FFF2-40B4-BE49-F238E27FC236}">
                  <a16:creationId xmlns:a16="http://schemas.microsoft.com/office/drawing/2014/main" id="{ADBB421D-CBD6-EEC8-079E-3F68C2947801}"/>
                </a:ext>
              </a:extLst>
            </p:cNvPr>
            <p:cNvSpPr/>
            <p:nvPr/>
          </p:nvSpPr>
          <p:spPr>
            <a:xfrm>
              <a:off x="2884563" y="4950821"/>
              <a:ext cx="1395133" cy="1550746"/>
            </a:xfrm>
            <a:custGeom>
              <a:avLst/>
              <a:gdLst>
                <a:gd name="connsiteX0" fmla="*/ 2135496 w 2135495"/>
                <a:gd name="connsiteY0" fmla="*/ 1641949 h 2373688"/>
                <a:gd name="connsiteX1" fmla="*/ 2135496 w 2135495"/>
                <a:gd name="connsiteY1" fmla="*/ 731745 h 2373688"/>
                <a:gd name="connsiteX2" fmla="*/ 1996802 w 2135495"/>
                <a:gd name="connsiteY2" fmla="*/ 492164 h 2373688"/>
                <a:gd name="connsiteX3" fmla="*/ 1206437 w 2135495"/>
                <a:gd name="connsiteY3" fmla="*/ 37063 h 2373688"/>
                <a:gd name="connsiteX4" fmla="*/ 929057 w 2135495"/>
                <a:gd name="connsiteY4" fmla="*/ 37063 h 2373688"/>
                <a:gd name="connsiteX5" fmla="*/ 138692 w 2135495"/>
                <a:gd name="connsiteY5" fmla="*/ 492164 h 2373688"/>
                <a:gd name="connsiteX6" fmla="*/ 0 w 2135495"/>
                <a:gd name="connsiteY6" fmla="*/ 731745 h 2373688"/>
                <a:gd name="connsiteX7" fmla="*/ 0 w 2135495"/>
                <a:gd name="connsiteY7" fmla="*/ 1641949 h 2373688"/>
                <a:gd name="connsiteX8" fmla="*/ 138692 w 2135495"/>
                <a:gd name="connsiteY8" fmla="*/ 1881529 h 2373688"/>
                <a:gd name="connsiteX9" fmla="*/ 929057 w 2135495"/>
                <a:gd name="connsiteY9" fmla="*/ 2336626 h 2373688"/>
                <a:gd name="connsiteX10" fmla="*/ 1206437 w 2135495"/>
                <a:gd name="connsiteY10" fmla="*/ 2336626 h 2373688"/>
                <a:gd name="connsiteX11" fmla="*/ 1996802 w 2135495"/>
                <a:gd name="connsiteY11" fmla="*/ 1881529 h 2373688"/>
                <a:gd name="connsiteX12" fmla="*/ 2135496 w 2135495"/>
                <a:gd name="connsiteY12" fmla="*/ 1641949 h 2373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135495" h="2373688">
                  <a:moveTo>
                    <a:pt x="2135496" y="1641949"/>
                  </a:moveTo>
                  <a:lnTo>
                    <a:pt x="2135496" y="731745"/>
                  </a:lnTo>
                  <a:cubicBezTo>
                    <a:pt x="2135496" y="632909"/>
                    <a:pt x="2082632" y="541582"/>
                    <a:pt x="1996802" y="492164"/>
                  </a:cubicBezTo>
                  <a:lnTo>
                    <a:pt x="1206437" y="37063"/>
                  </a:lnTo>
                  <a:cubicBezTo>
                    <a:pt x="1120616" y="-12354"/>
                    <a:pt x="1014879" y="-12354"/>
                    <a:pt x="929057" y="37063"/>
                  </a:cubicBezTo>
                  <a:lnTo>
                    <a:pt x="138692" y="492164"/>
                  </a:lnTo>
                  <a:cubicBezTo>
                    <a:pt x="52869" y="541582"/>
                    <a:pt x="0" y="632909"/>
                    <a:pt x="0" y="731745"/>
                  </a:cubicBezTo>
                  <a:lnTo>
                    <a:pt x="0" y="1641949"/>
                  </a:lnTo>
                  <a:cubicBezTo>
                    <a:pt x="0" y="1740783"/>
                    <a:pt x="52869" y="1832112"/>
                    <a:pt x="138692" y="1881529"/>
                  </a:cubicBezTo>
                  <a:lnTo>
                    <a:pt x="929057" y="2336626"/>
                  </a:lnTo>
                  <a:cubicBezTo>
                    <a:pt x="1014879" y="2386043"/>
                    <a:pt x="1120616" y="2386043"/>
                    <a:pt x="1206437" y="2336626"/>
                  </a:cubicBezTo>
                  <a:lnTo>
                    <a:pt x="1996802" y="1881529"/>
                  </a:lnTo>
                  <a:cubicBezTo>
                    <a:pt x="2082632" y="1832112"/>
                    <a:pt x="2135496" y="1740783"/>
                    <a:pt x="2135496" y="1641949"/>
                  </a:cubicBezTo>
                  <a:close/>
                </a:path>
              </a:pathLst>
            </a:custGeom>
            <a:solidFill>
              <a:schemeClr val="bg1"/>
            </a:solidFill>
            <a:ln w="31750" cap="flat">
              <a:solidFill>
                <a:schemeClr val="bg2"/>
              </a:solidFill>
              <a:prstDash val="solid"/>
              <a:miter/>
            </a:ln>
          </p:spPr>
          <p:txBody>
            <a:bodyPr rot="0" spcFirstLastPara="0" vertOverflow="overflow" horzOverflow="overflow" vert="horz" wrap="square" lIns="203200" tIns="101600" rIns="203200" bIns="101600" numCol="1" spcCol="0" rtlCol="0" fromWordArt="0" anchor="ctr" anchorCtr="0" forceAA="0" compatLnSpc="1">
              <a:prstTxWarp prst="textNoShape">
                <a:avLst/>
              </a:prstTxWarp>
              <a:noAutofit/>
            </a:bodyPr>
            <a:lstStyle/>
            <a:p>
              <a:endParaRPr lang="en-US" sz="6000"/>
            </a:p>
          </p:txBody>
        </p:sp>
        <p:sp>
          <p:nvSpPr>
            <p:cNvPr id="14" name="Graphic 3">
              <a:extLst>
                <a:ext uri="{FF2B5EF4-FFF2-40B4-BE49-F238E27FC236}">
                  <a16:creationId xmlns:a16="http://schemas.microsoft.com/office/drawing/2014/main" id="{211FDC18-AE4C-8332-A99D-5D68FC519060}"/>
                </a:ext>
              </a:extLst>
            </p:cNvPr>
            <p:cNvSpPr/>
            <p:nvPr/>
          </p:nvSpPr>
          <p:spPr>
            <a:xfrm>
              <a:off x="3032541" y="5102087"/>
              <a:ext cx="1111962" cy="1235990"/>
            </a:xfrm>
            <a:custGeom>
              <a:avLst/>
              <a:gdLst>
                <a:gd name="connsiteX0" fmla="*/ 2135496 w 2135495"/>
                <a:gd name="connsiteY0" fmla="*/ 1641949 h 2373688"/>
                <a:gd name="connsiteX1" fmla="*/ 2135496 w 2135495"/>
                <a:gd name="connsiteY1" fmla="*/ 731745 h 2373688"/>
                <a:gd name="connsiteX2" fmla="*/ 1996802 w 2135495"/>
                <a:gd name="connsiteY2" fmla="*/ 492164 h 2373688"/>
                <a:gd name="connsiteX3" fmla="*/ 1206437 w 2135495"/>
                <a:gd name="connsiteY3" fmla="*/ 37063 h 2373688"/>
                <a:gd name="connsiteX4" fmla="*/ 929057 w 2135495"/>
                <a:gd name="connsiteY4" fmla="*/ 37063 h 2373688"/>
                <a:gd name="connsiteX5" fmla="*/ 138692 w 2135495"/>
                <a:gd name="connsiteY5" fmla="*/ 492164 h 2373688"/>
                <a:gd name="connsiteX6" fmla="*/ 0 w 2135495"/>
                <a:gd name="connsiteY6" fmla="*/ 731745 h 2373688"/>
                <a:gd name="connsiteX7" fmla="*/ 0 w 2135495"/>
                <a:gd name="connsiteY7" fmla="*/ 1641949 h 2373688"/>
                <a:gd name="connsiteX8" fmla="*/ 138692 w 2135495"/>
                <a:gd name="connsiteY8" fmla="*/ 1881529 h 2373688"/>
                <a:gd name="connsiteX9" fmla="*/ 929057 w 2135495"/>
                <a:gd name="connsiteY9" fmla="*/ 2336626 h 2373688"/>
                <a:gd name="connsiteX10" fmla="*/ 1206437 w 2135495"/>
                <a:gd name="connsiteY10" fmla="*/ 2336626 h 2373688"/>
                <a:gd name="connsiteX11" fmla="*/ 1996802 w 2135495"/>
                <a:gd name="connsiteY11" fmla="*/ 1881529 h 2373688"/>
                <a:gd name="connsiteX12" fmla="*/ 2135496 w 2135495"/>
                <a:gd name="connsiteY12" fmla="*/ 1641949 h 2373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135495" h="2373688">
                  <a:moveTo>
                    <a:pt x="2135496" y="1641949"/>
                  </a:moveTo>
                  <a:lnTo>
                    <a:pt x="2135496" y="731745"/>
                  </a:lnTo>
                  <a:cubicBezTo>
                    <a:pt x="2135496" y="632909"/>
                    <a:pt x="2082632" y="541582"/>
                    <a:pt x="1996802" y="492164"/>
                  </a:cubicBezTo>
                  <a:lnTo>
                    <a:pt x="1206437" y="37063"/>
                  </a:lnTo>
                  <a:cubicBezTo>
                    <a:pt x="1120616" y="-12354"/>
                    <a:pt x="1014879" y="-12354"/>
                    <a:pt x="929057" y="37063"/>
                  </a:cubicBezTo>
                  <a:lnTo>
                    <a:pt x="138692" y="492164"/>
                  </a:lnTo>
                  <a:cubicBezTo>
                    <a:pt x="52869" y="541582"/>
                    <a:pt x="0" y="632909"/>
                    <a:pt x="0" y="731745"/>
                  </a:cubicBezTo>
                  <a:lnTo>
                    <a:pt x="0" y="1641949"/>
                  </a:lnTo>
                  <a:cubicBezTo>
                    <a:pt x="0" y="1740783"/>
                    <a:pt x="52869" y="1832112"/>
                    <a:pt x="138692" y="1881529"/>
                  </a:cubicBezTo>
                  <a:lnTo>
                    <a:pt x="929057" y="2336626"/>
                  </a:lnTo>
                  <a:cubicBezTo>
                    <a:pt x="1014879" y="2386043"/>
                    <a:pt x="1120616" y="2386043"/>
                    <a:pt x="1206437" y="2336626"/>
                  </a:cubicBezTo>
                  <a:lnTo>
                    <a:pt x="1996802" y="1881529"/>
                  </a:lnTo>
                  <a:cubicBezTo>
                    <a:pt x="2082632" y="1832112"/>
                    <a:pt x="2135496" y="1740783"/>
                    <a:pt x="2135496" y="1641949"/>
                  </a:cubicBezTo>
                  <a:close/>
                </a:path>
              </a:pathLst>
            </a:custGeom>
            <a:solidFill>
              <a:schemeClr val="bg2">
                <a:lumMod val="20000"/>
                <a:lumOff val="80000"/>
              </a:schemeClr>
            </a:solidFill>
            <a:ln w="31750" cap="flat">
              <a:noFill/>
              <a:prstDash val="solid"/>
              <a:miter/>
            </a:ln>
          </p:spPr>
          <p:txBody>
            <a:bodyPr rot="0" spcFirstLastPara="0" vertOverflow="overflow" horzOverflow="overflow" vert="horz" wrap="square" lIns="203200" tIns="101600" rIns="203200" bIns="101600" numCol="1" spcCol="0" rtlCol="0" fromWordArt="0" anchor="ctr" anchorCtr="0" forceAA="0" compatLnSpc="1">
              <a:prstTxWarp prst="textNoShape">
                <a:avLst/>
              </a:prstTxWarp>
              <a:noAutofit/>
            </a:bodyPr>
            <a:lstStyle/>
            <a:p>
              <a:endParaRPr lang="en-US" sz="6000"/>
            </a:p>
          </p:txBody>
        </p:sp>
        <p:grpSp>
          <p:nvGrpSpPr>
            <p:cNvPr id="15" name="Group 14">
              <a:extLst>
                <a:ext uri="{FF2B5EF4-FFF2-40B4-BE49-F238E27FC236}">
                  <a16:creationId xmlns:a16="http://schemas.microsoft.com/office/drawing/2014/main" id="{E08226B2-5843-36F6-0ED8-1C0CB42AF021}"/>
                </a:ext>
              </a:extLst>
            </p:cNvPr>
            <p:cNvGrpSpPr/>
            <p:nvPr/>
          </p:nvGrpSpPr>
          <p:grpSpPr>
            <a:xfrm>
              <a:off x="3185886" y="5361400"/>
              <a:ext cx="805272" cy="778324"/>
              <a:chOff x="3068355" y="5391251"/>
              <a:chExt cx="805272" cy="778324"/>
            </a:xfrm>
            <a:solidFill>
              <a:schemeClr val="bg1"/>
            </a:solidFill>
          </p:grpSpPr>
          <p:sp>
            <p:nvSpPr>
              <p:cNvPr id="16" name="Freeform 14">
                <a:extLst>
                  <a:ext uri="{FF2B5EF4-FFF2-40B4-BE49-F238E27FC236}">
                    <a16:creationId xmlns:a16="http://schemas.microsoft.com/office/drawing/2014/main" id="{37EA8F1D-50E6-2FBC-DAF6-0241F8A89847}"/>
                  </a:ext>
                </a:extLst>
              </p:cNvPr>
              <p:cNvSpPr/>
              <p:nvPr/>
            </p:nvSpPr>
            <p:spPr>
              <a:xfrm>
                <a:off x="3119829" y="5391251"/>
                <a:ext cx="753798" cy="392248"/>
              </a:xfrm>
              <a:custGeom>
                <a:avLst/>
                <a:gdLst>
                  <a:gd name="connsiteX0" fmla="*/ 750328 w 753798"/>
                  <a:gd name="connsiteY0" fmla="*/ 182024 h 392248"/>
                  <a:gd name="connsiteX1" fmla="*/ 571243 w 753798"/>
                  <a:gd name="connsiteY1" fmla="*/ 3462 h 392248"/>
                  <a:gd name="connsiteX2" fmla="*/ 562860 w 753798"/>
                  <a:gd name="connsiteY2" fmla="*/ 0 h 392248"/>
                  <a:gd name="connsiteX3" fmla="*/ 161718 w 753798"/>
                  <a:gd name="connsiteY3" fmla="*/ 0 h 392248"/>
                  <a:gd name="connsiteX4" fmla="*/ 153340 w 753798"/>
                  <a:gd name="connsiteY4" fmla="*/ 3462 h 392248"/>
                  <a:gd name="connsiteX5" fmla="*/ 51006 w 753798"/>
                  <a:gd name="connsiteY5" fmla="*/ 105496 h 392248"/>
                  <a:gd name="connsiteX6" fmla="*/ 10438 w 753798"/>
                  <a:gd name="connsiteY6" fmla="*/ 112395 h 392248"/>
                  <a:gd name="connsiteX7" fmla="*/ 10438 w 753798"/>
                  <a:gd name="connsiteY7" fmla="*/ 162651 h 392248"/>
                  <a:gd name="connsiteX8" fmla="*/ 60843 w 753798"/>
                  <a:gd name="connsiteY8" fmla="*/ 162651 h 392248"/>
                  <a:gd name="connsiteX9" fmla="*/ 67763 w 753798"/>
                  <a:gd name="connsiteY9" fmla="*/ 122203 h 392248"/>
                  <a:gd name="connsiteX10" fmla="*/ 166627 w 753798"/>
                  <a:gd name="connsiteY10" fmla="*/ 23631 h 392248"/>
                  <a:gd name="connsiteX11" fmla="*/ 557954 w 753798"/>
                  <a:gd name="connsiteY11" fmla="*/ 23631 h 392248"/>
                  <a:gd name="connsiteX12" fmla="*/ 730098 w 753798"/>
                  <a:gd name="connsiteY12" fmla="*/ 195273 h 392248"/>
                  <a:gd name="connsiteX13" fmla="*/ 730098 w 753798"/>
                  <a:gd name="connsiteY13" fmla="*/ 305388 h 392248"/>
                  <a:gd name="connsiteX14" fmla="*/ 710745 w 753798"/>
                  <a:gd name="connsiteY14" fmla="*/ 324687 h 392248"/>
                  <a:gd name="connsiteX15" fmla="*/ 670180 w 753798"/>
                  <a:gd name="connsiteY15" fmla="*/ 331585 h 392248"/>
                  <a:gd name="connsiteX16" fmla="*/ 670175 w 753798"/>
                  <a:gd name="connsiteY16" fmla="*/ 381844 h 392248"/>
                  <a:gd name="connsiteX17" fmla="*/ 720580 w 753798"/>
                  <a:gd name="connsiteY17" fmla="*/ 381844 h 392248"/>
                  <a:gd name="connsiteX18" fmla="*/ 727502 w 753798"/>
                  <a:gd name="connsiteY18" fmla="*/ 341390 h 392248"/>
                  <a:gd name="connsiteX19" fmla="*/ 750324 w 753798"/>
                  <a:gd name="connsiteY19" fmla="*/ 318638 h 392248"/>
                  <a:gd name="connsiteX20" fmla="*/ 753799 w 753798"/>
                  <a:gd name="connsiteY20" fmla="*/ 310284 h 392248"/>
                  <a:gd name="connsiteX21" fmla="*/ 753799 w 753798"/>
                  <a:gd name="connsiteY21" fmla="*/ 190378 h 392248"/>
                  <a:gd name="connsiteX22" fmla="*/ 750328 w 753798"/>
                  <a:gd name="connsiteY22" fmla="*/ 182024 h 39224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753798" h="392248">
                    <a:moveTo>
                      <a:pt x="750328" y="182024"/>
                    </a:moveTo>
                    <a:lnTo>
                      <a:pt x="571243" y="3462"/>
                    </a:lnTo>
                    <a:cubicBezTo>
                      <a:pt x="569018" y="1246"/>
                      <a:pt x="566003" y="0"/>
                      <a:pt x="562860" y="0"/>
                    </a:cubicBezTo>
                    <a:lnTo>
                      <a:pt x="161718" y="0"/>
                    </a:lnTo>
                    <a:cubicBezTo>
                      <a:pt x="158577" y="0"/>
                      <a:pt x="155562" y="1246"/>
                      <a:pt x="153340" y="3462"/>
                    </a:cubicBezTo>
                    <a:lnTo>
                      <a:pt x="51006" y="105496"/>
                    </a:lnTo>
                    <a:cubicBezTo>
                      <a:pt x="37756" y="99177"/>
                      <a:pt x="21415" y="101451"/>
                      <a:pt x="10438" y="112395"/>
                    </a:cubicBezTo>
                    <a:cubicBezTo>
                      <a:pt x="-3479" y="126272"/>
                      <a:pt x="-3479" y="148774"/>
                      <a:pt x="10438" y="162651"/>
                    </a:cubicBezTo>
                    <a:cubicBezTo>
                      <a:pt x="24356" y="176529"/>
                      <a:pt x="46924" y="176529"/>
                      <a:pt x="60843" y="162651"/>
                    </a:cubicBezTo>
                    <a:cubicBezTo>
                      <a:pt x="71819" y="151707"/>
                      <a:pt x="74100" y="135415"/>
                      <a:pt x="67763" y="122203"/>
                    </a:cubicBezTo>
                    <a:lnTo>
                      <a:pt x="166627" y="23631"/>
                    </a:lnTo>
                    <a:lnTo>
                      <a:pt x="557954" y="23631"/>
                    </a:lnTo>
                    <a:lnTo>
                      <a:pt x="730098" y="195273"/>
                    </a:lnTo>
                    <a:lnTo>
                      <a:pt x="730098" y="305388"/>
                    </a:lnTo>
                    <a:lnTo>
                      <a:pt x="710745" y="324687"/>
                    </a:lnTo>
                    <a:cubicBezTo>
                      <a:pt x="697493" y="318371"/>
                      <a:pt x="681152" y="320645"/>
                      <a:pt x="670180" y="331585"/>
                    </a:cubicBezTo>
                    <a:cubicBezTo>
                      <a:pt x="656261" y="345460"/>
                      <a:pt x="656261" y="367966"/>
                      <a:pt x="670175" y="381844"/>
                    </a:cubicBezTo>
                    <a:cubicBezTo>
                      <a:pt x="684094" y="395715"/>
                      <a:pt x="706666" y="395719"/>
                      <a:pt x="720580" y="381844"/>
                    </a:cubicBezTo>
                    <a:cubicBezTo>
                      <a:pt x="731557" y="370901"/>
                      <a:pt x="733837" y="354606"/>
                      <a:pt x="727502" y="341390"/>
                    </a:cubicBezTo>
                    <a:lnTo>
                      <a:pt x="750324" y="318638"/>
                    </a:lnTo>
                    <a:cubicBezTo>
                      <a:pt x="752549" y="316422"/>
                      <a:pt x="753799" y="313416"/>
                      <a:pt x="753799" y="310284"/>
                    </a:cubicBezTo>
                    <a:lnTo>
                      <a:pt x="753799" y="190378"/>
                    </a:lnTo>
                    <a:cubicBezTo>
                      <a:pt x="753799" y="187245"/>
                      <a:pt x="752549" y="184239"/>
                      <a:pt x="750328" y="182024"/>
                    </a:cubicBezTo>
                    <a:close/>
                  </a:path>
                </a:pathLst>
              </a:custGeom>
              <a:grpFill/>
              <a:ln w="0" cap="flat">
                <a:noFill/>
                <a:prstDash val="solid"/>
                <a:miter/>
              </a:ln>
            </p:spPr>
            <p:txBody>
              <a:bodyPr rtlCol="0" anchor="ctr"/>
              <a:lstStyle/>
              <a:p>
                <a:endParaRPr lang="en-US" sz="6000"/>
              </a:p>
            </p:txBody>
          </p:sp>
          <p:sp>
            <p:nvSpPr>
              <p:cNvPr id="17" name="Freeform 15">
                <a:extLst>
                  <a:ext uri="{FF2B5EF4-FFF2-40B4-BE49-F238E27FC236}">
                    <a16:creationId xmlns:a16="http://schemas.microsoft.com/office/drawing/2014/main" id="{9B135CF4-E8EE-36A1-25D3-ACD2D1FF959F}"/>
                  </a:ext>
                </a:extLst>
              </p:cNvPr>
              <p:cNvSpPr/>
              <p:nvPr/>
            </p:nvSpPr>
            <p:spPr>
              <a:xfrm>
                <a:off x="3068355" y="5571150"/>
                <a:ext cx="345471" cy="293596"/>
              </a:xfrm>
              <a:custGeom>
                <a:avLst/>
                <a:gdLst>
                  <a:gd name="connsiteX0" fmla="*/ 309830 w 345471"/>
                  <a:gd name="connsiteY0" fmla="*/ 222526 h 293596"/>
                  <a:gd name="connsiteX1" fmla="*/ 276254 w 345471"/>
                  <a:gd name="connsiteY1" fmla="*/ 246244 h 293596"/>
                  <a:gd name="connsiteX2" fmla="*/ 139031 w 345471"/>
                  <a:gd name="connsiteY2" fmla="*/ 246244 h 293596"/>
                  <a:gd name="connsiteX3" fmla="*/ 47491 w 345471"/>
                  <a:gd name="connsiteY3" fmla="*/ 154965 h 293596"/>
                  <a:gd name="connsiteX4" fmla="*/ 47491 w 345471"/>
                  <a:gd name="connsiteY4" fmla="*/ 69015 h 293596"/>
                  <a:gd name="connsiteX5" fmla="*/ 71281 w 345471"/>
                  <a:gd name="connsiteY5" fmla="*/ 35535 h 293596"/>
                  <a:gd name="connsiteX6" fmla="*/ 35641 w 345471"/>
                  <a:gd name="connsiteY6" fmla="*/ 0 h 293596"/>
                  <a:gd name="connsiteX7" fmla="*/ 0 w 345471"/>
                  <a:gd name="connsiteY7" fmla="*/ 35535 h 293596"/>
                  <a:gd name="connsiteX8" fmla="*/ 23790 w 345471"/>
                  <a:gd name="connsiteY8" fmla="*/ 69015 h 293596"/>
                  <a:gd name="connsiteX9" fmla="*/ 23790 w 345471"/>
                  <a:gd name="connsiteY9" fmla="*/ 159859 h 293596"/>
                  <a:gd name="connsiteX10" fmla="*/ 27262 w 345471"/>
                  <a:gd name="connsiteY10" fmla="*/ 168213 h 293596"/>
                  <a:gd name="connsiteX11" fmla="*/ 125743 w 345471"/>
                  <a:gd name="connsiteY11" fmla="*/ 266417 h 293596"/>
                  <a:gd name="connsiteX12" fmla="*/ 134122 w 345471"/>
                  <a:gd name="connsiteY12" fmla="*/ 269875 h 293596"/>
                  <a:gd name="connsiteX13" fmla="*/ 276254 w 345471"/>
                  <a:gd name="connsiteY13" fmla="*/ 269875 h 293596"/>
                  <a:gd name="connsiteX14" fmla="*/ 309830 w 345471"/>
                  <a:gd name="connsiteY14" fmla="*/ 293597 h 293596"/>
                  <a:gd name="connsiteX15" fmla="*/ 345471 w 345471"/>
                  <a:gd name="connsiteY15" fmla="*/ 258063 h 293596"/>
                  <a:gd name="connsiteX16" fmla="*/ 309830 w 345471"/>
                  <a:gd name="connsiteY16" fmla="*/ 222526 h 29359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45471" h="293596">
                    <a:moveTo>
                      <a:pt x="309830" y="222526"/>
                    </a:moveTo>
                    <a:cubicBezTo>
                      <a:pt x="294309" y="222526"/>
                      <a:pt x="281144" y="232437"/>
                      <a:pt x="276254" y="246244"/>
                    </a:cubicBezTo>
                    <a:lnTo>
                      <a:pt x="139031" y="246244"/>
                    </a:lnTo>
                    <a:lnTo>
                      <a:pt x="47491" y="154965"/>
                    </a:lnTo>
                    <a:lnTo>
                      <a:pt x="47491" y="69015"/>
                    </a:lnTo>
                    <a:cubicBezTo>
                      <a:pt x="61338" y="64139"/>
                      <a:pt x="71281" y="51010"/>
                      <a:pt x="71281" y="35535"/>
                    </a:cubicBezTo>
                    <a:cubicBezTo>
                      <a:pt x="71281" y="15913"/>
                      <a:pt x="55321" y="0"/>
                      <a:pt x="35641" y="0"/>
                    </a:cubicBezTo>
                    <a:cubicBezTo>
                      <a:pt x="15960" y="0"/>
                      <a:pt x="0" y="15913"/>
                      <a:pt x="0" y="35535"/>
                    </a:cubicBezTo>
                    <a:cubicBezTo>
                      <a:pt x="0" y="51010"/>
                      <a:pt x="9944" y="64139"/>
                      <a:pt x="23790" y="69015"/>
                    </a:cubicBezTo>
                    <a:lnTo>
                      <a:pt x="23790" y="159859"/>
                    </a:lnTo>
                    <a:cubicBezTo>
                      <a:pt x="23790" y="162991"/>
                      <a:pt x="25040" y="165997"/>
                      <a:pt x="27262" y="168213"/>
                    </a:cubicBezTo>
                    <a:lnTo>
                      <a:pt x="125743" y="266417"/>
                    </a:lnTo>
                    <a:cubicBezTo>
                      <a:pt x="127965" y="268628"/>
                      <a:pt x="130980" y="269875"/>
                      <a:pt x="134122" y="269875"/>
                    </a:cubicBezTo>
                    <a:lnTo>
                      <a:pt x="276254" y="269875"/>
                    </a:lnTo>
                    <a:cubicBezTo>
                      <a:pt x="281144" y="283679"/>
                      <a:pt x="294309" y="293597"/>
                      <a:pt x="309830" y="293597"/>
                    </a:cubicBezTo>
                    <a:cubicBezTo>
                      <a:pt x="329511" y="293597"/>
                      <a:pt x="345471" y="277683"/>
                      <a:pt x="345471" y="258063"/>
                    </a:cubicBezTo>
                    <a:cubicBezTo>
                      <a:pt x="345471" y="238440"/>
                      <a:pt x="329511" y="222526"/>
                      <a:pt x="309830" y="222526"/>
                    </a:cubicBezTo>
                    <a:close/>
                  </a:path>
                </a:pathLst>
              </a:custGeom>
              <a:grpFill/>
              <a:ln w="0" cap="flat">
                <a:noFill/>
                <a:prstDash val="solid"/>
                <a:miter/>
              </a:ln>
            </p:spPr>
            <p:txBody>
              <a:bodyPr rtlCol="0" anchor="ctr"/>
              <a:lstStyle/>
              <a:p>
                <a:endParaRPr lang="en-US" sz="6000"/>
              </a:p>
            </p:txBody>
          </p:sp>
          <p:sp>
            <p:nvSpPr>
              <p:cNvPr id="18" name="Freeform 16">
                <a:extLst>
                  <a:ext uri="{FF2B5EF4-FFF2-40B4-BE49-F238E27FC236}">
                    <a16:creationId xmlns:a16="http://schemas.microsoft.com/office/drawing/2014/main" id="{4EBFFD94-E090-CEB2-7278-9246D91800D8}"/>
                  </a:ext>
                </a:extLst>
              </p:cNvPr>
              <p:cNvSpPr/>
              <p:nvPr/>
            </p:nvSpPr>
            <p:spPr>
              <a:xfrm>
                <a:off x="3597611" y="5803212"/>
                <a:ext cx="250531" cy="366363"/>
              </a:xfrm>
              <a:custGeom>
                <a:avLst/>
                <a:gdLst>
                  <a:gd name="connsiteX0" fmla="*/ 214889 w 250531"/>
                  <a:gd name="connsiteY0" fmla="*/ 0 h 366363"/>
                  <a:gd name="connsiteX1" fmla="*/ 179245 w 250531"/>
                  <a:gd name="connsiteY1" fmla="*/ 35532 h 366363"/>
                  <a:gd name="connsiteX2" fmla="*/ 203039 w 250531"/>
                  <a:gd name="connsiteY2" fmla="*/ 69019 h 366363"/>
                  <a:gd name="connsiteX3" fmla="*/ 203039 w 250531"/>
                  <a:gd name="connsiteY3" fmla="*/ 74935 h 366363"/>
                  <a:gd name="connsiteX4" fmla="*/ 153294 w 250531"/>
                  <a:gd name="connsiteY4" fmla="*/ 124537 h 366363"/>
                  <a:gd name="connsiteX5" fmla="*/ 87367 w 250531"/>
                  <a:gd name="connsiteY5" fmla="*/ 124537 h 366363"/>
                  <a:gd name="connsiteX6" fmla="*/ 78992 w 250531"/>
                  <a:gd name="connsiteY6" fmla="*/ 128002 h 366363"/>
                  <a:gd name="connsiteX7" fmla="*/ 27267 w 250531"/>
                  <a:gd name="connsiteY7" fmla="*/ 179555 h 366363"/>
                  <a:gd name="connsiteX8" fmla="*/ 23794 w 250531"/>
                  <a:gd name="connsiteY8" fmla="*/ 187911 h 366363"/>
                  <a:gd name="connsiteX9" fmla="*/ 23794 w 250531"/>
                  <a:gd name="connsiteY9" fmla="*/ 297340 h 366363"/>
                  <a:gd name="connsiteX10" fmla="*/ 0 w 250531"/>
                  <a:gd name="connsiteY10" fmla="*/ 330829 h 366363"/>
                  <a:gd name="connsiteX11" fmla="*/ 35646 w 250531"/>
                  <a:gd name="connsiteY11" fmla="*/ 366364 h 366363"/>
                  <a:gd name="connsiteX12" fmla="*/ 71287 w 250531"/>
                  <a:gd name="connsiteY12" fmla="*/ 330829 h 366363"/>
                  <a:gd name="connsiteX13" fmla="*/ 47493 w 250531"/>
                  <a:gd name="connsiteY13" fmla="*/ 297340 h 366363"/>
                  <a:gd name="connsiteX14" fmla="*/ 47493 w 250531"/>
                  <a:gd name="connsiteY14" fmla="*/ 192809 h 366363"/>
                  <a:gd name="connsiteX15" fmla="*/ 92275 w 250531"/>
                  <a:gd name="connsiteY15" fmla="*/ 148170 h 366363"/>
                  <a:gd name="connsiteX16" fmla="*/ 158202 w 250531"/>
                  <a:gd name="connsiteY16" fmla="*/ 148170 h 366363"/>
                  <a:gd name="connsiteX17" fmla="*/ 166583 w 250531"/>
                  <a:gd name="connsiteY17" fmla="*/ 144710 h 366363"/>
                  <a:gd name="connsiteX18" fmla="*/ 223272 w 250531"/>
                  <a:gd name="connsiteY18" fmla="*/ 88185 h 366363"/>
                  <a:gd name="connsiteX19" fmla="*/ 226740 w 250531"/>
                  <a:gd name="connsiteY19" fmla="*/ 79831 h 366363"/>
                  <a:gd name="connsiteX20" fmla="*/ 226740 w 250531"/>
                  <a:gd name="connsiteY20" fmla="*/ 69019 h 366363"/>
                  <a:gd name="connsiteX21" fmla="*/ 250532 w 250531"/>
                  <a:gd name="connsiteY21" fmla="*/ 35532 h 366363"/>
                  <a:gd name="connsiteX22" fmla="*/ 214889 w 250531"/>
                  <a:gd name="connsiteY22" fmla="*/ 0 h 36636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Lst>
                <a:rect l="l" t="t" r="r" b="b"/>
                <a:pathLst>
                  <a:path w="250531" h="366363">
                    <a:moveTo>
                      <a:pt x="214889" y="0"/>
                    </a:moveTo>
                    <a:cubicBezTo>
                      <a:pt x="195206" y="0"/>
                      <a:pt x="179245" y="15914"/>
                      <a:pt x="179245" y="35532"/>
                    </a:cubicBezTo>
                    <a:cubicBezTo>
                      <a:pt x="179245" y="51010"/>
                      <a:pt x="189187" y="64139"/>
                      <a:pt x="203039" y="69019"/>
                    </a:cubicBezTo>
                    <a:lnTo>
                      <a:pt x="203039" y="74935"/>
                    </a:lnTo>
                    <a:lnTo>
                      <a:pt x="153294" y="124537"/>
                    </a:lnTo>
                    <a:lnTo>
                      <a:pt x="87367" y="124537"/>
                    </a:lnTo>
                    <a:cubicBezTo>
                      <a:pt x="84223" y="124537"/>
                      <a:pt x="81213" y="125783"/>
                      <a:pt x="78992" y="128002"/>
                    </a:cubicBezTo>
                    <a:lnTo>
                      <a:pt x="27267" y="179555"/>
                    </a:lnTo>
                    <a:cubicBezTo>
                      <a:pt x="25044" y="181769"/>
                      <a:pt x="23794" y="184777"/>
                      <a:pt x="23794" y="187911"/>
                    </a:cubicBezTo>
                    <a:lnTo>
                      <a:pt x="23794" y="297340"/>
                    </a:lnTo>
                    <a:cubicBezTo>
                      <a:pt x="9942" y="302225"/>
                      <a:pt x="0" y="315351"/>
                      <a:pt x="0" y="330829"/>
                    </a:cubicBezTo>
                    <a:cubicBezTo>
                      <a:pt x="0" y="350450"/>
                      <a:pt x="15961" y="366364"/>
                      <a:pt x="35646" y="366364"/>
                    </a:cubicBezTo>
                    <a:cubicBezTo>
                      <a:pt x="55326" y="366364"/>
                      <a:pt x="71287" y="350450"/>
                      <a:pt x="71287" y="330829"/>
                    </a:cubicBezTo>
                    <a:cubicBezTo>
                      <a:pt x="71287" y="315351"/>
                      <a:pt x="61345" y="302225"/>
                      <a:pt x="47493" y="297340"/>
                    </a:cubicBezTo>
                    <a:lnTo>
                      <a:pt x="47493" y="192809"/>
                    </a:lnTo>
                    <a:lnTo>
                      <a:pt x="92275" y="148170"/>
                    </a:lnTo>
                    <a:lnTo>
                      <a:pt x="158202" y="148170"/>
                    </a:lnTo>
                    <a:cubicBezTo>
                      <a:pt x="161346" y="148170"/>
                      <a:pt x="164358" y="146924"/>
                      <a:pt x="166583" y="144710"/>
                    </a:cubicBezTo>
                    <a:lnTo>
                      <a:pt x="223272" y="88185"/>
                    </a:lnTo>
                    <a:cubicBezTo>
                      <a:pt x="225490" y="85971"/>
                      <a:pt x="226740" y="82970"/>
                      <a:pt x="226740" y="79831"/>
                    </a:cubicBezTo>
                    <a:lnTo>
                      <a:pt x="226740" y="69019"/>
                    </a:lnTo>
                    <a:cubicBezTo>
                      <a:pt x="240592" y="64139"/>
                      <a:pt x="250532" y="51010"/>
                      <a:pt x="250532" y="35532"/>
                    </a:cubicBezTo>
                    <a:cubicBezTo>
                      <a:pt x="250532" y="15914"/>
                      <a:pt x="234571" y="0"/>
                      <a:pt x="214889" y="0"/>
                    </a:cubicBezTo>
                    <a:close/>
                  </a:path>
                </a:pathLst>
              </a:custGeom>
              <a:grpFill/>
              <a:ln w="0" cap="flat">
                <a:noFill/>
                <a:prstDash val="solid"/>
                <a:miter/>
              </a:ln>
            </p:spPr>
            <p:txBody>
              <a:bodyPr rtlCol="0" anchor="ctr"/>
              <a:lstStyle/>
              <a:p>
                <a:endParaRPr lang="en-US" sz="6000"/>
              </a:p>
            </p:txBody>
          </p:sp>
          <p:sp>
            <p:nvSpPr>
              <p:cNvPr id="19" name="Freeform 21">
                <a:extLst>
                  <a:ext uri="{FF2B5EF4-FFF2-40B4-BE49-F238E27FC236}">
                    <a16:creationId xmlns:a16="http://schemas.microsoft.com/office/drawing/2014/main" id="{469C64D9-C633-BA8E-51B6-08037F47BE00}"/>
                  </a:ext>
                </a:extLst>
              </p:cNvPr>
              <p:cNvSpPr/>
              <p:nvPr/>
            </p:nvSpPr>
            <p:spPr>
              <a:xfrm>
                <a:off x="3414095" y="5829005"/>
                <a:ext cx="183644" cy="271387"/>
              </a:xfrm>
              <a:custGeom>
                <a:avLst/>
                <a:gdLst>
                  <a:gd name="connsiteX0" fmla="*/ 159853 w 183644"/>
                  <a:gd name="connsiteY0" fmla="*/ 202378 h 271387"/>
                  <a:gd name="connsiteX1" fmla="*/ 159853 w 183644"/>
                  <a:gd name="connsiteY1" fmla="*/ 147558 h 271387"/>
                  <a:gd name="connsiteX2" fmla="*/ 156378 w 183644"/>
                  <a:gd name="connsiteY2" fmla="*/ 139202 h 271387"/>
                  <a:gd name="connsiteX3" fmla="*/ 67761 w 183644"/>
                  <a:gd name="connsiteY3" fmla="*/ 50855 h 271387"/>
                  <a:gd name="connsiteX4" fmla="*/ 60837 w 183644"/>
                  <a:gd name="connsiteY4" fmla="*/ 10408 h 271387"/>
                  <a:gd name="connsiteX5" fmla="*/ 10434 w 183644"/>
                  <a:gd name="connsiteY5" fmla="*/ 10408 h 271387"/>
                  <a:gd name="connsiteX6" fmla="*/ 10437 w 183644"/>
                  <a:gd name="connsiteY6" fmla="*/ 60660 h 271387"/>
                  <a:gd name="connsiteX7" fmla="*/ 51011 w 183644"/>
                  <a:gd name="connsiteY7" fmla="*/ 67563 h 271387"/>
                  <a:gd name="connsiteX8" fmla="*/ 136152 w 183644"/>
                  <a:gd name="connsiteY8" fmla="*/ 152452 h 271387"/>
                  <a:gd name="connsiteX9" fmla="*/ 136152 w 183644"/>
                  <a:gd name="connsiteY9" fmla="*/ 202378 h 271387"/>
                  <a:gd name="connsiteX10" fmla="*/ 112358 w 183644"/>
                  <a:gd name="connsiteY10" fmla="*/ 235856 h 271387"/>
                  <a:gd name="connsiteX11" fmla="*/ 148004 w 183644"/>
                  <a:gd name="connsiteY11" fmla="*/ 271388 h 271387"/>
                  <a:gd name="connsiteX12" fmla="*/ 183645 w 183644"/>
                  <a:gd name="connsiteY12" fmla="*/ 235856 h 271387"/>
                  <a:gd name="connsiteX13" fmla="*/ 159853 w 183644"/>
                  <a:gd name="connsiteY13" fmla="*/ 202378 h 27138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83644" h="271387">
                    <a:moveTo>
                      <a:pt x="159853" y="202378"/>
                    </a:moveTo>
                    <a:lnTo>
                      <a:pt x="159853" y="147558"/>
                    </a:lnTo>
                    <a:cubicBezTo>
                      <a:pt x="159853" y="144427"/>
                      <a:pt x="158605" y="141421"/>
                      <a:pt x="156378" y="139202"/>
                    </a:cubicBezTo>
                    <a:lnTo>
                      <a:pt x="67761" y="50855"/>
                    </a:lnTo>
                    <a:cubicBezTo>
                      <a:pt x="74096" y="37646"/>
                      <a:pt x="71813" y="21348"/>
                      <a:pt x="60837" y="10408"/>
                    </a:cubicBezTo>
                    <a:cubicBezTo>
                      <a:pt x="46920" y="-3469"/>
                      <a:pt x="24353" y="-3469"/>
                      <a:pt x="10434" y="10408"/>
                    </a:cubicBezTo>
                    <a:cubicBezTo>
                      <a:pt x="-3480" y="24286"/>
                      <a:pt x="-3477" y="46789"/>
                      <a:pt x="10437" y="60660"/>
                    </a:cubicBezTo>
                    <a:cubicBezTo>
                      <a:pt x="21416" y="71610"/>
                      <a:pt x="37756" y="73878"/>
                      <a:pt x="51011" y="67563"/>
                    </a:cubicBezTo>
                    <a:lnTo>
                      <a:pt x="136152" y="152452"/>
                    </a:lnTo>
                    <a:lnTo>
                      <a:pt x="136152" y="202378"/>
                    </a:lnTo>
                    <a:cubicBezTo>
                      <a:pt x="122300" y="207249"/>
                      <a:pt x="112358" y="220378"/>
                      <a:pt x="112358" y="235856"/>
                    </a:cubicBezTo>
                    <a:cubicBezTo>
                      <a:pt x="112358" y="255474"/>
                      <a:pt x="128319" y="271388"/>
                      <a:pt x="148004" y="271388"/>
                    </a:cubicBezTo>
                    <a:cubicBezTo>
                      <a:pt x="167684" y="271388"/>
                      <a:pt x="183645" y="255474"/>
                      <a:pt x="183645" y="235856"/>
                    </a:cubicBezTo>
                    <a:cubicBezTo>
                      <a:pt x="183645" y="220378"/>
                      <a:pt x="173705" y="207249"/>
                      <a:pt x="159853" y="202378"/>
                    </a:cubicBezTo>
                    <a:close/>
                  </a:path>
                </a:pathLst>
              </a:custGeom>
              <a:grpFill/>
              <a:ln w="0" cap="flat">
                <a:noFill/>
                <a:prstDash val="solid"/>
                <a:miter/>
              </a:ln>
            </p:spPr>
            <p:txBody>
              <a:bodyPr rtlCol="0" anchor="ctr"/>
              <a:lstStyle/>
              <a:p>
                <a:endParaRPr lang="en-US" sz="6000"/>
              </a:p>
            </p:txBody>
          </p:sp>
          <p:sp>
            <p:nvSpPr>
              <p:cNvPr id="20" name="Freeform 22">
                <a:extLst>
                  <a:ext uri="{FF2B5EF4-FFF2-40B4-BE49-F238E27FC236}">
                    <a16:creationId xmlns:a16="http://schemas.microsoft.com/office/drawing/2014/main" id="{32520DEF-E80D-4E6E-50D0-1CCA0ECA2945}"/>
                  </a:ext>
                </a:extLst>
              </p:cNvPr>
              <p:cNvSpPr/>
              <p:nvPr/>
            </p:nvSpPr>
            <p:spPr>
              <a:xfrm>
                <a:off x="3143459" y="5641778"/>
                <a:ext cx="353972" cy="126476"/>
              </a:xfrm>
              <a:custGeom>
                <a:avLst/>
                <a:gdLst>
                  <a:gd name="connsiteX0" fmla="*/ 60842 w 353972"/>
                  <a:gd name="connsiteY0" fmla="*/ 10408 h 126476"/>
                  <a:gd name="connsiteX1" fmla="*/ 10438 w 353972"/>
                  <a:gd name="connsiteY1" fmla="*/ 10408 h 126476"/>
                  <a:gd name="connsiteX2" fmla="*/ 10438 w 353972"/>
                  <a:gd name="connsiteY2" fmla="*/ 60663 h 126476"/>
                  <a:gd name="connsiteX3" fmla="*/ 51005 w 353972"/>
                  <a:gd name="connsiteY3" fmla="*/ 67563 h 126476"/>
                  <a:gd name="connsiteX4" fmla="*/ 106621 w 353972"/>
                  <a:gd name="connsiteY4" fmla="*/ 123017 h 126476"/>
                  <a:gd name="connsiteX5" fmla="*/ 115000 w 353972"/>
                  <a:gd name="connsiteY5" fmla="*/ 126477 h 126476"/>
                  <a:gd name="connsiteX6" fmla="*/ 241098 w 353972"/>
                  <a:gd name="connsiteY6" fmla="*/ 126477 h 126476"/>
                  <a:gd name="connsiteX7" fmla="*/ 249477 w 353972"/>
                  <a:gd name="connsiteY7" fmla="*/ 123017 h 126476"/>
                  <a:gd name="connsiteX8" fmla="*/ 302967 w 353972"/>
                  <a:gd name="connsiteY8" fmla="*/ 69676 h 126476"/>
                  <a:gd name="connsiteX9" fmla="*/ 343539 w 353972"/>
                  <a:gd name="connsiteY9" fmla="*/ 62776 h 126476"/>
                  <a:gd name="connsiteX10" fmla="*/ 343532 w 353972"/>
                  <a:gd name="connsiteY10" fmla="*/ 12520 h 126476"/>
                  <a:gd name="connsiteX11" fmla="*/ 293130 w 353972"/>
                  <a:gd name="connsiteY11" fmla="*/ 12520 h 126476"/>
                  <a:gd name="connsiteX12" fmla="*/ 286212 w 353972"/>
                  <a:gd name="connsiteY12" fmla="*/ 52968 h 126476"/>
                  <a:gd name="connsiteX13" fmla="*/ 236188 w 353972"/>
                  <a:gd name="connsiteY13" fmla="*/ 102846 h 126476"/>
                  <a:gd name="connsiteX14" fmla="*/ 119909 w 353972"/>
                  <a:gd name="connsiteY14" fmla="*/ 102846 h 126476"/>
                  <a:gd name="connsiteX15" fmla="*/ 67763 w 353972"/>
                  <a:gd name="connsiteY15" fmla="*/ 50857 h 126476"/>
                  <a:gd name="connsiteX16" fmla="*/ 60842 w 353972"/>
                  <a:gd name="connsiteY16" fmla="*/ 10408 h 12647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353972" h="126476">
                    <a:moveTo>
                      <a:pt x="60842" y="10408"/>
                    </a:moveTo>
                    <a:cubicBezTo>
                      <a:pt x="46924" y="-3469"/>
                      <a:pt x="24356" y="-3469"/>
                      <a:pt x="10438" y="10408"/>
                    </a:cubicBezTo>
                    <a:cubicBezTo>
                      <a:pt x="-3479" y="24284"/>
                      <a:pt x="-3479" y="46787"/>
                      <a:pt x="10438" y="60663"/>
                    </a:cubicBezTo>
                    <a:cubicBezTo>
                      <a:pt x="21415" y="71607"/>
                      <a:pt x="37756" y="73883"/>
                      <a:pt x="51005" y="67563"/>
                    </a:cubicBezTo>
                    <a:lnTo>
                      <a:pt x="106621" y="123017"/>
                    </a:lnTo>
                    <a:cubicBezTo>
                      <a:pt x="108843" y="125231"/>
                      <a:pt x="111858" y="126477"/>
                      <a:pt x="115000" y="126477"/>
                    </a:cubicBezTo>
                    <a:lnTo>
                      <a:pt x="241098" y="126477"/>
                    </a:lnTo>
                    <a:cubicBezTo>
                      <a:pt x="244239" y="126477"/>
                      <a:pt x="247254" y="125231"/>
                      <a:pt x="249477" y="123017"/>
                    </a:cubicBezTo>
                    <a:lnTo>
                      <a:pt x="302967" y="69676"/>
                    </a:lnTo>
                    <a:cubicBezTo>
                      <a:pt x="316219" y="75994"/>
                      <a:pt x="332562" y="73716"/>
                      <a:pt x="343539" y="62776"/>
                    </a:cubicBezTo>
                    <a:cubicBezTo>
                      <a:pt x="357451" y="48899"/>
                      <a:pt x="357451" y="26393"/>
                      <a:pt x="343532" y="12520"/>
                    </a:cubicBezTo>
                    <a:cubicBezTo>
                      <a:pt x="329616" y="-1358"/>
                      <a:pt x="307049" y="-1356"/>
                      <a:pt x="293130" y="12520"/>
                    </a:cubicBezTo>
                    <a:cubicBezTo>
                      <a:pt x="282158" y="23462"/>
                      <a:pt x="279875" y="39757"/>
                      <a:pt x="286212" y="52968"/>
                    </a:cubicBezTo>
                    <a:lnTo>
                      <a:pt x="236188" y="102846"/>
                    </a:lnTo>
                    <a:lnTo>
                      <a:pt x="119909" y="102846"/>
                    </a:lnTo>
                    <a:lnTo>
                      <a:pt x="67763" y="50857"/>
                    </a:lnTo>
                    <a:cubicBezTo>
                      <a:pt x="74100" y="37646"/>
                      <a:pt x="71818" y="21353"/>
                      <a:pt x="60842" y="10408"/>
                    </a:cubicBezTo>
                    <a:close/>
                  </a:path>
                </a:pathLst>
              </a:custGeom>
              <a:grpFill/>
              <a:ln w="0" cap="flat">
                <a:noFill/>
                <a:prstDash val="solid"/>
                <a:miter/>
              </a:ln>
            </p:spPr>
            <p:txBody>
              <a:bodyPr rtlCol="0" anchor="ctr"/>
              <a:lstStyle/>
              <a:p>
                <a:endParaRPr lang="en-US" sz="6000"/>
              </a:p>
            </p:txBody>
          </p:sp>
          <p:sp>
            <p:nvSpPr>
              <p:cNvPr id="21" name="Freeform 28">
                <a:extLst>
                  <a:ext uri="{FF2B5EF4-FFF2-40B4-BE49-F238E27FC236}">
                    <a16:creationId xmlns:a16="http://schemas.microsoft.com/office/drawing/2014/main" id="{95C917DF-ABD3-AB7C-4F7B-AFD61E905E8F}"/>
                  </a:ext>
                </a:extLst>
              </p:cNvPr>
              <p:cNvSpPr/>
              <p:nvPr/>
            </p:nvSpPr>
            <p:spPr>
              <a:xfrm>
                <a:off x="3220053" y="5494101"/>
                <a:ext cx="143419" cy="220926"/>
              </a:xfrm>
              <a:custGeom>
                <a:avLst/>
                <a:gdLst>
                  <a:gd name="connsiteX0" fmla="*/ 10441 w 143419"/>
                  <a:gd name="connsiteY0" fmla="*/ 10404 h 220926"/>
                  <a:gd name="connsiteX1" fmla="*/ 10435 w 143419"/>
                  <a:gd name="connsiteY1" fmla="*/ 60660 h 220926"/>
                  <a:gd name="connsiteX2" fmla="*/ 51002 w 143419"/>
                  <a:gd name="connsiteY2" fmla="*/ 67566 h 220926"/>
                  <a:gd name="connsiteX3" fmla="*/ 95927 w 143419"/>
                  <a:gd name="connsiteY3" fmla="*/ 112365 h 220926"/>
                  <a:gd name="connsiteX4" fmla="*/ 95927 w 143419"/>
                  <a:gd name="connsiteY4" fmla="*/ 151912 h 220926"/>
                  <a:gd name="connsiteX5" fmla="*/ 72138 w 143419"/>
                  <a:gd name="connsiteY5" fmla="*/ 185392 h 220926"/>
                  <a:gd name="connsiteX6" fmla="*/ 107779 w 143419"/>
                  <a:gd name="connsiteY6" fmla="*/ 220926 h 220926"/>
                  <a:gd name="connsiteX7" fmla="*/ 143420 w 143419"/>
                  <a:gd name="connsiteY7" fmla="*/ 185392 h 220926"/>
                  <a:gd name="connsiteX8" fmla="*/ 119628 w 143419"/>
                  <a:gd name="connsiteY8" fmla="*/ 151912 h 220926"/>
                  <a:gd name="connsiteX9" fmla="*/ 119628 w 143419"/>
                  <a:gd name="connsiteY9" fmla="*/ 107472 h 220926"/>
                  <a:gd name="connsiteX10" fmla="*/ 116157 w 143419"/>
                  <a:gd name="connsiteY10" fmla="*/ 99118 h 220926"/>
                  <a:gd name="connsiteX11" fmla="*/ 67762 w 143419"/>
                  <a:gd name="connsiteY11" fmla="*/ 50858 h 220926"/>
                  <a:gd name="connsiteX12" fmla="*/ 60844 w 143419"/>
                  <a:gd name="connsiteY12" fmla="*/ 10409 h 220926"/>
                  <a:gd name="connsiteX13" fmla="*/ 10441 w 143419"/>
                  <a:gd name="connsiteY13" fmla="*/ 10404 h 22092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143419" h="220926">
                    <a:moveTo>
                      <a:pt x="10441" y="10404"/>
                    </a:moveTo>
                    <a:cubicBezTo>
                      <a:pt x="-3478" y="24278"/>
                      <a:pt x="-3480" y="46784"/>
                      <a:pt x="10435" y="60660"/>
                    </a:cubicBezTo>
                    <a:cubicBezTo>
                      <a:pt x="21410" y="71605"/>
                      <a:pt x="37753" y="73882"/>
                      <a:pt x="51002" y="67566"/>
                    </a:cubicBezTo>
                    <a:lnTo>
                      <a:pt x="95927" y="112365"/>
                    </a:lnTo>
                    <a:lnTo>
                      <a:pt x="95927" y="151912"/>
                    </a:lnTo>
                    <a:cubicBezTo>
                      <a:pt x="82082" y="156785"/>
                      <a:pt x="72138" y="169916"/>
                      <a:pt x="72138" y="185392"/>
                    </a:cubicBezTo>
                    <a:cubicBezTo>
                      <a:pt x="72138" y="205012"/>
                      <a:pt x="88098" y="220926"/>
                      <a:pt x="107779" y="220926"/>
                    </a:cubicBezTo>
                    <a:cubicBezTo>
                      <a:pt x="127459" y="220926"/>
                      <a:pt x="143420" y="205012"/>
                      <a:pt x="143420" y="185392"/>
                    </a:cubicBezTo>
                    <a:cubicBezTo>
                      <a:pt x="143420" y="169916"/>
                      <a:pt x="133475" y="156785"/>
                      <a:pt x="119628" y="151912"/>
                    </a:cubicBezTo>
                    <a:lnTo>
                      <a:pt x="119628" y="107472"/>
                    </a:lnTo>
                    <a:cubicBezTo>
                      <a:pt x="119628" y="104339"/>
                      <a:pt x="118380" y="101333"/>
                      <a:pt x="116157" y="99118"/>
                    </a:cubicBezTo>
                    <a:lnTo>
                      <a:pt x="67762" y="50858"/>
                    </a:lnTo>
                    <a:cubicBezTo>
                      <a:pt x="74097" y="37647"/>
                      <a:pt x="71819" y="21354"/>
                      <a:pt x="60844" y="10409"/>
                    </a:cubicBezTo>
                    <a:cubicBezTo>
                      <a:pt x="46929" y="-3468"/>
                      <a:pt x="24358" y="-3470"/>
                      <a:pt x="10441" y="10404"/>
                    </a:cubicBezTo>
                    <a:close/>
                  </a:path>
                </a:pathLst>
              </a:custGeom>
              <a:grpFill/>
              <a:ln w="0" cap="flat">
                <a:noFill/>
                <a:prstDash val="solid"/>
                <a:miter/>
              </a:ln>
            </p:spPr>
            <p:txBody>
              <a:bodyPr rtlCol="0" anchor="ctr"/>
              <a:lstStyle/>
              <a:p>
                <a:endParaRPr lang="en-US" sz="6000"/>
              </a:p>
            </p:txBody>
          </p:sp>
          <p:sp>
            <p:nvSpPr>
              <p:cNvPr id="22" name="Freeform 29">
                <a:extLst>
                  <a:ext uri="{FF2B5EF4-FFF2-40B4-BE49-F238E27FC236}">
                    <a16:creationId xmlns:a16="http://schemas.microsoft.com/office/drawing/2014/main" id="{BE5DCF54-B602-3B9F-59AC-2A1AA749FD6C}"/>
                  </a:ext>
                </a:extLst>
              </p:cNvPr>
              <p:cNvSpPr/>
              <p:nvPr/>
            </p:nvSpPr>
            <p:spPr>
              <a:xfrm>
                <a:off x="3494880" y="5761891"/>
                <a:ext cx="285250" cy="133936"/>
              </a:xfrm>
              <a:custGeom>
                <a:avLst/>
                <a:gdLst>
                  <a:gd name="connsiteX0" fmla="*/ 35643 w 285250"/>
                  <a:gd name="connsiteY0" fmla="*/ 133936 h 133936"/>
                  <a:gd name="connsiteX1" fmla="*/ 69224 w 285250"/>
                  <a:gd name="connsiteY1" fmla="*/ 110219 h 133936"/>
                  <a:gd name="connsiteX2" fmla="*/ 114272 w 285250"/>
                  <a:gd name="connsiteY2" fmla="*/ 110219 h 133936"/>
                  <a:gd name="connsiteX3" fmla="*/ 122651 w 285250"/>
                  <a:gd name="connsiteY3" fmla="*/ 106756 h 133936"/>
                  <a:gd name="connsiteX4" fmla="*/ 182242 w 285250"/>
                  <a:gd name="connsiteY4" fmla="*/ 47353 h 133936"/>
                  <a:gd name="connsiteX5" fmla="*/ 216026 w 285250"/>
                  <a:gd name="connsiteY5" fmla="*/ 47353 h 133936"/>
                  <a:gd name="connsiteX6" fmla="*/ 249607 w 285250"/>
                  <a:gd name="connsiteY6" fmla="*/ 71069 h 133936"/>
                  <a:gd name="connsiteX7" fmla="*/ 285251 w 285250"/>
                  <a:gd name="connsiteY7" fmla="*/ 35537 h 133936"/>
                  <a:gd name="connsiteX8" fmla="*/ 249607 w 285250"/>
                  <a:gd name="connsiteY8" fmla="*/ 0 h 133936"/>
                  <a:gd name="connsiteX9" fmla="*/ 216026 w 285250"/>
                  <a:gd name="connsiteY9" fmla="*/ 23720 h 133936"/>
                  <a:gd name="connsiteX10" fmla="*/ 177336 w 285250"/>
                  <a:gd name="connsiteY10" fmla="*/ 23720 h 133936"/>
                  <a:gd name="connsiteX11" fmla="*/ 168960 w 285250"/>
                  <a:gd name="connsiteY11" fmla="*/ 27180 h 133936"/>
                  <a:gd name="connsiteX12" fmla="*/ 109368 w 285250"/>
                  <a:gd name="connsiteY12" fmla="*/ 86588 h 133936"/>
                  <a:gd name="connsiteX13" fmla="*/ 69224 w 285250"/>
                  <a:gd name="connsiteY13" fmla="*/ 86588 h 133936"/>
                  <a:gd name="connsiteX14" fmla="*/ 35643 w 285250"/>
                  <a:gd name="connsiteY14" fmla="*/ 62865 h 133936"/>
                  <a:gd name="connsiteX15" fmla="*/ 0 w 285250"/>
                  <a:gd name="connsiteY15" fmla="*/ 98400 h 133936"/>
                  <a:gd name="connsiteX16" fmla="*/ 35643 w 285250"/>
                  <a:gd name="connsiteY16" fmla="*/ 133936 h 133936"/>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Lst>
                <a:rect l="l" t="t" r="r" b="b"/>
                <a:pathLst>
                  <a:path w="285250" h="133936">
                    <a:moveTo>
                      <a:pt x="35643" y="133936"/>
                    </a:moveTo>
                    <a:cubicBezTo>
                      <a:pt x="51167" y="133936"/>
                      <a:pt x="64332" y="124023"/>
                      <a:pt x="69224" y="110219"/>
                    </a:cubicBezTo>
                    <a:lnTo>
                      <a:pt x="114272" y="110219"/>
                    </a:lnTo>
                    <a:cubicBezTo>
                      <a:pt x="117417" y="110219"/>
                      <a:pt x="120430" y="108972"/>
                      <a:pt x="122651" y="106756"/>
                    </a:cubicBezTo>
                    <a:lnTo>
                      <a:pt x="182242" y="47353"/>
                    </a:lnTo>
                    <a:lnTo>
                      <a:pt x="216026" y="47353"/>
                    </a:lnTo>
                    <a:cubicBezTo>
                      <a:pt x="220916" y="61158"/>
                      <a:pt x="234084" y="71069"/>
                      <a:pt x="249607" y="71069"/>
                    </a:cubicBezTo>
                    <a:cubicBezTo>
                      <a:pt x="269290" y="71069"/>
                      <a:pt x="285251" y="55155"/>
                      <a:pt x="285251" y="35537"/>
                    </a:cubicBezTo>
                    <a:cubicBezTo>
                      <a:pt x="285251" y="15914"/>
                      <a:pt x="269290" y="0"/>
                      <a:pt x="249607" y="0"/>
                    </a:cubicBezTo>
                    <a:cubicBezTo>
                      <a:pt x="234084" y="0"/>
                      <a:pt x="220916" y="9915"/>
                      <a:pt x="216026" y="23720"/>
                    </a:cubicBezTo>
                    <a:lnTo>
                      <a:pt x="177336" y="23720"/>
                    </a:lnTo>
                    <a:cubicBezTo>
                      <a:pt x="174190" y="23720"/>
                      <a:pt x="171180" y="24966"/>
                      <a:pt x="168960" y="27180"/>
                    </a:cubicBezTo>
                    <a:lnTo>
                      <a:pt x="109368" y="86588"/>
                    </a:lnTo>
                    <a:lnTo>
                      <a:pt x="69224" y="86588"/>
                    </a:lnTo>
                    <a:cubicBezTo>
                      <a:pt x="64332" y="72781"/>
                      <a:pt x="51167" y="62865"/>
                      <a:pt x="35643" y="62865"/>
                    </a:cubicBezTo>
                    <a:cubicBezTo>
                      <a:pt x="15961" y="62865"/>
                      <a:pt x="0" y="78779"/>
                      <a:pt x="0" y="98400"/>
                    </a:cubicBezTo>
                    <a:cubicBezTo>
                      <a:pt x="0" y="118023"/>
                      <a:pt x="15961" y="133936"/>
                      <a:pt x="35643" y="133936"/>
                    </a:cubicBezTo>
                    <a:close/>
                  </a:path>
                </a:pathLst>
              </a:custGeom>
              <a:grpFill/>
              <a:ln w="0" cap="flat">
                <a:noFill/>
                <a:prstDash val="solid"/>
                <a:miter/>
              </a:ln>
            </p:spPr>
            <p:txBody>
              <a:bodyPr rtlCol="0" anchor="ctr"/>
              <a:lstStyle/>
              <a:p>
                <a:endParaRPr lang="en-US" sz="6000"/>
              </a:p>
            </p:txBody>
          </p:sp>
          <p:sp>
            <p:nvSpPr>
              <p:cNvPr id="23" name="Freeform 30">
                <a:extLst>
                  <a:ext uri="{FF2B5EF4-FFF2-40B4-BE49-F238E27FC236}">
                    <a16:creationId xmlns:a16="http://schemas.microsoft.com/office/drawing/2014/main" id="{8B2F57F9-A289-BD60-CB3C-B430753094B1}"/>
                  </a:ext>
                </a:extLst>
              </p:cNvPr>
              <p:cNvSpPr/>
              <p:nvPr/>
            </p:nvSpPr>
            <p:spPr>
              <a:xfrm>
                <a:off x="3453416" y="5504034"/>
                <a:ext cx="211231" cy="308790"/>
              </a:xfrm>
              <a:custGeom>
                <a:avLst/>
                <a:gdLst>
                  <a:gd name="connsiteX0" fmla="*/ 51003 w 211231"/>
                  <a:gd name="connsiteY0" fmla="*/ 241225 h 308790"/>
                  <a:gd name="connsiteX1" fmla="*/ 10440 w 211231"/>
                  <a:gd name="connsiteY1" fmla="*/ 248127 h 308790"/>
                  <a:gd name="connsiteX2" fmla="*/ 10433 w 211231"/>
                  <a:gd name="connsiteY2" fmla="*/ 298382 h 308790"/>
                  <a:gd name="connsiteX3" fmla="*/ 60837 w 211231"/>
                  <a:gd name="connsiteY3" fmla="*/ 298382 h 308790"/>
                  <a:gd name="connsiteX4" fmla="*/ 67762 w 211231"/>
                  <a:gd name="connsiteY4" fmla="*/ 257938 h 308790"/>
                  <a:gd name="connsiteX5" fmla="*/ 183969 w 211231"/>
                  <a:gd name="connsiteY5" fmla="*/ 142074 h 308790"/>
                  <a:gd name="connsiteX6" fmla="*/ 187439 w 211231"/>
                  <a:gd name="connsiteY6" fmla="*/ 133720 h 308790"/>
                  <a:gd name="connsiteX7" fmla="*/ 187439 w 211231"/>
                  <a:gd name="connsiteY7" fmla="*/ 69015 h 308790"/>
                  <a:gd name="connsiteX8" fmla="*/ 211231 w 211231"/>
                  <a:gd name="connsiteY8" fmla="*/ 35535 h 308790"/>
                  <a:gd name="connsiteX9" fmla="*/ 175588 w 211231"/>
                  <a:gd name="connsiteY9" fmla="*/ 0 h 308790"/>
                  <a:gd name="connsiteX10" fmla="*/ 139947 w 211231"/>
                  <a:gd name="connsiteY10" fmla="*/ 35535 h 308790"/>
                  <a:gd name="connsiteX11" fmla="*/ 163739 w 211231"/>
                  <a:gd name="connsiteY11" fmla="*/ 69015 h 308790"/>
                  <a:gd name="connsiteX12" fmla="*/ 163739 w 211231"/>
                  <a:gd name="connsiteY12" fmla="*/ 128827 h 308790"/>
                  <a:gd name="connsiteX13" fmla="*/ 51003 w 211231"/>
                  <a:gd name="connsiteY13" fmla="*/ 241225 h 30879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11231" h="308790">
                    <a:moveTo>
                      <a:pt x="51003" y="241225"/>
                    </a:moveTo>
                    <a:cubicBezTo>
                      <a:pt x="37750" y="234909"/>
                      <a:pt x="21412" y="237185"/>
                      <a:pt x="10440" y="248127"/>
                    </a:cubicBezTo>
                    <a:cubicBezTo>
                      <a:pt x="-3479" y="262001"/>
                      <a:pt x="-3479" y="284506"/>
                      <a:pt x="10433" y="298382"/>
                    </a:cubicBezTo>
                    <a:cubicBezTo>
                      <a:pt x="24351" y="312259"/>
                      <a:pt x="46923" y="312259"/>
                      <a:pt x="60837" y="298382"/>
                    </a:cubicBezTo>
                    <a:cubicBezTo>
                      <a:pt x="71814" y="287437"/>
                      <a:pt x="74094" y="271149"/>
                      <a:pt x="67762" y="257938"/>
                    </a:cubicBezTo>
                    <a:lnTo>
                      <a:pt x="183969" y="142074"/>
                    </a:lnTo>
                    <a:cubicBezTo>
                      <a:pt x="186189" y="139858"/>
                      <a:pt x="187439" y="136852"/>
                      <a:pt x="187439" y="133720"/>
                    </a:cubicBezTo>
                    <a:lnTo>
                      <a:pt x="187439" y="69015"/>
                    </a:lnTo>
                    <a:cubicBezTo>
                      <a:pt x="201291" y="64140"/>
                      <a:pt x="211231" y="51010"/>
                      <a:pt x="211231" y="35535"/>
                    </a:cubicBezTo>
                    <a:cubicBezTo>
                      <a:pt x="211231" y="15913"/>
                      <a:pt x="195271" y="0"/>
                      <a:pt x="175588" y="0"/>
                    </a:cubicBezTo>
                    <a:cubicBezTo>
                      <a:pt x="155905" y="0"/>
                      <a:pt x="139947" y="15913"/>
                      <a:pt x="139947" y="35535"/>
                    </a:cubicBezTo>
                    <a:cubicBezTo>
                      <a:pt x="139947" y="51010"/>
                      <a:pt x="149886" y="64140"/>
                      <a:pt x="163739" y="69015"/>
                    </a:cubicBezTo>
                    <a:lnTo>
                      <a:pt x="163739" y="128827"/>
                    </a:lnTo>
                    <a:lnTo>
                      <a:pt x="51003" y="241225"/>
                    </a:lnTo>
                    <a:close/>
                  </a:path>
                </a:pathLst>
              </a:custGeom>
              <a:grpFill/>
              <a:ln w="0" cap="flat">
                <a:noFill/>
                <a:prstDash val="solid"/>
                <a:miter/>
              </a:ln>
            </p:spPr>
            <p:txBody>
              <a:bodyPr rtlCol="0" anchor="ctr"/>
              <a:lstStyle/>
              <a:p>
                <a:endParaRPr lang="en-US" sz="6000"/>
              </a:p>
            </p:txBody>
          </p:sp>
          <p:sp>
            <p:nvSpPr>
              <p:cNvPr id="24" name="Freeform 31">
                <a:extLst>
                  <a:ext uri="{FF2B5EF4-FFF2-40B4-BE49-F238E27FC236}">
                    <a16:creationId xmlns:a16="http://schemas.microsoft.com/office/drawing/2014/main" id="{6A8345F4-DB1F-114B-A168-7436E60BB1D9}"/>
                  </a:ext>
                </a:extLst>
              </p:cNvPr>
              <p:cNvSpPr/>
              <p:nvPr/>
            </p:nvSpPr>
            <p:spPr>
              <a:xfrm>
                <a:off x="3285386" y="5434921"/>
                <a:ext cx="287206" cy="181093"/>
              </a:xfrm>
              <a:custGeom>
                <a:avLst/>
                <a:gdLst>
                  <a:gd name="connsiteX0" fmla="*/ 60840 w 287206"/>
                  <a:gd name="connsiteY0" fmla="*/ 10407 h 181093"/>
                  <a:gd name="connsiteX1" fmla="*/ 10437 w 287206"/>
                  <a:gd name="connsiteY1" fmla="*/ 10407 h 181093"/>
                  <a:gd name="connsiteX2" fmla="*/ 10437 w 287206"/>
                  <a:gd name="connsiteY2" fmla="*/ 60663 h 181093"/>
                  <a:gd name="connsiteX3" fmla="*/ 51005 w 287206"/>
                  <a:gd name="connsiteY3" fmla="*/ 67563 h 181093"/>
                  <a:gd name="connsiteX4" fmla="*/ 137612 w 287206"/>
                  <a:gd name="connsiteY4" fmla="*/ 153912 h 181093"/>
                  <a:gd name="connsiteX5" fmla="*/ 145991 w 287206"/>
                  <a:gd name="connsiteY5" fmla="*/ 157374 h 181093"/>
                  <a:gd name="connsiteX6" fmla="*/ 217982 w 287206"/>
                  <a:gd name="connsiteY6" fmla="*/ 157374 h 181093"/>
                  <a:gd name="connsiteX7" fmla="*/ 251563 w 287206"/>
                  <a:gd name="connsiteY7" fmla="*/ 181094 h 181093"/>
                  <a:gd name="connsiteX8" fmla="*/ 287207 w 287206"/>
                  <a:gd name="connsiteY8" fmla="*/ 145558 h 181093"/>
                  <a:gd name="connsiteX9" fmla="*/ 251563 w 287206"/>
                  <a:gd name="connsiteY9" fmla="*/ 110023 h 181093"/>
                  <a:gd name="connsiteX10" fmla="*/ 217982 w 287206"/>
                  <a:gd name="connsiteY10" fmla="*/ 133743 h 181093"/>
                  <a:gd name="connsiteX11" fmla="*/ 150899 w 287206"/>
                  <a:gd name="connsiteY11" fmla="*/ 133743 h 181093"/>
                  <a:gd name="connsiteX12" fmla="*/ 67763 w 287206"/>
                  <a:gd name="connsiteY12" fmla="*/ 50855 h 181093"/>
                  <a:gd name="connsiteX13" fmla="*/ 60840 w 287206"/>
                  <a:gd name="connsiteY13" fmla="*/ 10407 h 181093"/>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87206" h="181093">
                    <a:moveTo>
                      <a:pt x="60840" y="10407"/>
                    </a:moveTo>
                    <a:cubicBezTo>
                      <a:pt x="46924" y="-3471"/>
                      <a:pt x="24352" y="-3467"/>
                      <a:pt x="10437" y="10407"/>
                    </a:cubicBezTo>
                    <a:cubicBezTo>
                      <a:pt x="-3480" y="24284"/>
                      <a:pt x="-3478" y="46788"/>
                      <a:pt x="10437" y="60663"/>
                    </a:cubicBezTo>
                    <a:cubicBezTo>
                      <a:pt x="21415" y="71607"/>
                      <a:pt x="37758" y="73879"/>
                      <a:pt x="51005" y="67563"/>
                    </a:cubicBezTo>
                    <a:lnTo>
                      <a:pt x="137612" y="153912"/>
                    </a:lnTo>
                    <a:cubicBezTo>
                      <a:pt x="139835" y="156128"/>
                      <a:pt x="142850" y="157374"/>
                      <a:pt x="145991" y="157374"/>
                    </a:cubicBezTo>
                    <a:lnTo>
                      <a:pt x="217982" y="157374"/>
                    </a:lnTo>
                    <a:cubicBezTo>
                      <a:pt x="222875" y="171180"/>
                      <a:pt x="236040" y="181094"/>
                      <a:pt x="251563" y="181094"/>
                    </a:cubicBezTo>
                    <a:cubicBezTo>
                      <a:pt x="271246" y="181094"/>
                      <a:pt x="287207" y="165181"/>
                      <a:pt x="287207" y="145558"/>
                    </a:cubicBezTo>
                    <a:cubicBezTo>
                      <a:pt x="287207" y="125936"/>
                      <a:pt x="271246" y="110023"/>
                      <a:pt x="251563" y="110023"/>
                    </a:cubicBezTo>
                    <a:cubicBezTo>
                      <a:pt x="236040" y="110023"/>
                      <a:pt x="222875" y="119936"/>
                      <a:pt x="217982" y="133743"/>
                    </a:cubicBezTo>
                    <a:lnTo>
                      <a:pt x="150899" y="133743"/>
                    </a:lnTo>
                    <a:lnTo>
                      <a:pt x="67763" y="50855"/>
                    </a:lnTo>
                    <a:cubicBezTo>
                      <a:pt x="74099" y="37644"/>
                      <a:pt x="71815" y="21348"/>
                      <a:pt x="60840" y="10407"/>
                    </a:cubicBezTo>
                    <a:close/>
                  </a:path>
                </a:pathLst>
              </a:custGeom>
              <a:grpFill/>
              <a:ln w="0" cap="flat">
                <a:noFill/>
                <a:prstDash val="solid"/>
                <a:miter/>
              </a:ln>
            </p:spPr>
            <p:txBody>
              <a:bodyPr rtlCol="0" anchor="ctr"/>
              <a:lstStyle/>
              <a:p>
                <a:endParaRPr lang="en-US" sz="6000"/>
              </a:p>
            </p:txBody>
          </p:sp>
          <p:sp>
            <p:nvSpPr>
              <p:cNvPr id="25" name="Freeform 32">
                <a:extLst>
                  <a:ext uri="{FF2B5EF4-FFF2-40B4-BE49-F238E27FC236}">
                    <a16:creationId xmlns:a16="http://schemas.microsoft.com/office/drawing/2014/main" id="{76F2E62C-40A9-D382-2904-338EF758F5B9}"/>
                  </a:ext>
                </a:extLst>
              </p:cNvPr>
              <p:cNvSpPr/>
              <p:nvPr/>
            </p:nvSpPr>
            <p:spPr>
              <a:xfrm>
                <a:off x="3404189" y="5431412"/>
                <a:ext cx="385188" cy="169074"/>
              </a:xfrm>
              <a:custGeom>
                <a:avLst/>
                <a:gdLst>
                  <a:gd name="connsiteX0" fmla="*/ 334188 w 385188"/>
                  <a:gd name="connsiteY0" fmla="*/ 101508 h 169074"/>
                  <a:gd name="connsiteX1" fmla="*/ 259645 w 385188"/>
                  <a:gd name="connsiteY1" fmla="*/ 27182 h 169074"/>
                  <a:gd name="connsiteX2" fmla="*/ 251265 w 385188"/>
                  <a:gd name="connsiteY2" fmla="*/ 23720 h 169074"/>
                  <a:gd name="connsiteX3" fmla="*/ 69220 w 385188"/>
                  <a:gd name="connsiteY3" fmla="*/ 23720 h 169074"/>
                  <a:gd name="connsiteX4" fmla="*/ 35639 w 385188"/>
                  <a:gd name="connsiteY4" fmla="*/ 0 h 169074"/>
                  <a:gd name="connsiteX5" fmla="*/ 0 w 385188"/>
                  <a:gd name="connsiteY5" fmla="*/ 35536 h 169074"/>
                  <a:gd name="connsiteX6" fmla="*/ 35639 w 385188"/>
                  <a:gd name="connsiteY6" fmla="*/ 71071 h 169074"/>
                  <a:gd name="connsiteX7" fmla="*/ 69220 w 385188"/>
                  <a:gd name="connsiteY7" fmla="*/ 47352 h 169074"/>
                  <a:gd name="connsiteX8" fmla="*/ 246356 w 385188"/>
                  <a:gd name="connsiteY8" fmla="*/ 47351 h 169074"/>
                  <a:gd name="connsiteX9" fmla="*/ 317428 w 385188"/>
                  <a:gd name="connsiteY9" fmla="*/ 118221 h 169074"/>
                  <a:gd name="connsiteX10" fmla="*/ 324349 w 385188"/>
                  <a:gd name="connsiteY10" fmla="*/ 158667 h 169074"/>
                  <a:gd name="connsiteX11" fmla="*/ 374751 w 385188"/>
                  <a:gd name="connsiteY11" fmla="*/ 158667 h 169074"/>
                  <a:gd name="connsiteX12" fmla="*/ 374755 w 385188"/>
                  <a:gd name="connsiteY12" fmla="*/ 108411 h 169074"/>
                  <a:gd name="connsiteX13" fmla="*/ 334188 w 385188"/>
                  <a:gd name="connsiteY13" fmla="*/ 101508 h 169074"/>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385188" h="169074">
                    <a:moveTo>
                      <a:pt x="334188" y="101508"/>
                    </a:moveTo>
                    <a:lnTo>
                      <a:pt x="259645" y="27182"/>
                    </a:lnTo>
                    <a:cubicBezTo>
                      <a:pt x="257420" y="24966"/>
                      <a:pt x="254408" y="23720"/>
                      <a:pt x="251265" y="23720"/>
                    </a:cubicBezTo>
                    <a:lnTo>
                      <a:pt x="69220" y="23720"/>
                    </a:lnTo>
                    <a:cubicBezTo>
                      <a:pt x="64328" y="9915"/>
                      <a:pt x="51162" y="0"/>
                      <a:pt x="35639" y="0"/>
                    </a:cubicBezTo>
                    <a:cubicBezTo>
                      <a:pt x="15958" y="0"/>
                      <a:pt x="0" y="15913"/>
                      <a:pt x="0" y="35536"/>
                    </a:cubicBezTo>
                    <a:cubicBezTo>
                      <a:pt x="0" y="55160"/>
                      <a:pt x="15958" y="71071"/>
                      <a:pt x="35639" y="71071"/>
                    </a:cubicBezTo>
                    <a:cubicBezTo>
                      <a:pt x="51162" y="71071"/>
                      <a:pt x="64328" y="61158"/>
                      <a:pt x="69220" y="47352"/>
                    </a:cubicBezTo>
                    <a:lnTo>
                      <a:pt x="246356" y="47351"/>
                    </a:lnTo>
                    <a:lnTo>
                      <a:pt x="317428" y="118221"/>
                    </a:lnTo>
                    <a:cubicBezTo>
                      <a:pt x="311096" y="131429"/>
                      <a:pt x="313376" y="147725"/>
                      <a:pt x="324349" y="158667"/>
                    </a:cubicBezTo>
                    <a:cubicBezTo>
                      <a:pt x="338265" y="172544"/>
                      <a:pt x="360839" y="172544"/>
                      <a:pt x="374751" y="158667"/>
                    </a:cubicBezTo>
                    <a:cubicBezTo>
                      <a:pt x="388667" y="144792"/>
                      <a:pt x="388667" y="122288"/>
                      <a:pt x="374755" y="108411"/>
                    </a:cubicBezTo>
                    <a:cubicBezTo>
                      <a:pt x="363778" y="97469"/>
                      <a:pt x="347440" y="95192"/>
                      <a:pt x="334188" y="101508"/>
                    </a:cubicBezTo>
                    <a:close/>
                  </a:path>
                </a:pathLst>
              </a:custGeom>
              <a:grpFill/>
              <a:ln w="0" cap="flat">
                <a:noFill/>
                <a:prstDash val="solid"/>
                <a:miter/>
              </a:ln>
            </p:spPr>
            <p:txBody>
              <a:bodyPr rtlCol="0" anchor="ctr"/>
              <a:lstStyle/>
              <a:p>
                <a:endParaRPr lang="en-US" sz="6000"/>
              </a:p>
            </p:txBody>
          </p:sp>
          <p:sp>
            <p:nvSpPr>
              <p:cNvPr id="26" name="Freeform 33">
                <a:extLst>
                  <a:ext uri="{FF2B5EF4-FFF2-40B4-BE49-F238E27FC236}">
                    <a16:creationId xmlns:a16="http://schemas.microsoft.com/office/drawing/2014/main" id="{2D75F30F-1B8C-C880-3E9A-33622E7AC640}"/>
                  </a:ext>
                </a:extLst>
              </p:cNvPr>
              <p:cNvSpPr/>
              <p:nvPr/>
            </p:nvSpPr>
            <p:spPr>
              <a:xfrm>
                <a:off x="3546942" y="5613525"/>
                <a:ext cx="277113" cy="190807"/>
              </a:xfrm>
              <a:custGeom>
                <a:avLst/>
                <a:gdLst>
                  <a:gd name="connsiteX0" fmla="*/ 277114 w 277113"/>
                  <a:gd name="connsiteY0" fmla="*/ 35537 h 190807"/>
                  <a:gd name="connsiteX1" fmla="*/ 241470 w 277113"/>
                  <a:gd name="connsiteY1" fmla="*/ 0 h 190807"/>
                  <a:gd name="connsiteX2" fmla="*/ 207892 w 277113"/>
                  <a:gd name="connsiteY2" fmla="*/ 23720 h 190807"/>
                  <a:gd name="connsiteX3" fmla="*/ 155757 w 277113"/>
                  <a:gd name="connsiteY3" fmla="*/ 23720 h 190807"/>
                  <a:gd name="connsiteX4" fmla="*/ 147378 w 277113"/>
                  <a:gd name="connsiteY4" fmla="*/ 27183 h 190807"/>
                  <a:gd name="connsiteX5" fmla="*/ 51010 w 277113"/>
                  <a:gd name="connsiteY5" fmla="*/ 123247 h 190807"/>
                  <a:gd name="connsiteX6" fmla="*/ 10440 w 277113"/>
                  <a:gd name="connsiteY6" fmla="*/ 130143 h 190807"/>
                  <a:gd name="connsiteX7" fmla="*/ 10436 w 277113"/>
                  <a:gd name="connsiteY7" fmla="*/ 180397 h 190807"/>
                  <a:gd name="connsiteX8" fmla="*/ 60840 w 277113"/>
                  <a:gd name="connsiteY8" fmla="*/ 180402 h 190807"/>
                  <a:gd name="connsiteX9" fmla="*/ 67763 w 277113"/>
                  <a:gd name="connsiteY9" fmla="*/ 139953 h 190807"/>
                  <a:gd name="connsiteX10" fmla="*/ 160660 w 277113"/>
                  <a:gd name="connsiteY10" fmla="*/ 47351 h 190807"/>
                  <a:gd name="connsiteX11" fmla="*/ 207892 w 277113"/>
                  <a:gd name="connsiteY11" fmla="*/ 47351 h 190807"/>
                  <a:gd name="connsiteX12" fmla="*/ 241470 w 277113"/>
                  <a:gd name="connsiteY12" fmla="*/ 71071 h 190807"/>
                  <a:gd name="connsiteX13" fmla="*/ 277114 w 277113"/>
                  <a:gd name="connsiteY13" fmla="*/ 35537 h 19080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Lst>
                <a:rect l="l" t="t" r="r" b="b"/>
                <a:pathLst>
                  <a:path w="277113" h="190807">
                    <a:moveTo>
                      <a:pt x="277114" y="35537"/>
                    </a:moveTo>
                    <a:cubicBezTo>
                      <a:pt x="277114" y="15914"/>
                      <a:pt x="261156" y="0"/>
                      <a:pt x="241470" y="0"/>
                    </a:cubicBezTo>
                    <a:cubicBezTo>
                      <a:pt x="225949" y="0"/>
                      <a:pt x="212784" y="9913"/>
                      <a:pt x="207892" y="23720"/>
                    </a:cubicBezTo>
                    <a:lnTo>
                      <a:pt x="155757" y="23720"/>
                    </a:lnTo>
                    <a:cubicBezTo>
                      <a:pt x="152611" y="23720"/>
                      <a:pt x="149599" y="24966"/>
                      <a:pt x="147378" y="27183"/>
                    </a:cubicBezTo>
                    <a:lnTo>
                      <a:pt x="51010" y="123247"/>
                    </a:lnTo>
                    <a:cubicBezTo>
                      <a:pt x="37765" y="116927"/>
                      <a:pt x="21417" y="119201"/>
                      <a:pt x="10440" y="130143"/>
                    </a:cubicBezTo>
                    <a:cubicBezTo>
                      <a:pt x="-3476" y="144018"/>
                      <a:pt x="-3483" y="166520"/>
                      <a:pt x="10436" y="180397"/>
                    </a:cubicBezTo>
                    <a:cubicBezTo>
                      <a:pt x="24348" y="194277"/>
                      <a:pt x="46922" y="194277"/>
                      <a:pt x="60840" y="180402"/>
                    </a:cubicBezTo>
                    <a:cubicBezTo>
                      <a:pt x="71817" y="169459"/>
                      <a:pt x="74102" y="153167"/>
                      <a:pt x="67763" y="139953"/>
                    </a:cubicBezTo>
                    <a:lnTo>
                      <a:pt x="160660" y="47351"/>
                    </a:lnTo>
                    <a:lnTo>
                      <a:pt x="207892" y="47351"/>
                    </a:lnTo>
                    <a:cubicBezTo>
                      <a:pt x="212784" y="61158"/>
                      <a:pt x="225949" y="71071"/>
                      <a:pt x="241470" y="71071"/>
                    </a:cubicBezTo>
                    <a:cubicBezTo>
                      <a:pt x="261156" y="71071"/>
                      <a:pt x="277114" y="55157"/>
                      <a:pt x="277114" y="35537"/>
                    </a:cubicBezTo>
                    <a:close/>
                  </a:path>
                </a:pathLst>
              </a:custGeom>
              <a:grpFill/>
              <a:ln w="0" cap="flat">
                <a:noFill/>
                <a:prstDash val="solid"/>
                <a:miter/>
              </a:ln>
            </p:spPr>
            <p:txBody>
              <a:bodyPr rtlCol="0" anchor="ctr"/>
              <a:lstStyle/>
              <a:p>
                <a:endParaRPr lang="en-US" sz="6000"/>
              </a:p>
            </p:txBody>
          </p:sp>
        </p:grpSp>
      </p:grpSp>
      <p:sp>
        <p:nvSpPr>
          <p:cNvPr id="27" name="Graphic 3">
            <a:extLst>
              <a:ext uri="{FF2B5EF4-FFF2-40B4-BE49-F238E27FC236}">
                <a16:creationId xmlns:a16="http://schemas.microsoft.com/office/drawing/2014/main" id="{913FCAFC-ED5C-CFCD-097E-D0070968239E}"/>
              </a:ext>
            </a:extLst>
          </p:cNvPr>
          <p:cNvSpPr/>
          <p:nvPr/>
        </p:nvSpPr>
        <p:spPr>
          <a:xfrm>
            <a:off x="11732134" y="8097967"/>
            <a:ext cx="1143749" cy="1351707"/>
          </a:xfrm>
          <a:custGeom>
            <a:avLst/>
            <a:gdLst>
              <a:gd name="connsiteX0" fmla="*/ 2135496 w 2135495"/>
              <a:gd name="connsiteY0" fmla="*/ 1641949 h 2373688"/>
              <a:gd name="connsiteX1" fmla="*/ 2135496 w 2135495"/>
              <a:gd name="connsiteY1" fmla="*/ 731745 h 2373688"/>
              <a:gd name="connsiteX2" fmla="*/ 1996802 w 2135495"/>
              <a:gd name="connsiteY2" fmla="*/ 492164 h 2373688"/>
              <a:gd name="connsiteX3" fmla="*/ 1206437 w 2135495"/>
              <a:gd name="connsiteY3" fmla="*/ 37063 h 2373688"/>
              <a:gd name="connsiteX4" fmla="*/ 929057 w 2135495"/>
              <a:gd name="connsiteY4" fmla="*/ 37063 h 2373688"/>
              <a:gd name="connsiteX5" fmla="*/ 138692 w 2135495"/>
              <a:gd name="connsiteY5" fmla="*/ 492164 h 2373688"/>
              <a:gd name="connsiteX6" fmla="*/ 0 w 2135495"/>
              <a:gd name="connsiteY6" fmla="*/ 731745 h 2373688"/>
              <a:gd name="connsiteX7" fmla="*/ 0 w 2135495"/>
              <a:gd name="connsiteY7" fmla="*/ 1641949 h 2373688"/>
              <a:gd name="connsiteX8" fmla="*/ 138692 w 2135495"/>
              <a:gd name="connsiteY8" fmla="*/ 1881529 h 2373688"/>
              <a:gd name="connsiteX9" fmla="*/ 929057 w 2135495"/>
              <a:gd name="connsiteY9" fmla="*/ 2336626 h 2373688"/>
              <a:gd name="connsiteX10" fmla="*/ 1206437 w 2135495"/>
              <a:gd name="connsiteY10" fmla="*/ 2336626 h 2373688"/>
              <a:gd name="connsiteX11" fmla="*/ 1996802 w 2135495"/>
              <a:gd name="connsiteY11" fmla="*/ 1881529 h 2373688"/>
              <a:gd name="connsiteX12" fmla="*/ 2135496 w 2135495"/>
              <a:gd name="connsiteY12" fmla="*/ 1641949 h 2373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135495" h="2373688">
                <a:moveTo>
                  <a:pt x="2135496" y="1641949"/>
                </a:moveTo>
                <a:lnTo>
                  <a:pt x="2135496" y="731745"/>
                </a:lnTo>
                <a:cubicBezTo>
                  <a:pt x="2135496" y="632909"/>
                  <a:pt x="2082632" y="541582"/>
                  <a:pt x="1996802" y="492164"/>
                </a:cubicBezTo>
                <a:lnTo>
                  <a:pt x="1206437" y="37063"/>
                </a:lnTo>
                <a:cubicBezTo>
                  <a:pt x="1120616" y="-12354"/>
                  <a:pt x="1014879" y="-12354"/>
                  <a:pt x="929057" y="37063"/>
                </a:cubicBezTo>
                <a:lnTo>
                  <a:pt x="138692" y="492164"/>
                </a:lnTo>
                <a:cubicBezTo>
                  <a:pt x="52869" y="541582"/>
                  <a:pt x="0" y="632909"/>
                  <a:pt x="0" y="731745"/>
                </a:cubicBezTo>
                <a:lnTo>
                  <a:pt x="0" y="1641949"/>
                </a:lnTo>
                <a:cubicBezTo>
                  <a:pt x="0" y="1740783"/>
                  <a:pt x="52869" y="1832112"/>
                  <a:pt x="138692" y="1881529"/>
                </a:cubicBezTo>
                <a:lnTo>
                  <a:pt x="929057" y="2336626"/>
                </a:lnTo>
                <a:cubicBezTo>
                  <a:pt x="1014879" y="2386043"/>
                  <a:pt x="1120616" y="2386043"/>
                  <a:pt x="1206437" y="2336626"/>
                </a:cubicBezTo>
                <a:lnTo>
                  <a:pt x="1996802" y="1881529"/>
                </a:lnTo>
                <a:cubicBezTo>
                  <a:pt x="2082632" y="1832112"/>
                  <a:pt x="2135496" y="1740783"/>
                  <a:pt x="2135496" y="1641949"/>
                </a:cubicBezTo>
                <a:close/>
              </a:path>
            </a:pathLst>
          </a:custGeom>
          <a:solidFill>
            <a:schemeClr val="accent3">
              <a:alpha val="50000"/>
            </a:schemeClr>
          </a:solidFill>
          <a:ln>
            <a:noFill/>
          </a:ln>
        </p:spPr>
        <p:style>
          <a:lnRef idx="0">
            <a:scrgbClr r="0" g="0" b="0"/>
          </a:lnRef>
          <a:fillRef idx="0">
            <a:scrgbClr r="0" g="0" b="0"/>
          </a:fillRef>
          <a:effectRef idx="0">
            <a:scrgbClr r="0" g="0" b="0"/>
          </a:effectRef>
          <a:fontRef idx="minor">
            <a:schemeClr val="lt1"/>
          </a:fontRef>
        </p:style>
        <p:txBody>
          <a:bodyPr rot="0" spcFirstLastPara="0" vertOverflow="overflow" horzOverflow="overflow" vert="horz" wrap="square" lIns="203200" tIns="101600" rIns="203200" bIns="101600" numCol="1" spcCol="0" rtlCol="0" fromWordArt="0" anchor="ctr" anchorCtr="0" forceAA="0" compatLnSpc="1">
            <a:prstTxWarp prst="textNoShape">
              <a:avLst/>
            </a:prstTxWarp>
            <a:noAutofit/>
          </a:bodyPr>
          <a:lstStyle/>
          <a:p>
            <a:pPr>
              <a:buClrTx/>
              <a:buFontTx/>
              <a:buNone/>
            </a:pPr>
            <a:endParaRPr lang="en-US" sz="4000">
              <a:solidFill>
                <a:prstClr val="black"/>
              </a:solidFill>
              <a:latin typeface="Calibri" panose="020F0502020204030204"/>
            </a:endParaRPr>
          </a:p>
        </p:txBody>
      </p:sp>
      <p:sp>
        <p:nvSpPr>
          <p:cNvPr id="28" name="Graphic 3">
            <a:extLst>
              <a:ext uri="{FF2B5EF4-FFF2-40B4-BE49-F238E27FC236}">
                <a16:creationId xmlns:a16="http://schemas.microsoft.com/office/drawing/2014/main" id="{A21732BF-0AC8-9A64-9B9F-EAA0C8D1664D}"/>
              </a:ext>
            </a:extLst>
          </p:cNvPr>
          <p:cNvSpPr/>
          <p:nvPr/>
        </p:nvSpPr>
        <p:spPr>
          <a:xfrm>
            <a:off x="11753590" y="5830125"/>
            <a:ext cx="1143749" cy="1351707"/>
          </a:xfrm>
          <a:custGeom>
            <a:avLst/>
            <a:gdLst>
              <a:gd name="connsiteX0" fmla="*/ 2135496 w 2135495"/>
              <a:gd name="connsiteY0" fmla="*/ 1641949 h 2373688"/>
              <a:gd name="connsiteX1" fmla="*/ 2135496 w 2135495"/>
              <a:gd name="connsiteY1" fmla="*/ 731745 h 2373688"/>
              <a:gd name="connsiteX2" fmla="*/ 1996802 w 2135495"/>
              <a:gd name="connsiteY2" fmla="*/ 492164 h 2373688"/>
              <a:gd name="connsiteX3" fmla="*/ 1206437 w 2135495"/>
              <a:gd name="connsiteY3" fmla="*/ 37063 h 2373688"/>
              <a:gd name="connsiteX4" fmla="*/ 929057 w 2135495"/>
              <a:gd name="connsiteY4" fmla="*/ 37063 h 2373688"/>
              <a:gd name="connsiteX5" fmla="*/ 138692 w 2135495"/>
              <a:gd name="connsiteY5" fmla="*/ 492164 h 2373688"/>
              <a:gd name="connsiteX6" fmla="*/ 0 w 2135495"/>
              <a:gd name="connsiteY6" fmla="*/ 731745 h 2373688"/>
              <a:gd name="connsiteX7" fmla="*/ 0 w 2135495"/>
              <a:gd name="connsiteY7" fmla="*/ 1641949 h 2373688"/>
              <a:gd name="connsiteX8" fmla="*/ 138692 w 2135495"/>
              <a:gd name="connsiteY8" fmla="*/ 1881529 h 2373688"/>
              <a:gd name="connsiteX9" fmla="*/ 929057 w 2135495"/>
              <a:gd name="connsiteY9" fmla="*/ 2336626 h 2373688"/>
              <a:gd name="connsiteX10" fmla="*/ 1206437 w 2135495"/>
              <a:gd name="connsiteY10" fmla="*/ 2336626 h 2373688"/>
              <a:gd name="connsiteX11" fmla="*/ 1996802 w 2135495"/>
              <a:gd name="connsiteY11" fmla="*/ 1881529 h 2373688"/>
              <a:gd name="connsiteX12" fmla="*/ 2135496 w 2135495"/>
              <a:gd name="connsiteY12" fmla="*/ 1641949 h 2373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135495" h="2373688">
                <a:moveTo>
                  <a:pt x="2135496" y="1641949"/>
                </a:moveTo>
                <a:lnTo>
                  <a:pt x="2135496" y="731745"/>
                </a:lnTo>
                <a:cubicBezTo>
                  <a:pt x="2135496" y="632909"/>
                  <a:pt x="2082632" y="541582"/>
                  <a:pt x="1996802" y="492164"/>
                </a:cubicBezTo>
                <a:lnTo>
                  <a:pt x="1206437" y="37063"/>
                </a:lnTo>
                <a:cubicBezTo>
                  <a:pt x="1120616" y="-12354"/>
                  <a:pt x="1014879" y="-12354"/>
                  <a:pt x="929057" y="37063"/>
                </a:cubicBezTo>
                <a:lnTo>
                  <a:pt x="138692" y="492164"/>
                </a:lnTo>
                <a:cubicBezTo>
                  <a:pt x="52869" y="541582"/>
                  <a:pt x="0" y="632909"/>
                  <a:pt x="0" y="731745"/>
                </a:cubicBezTo>
                <a:lnTo>
                  <a:pt x="0" y="1641949"/>
                </a:lnTo>
                <a:cubicBezTo>
                  <a:pt x="0" y="1740783"/>
                  <a:pt x="52869" y="1832112"/>
                  <a:pt x="138692" y="1881529"/>
                </a:cubicBezTo>
                <a:lnTo>
                  <a:pt x="929057" y="2336626"/>
                </a:lnTo>
                <a:cubicBezTo>
                  <a:pt x="1014879" y="2386043"/>
                  <a:pt x="1120616" y="2386043"/>
                  <a:pt x="1206437" y="2336626"/>
                </a:cubicBezTo>
                <a:lnTo>
                  <a:pt x="1996802" y="1881529"/>
                </a:lnTo>
                <a:cubicBezTo>
                  <a:pt x="2082632" y="1832112"/>
                  <a:pt x="2135496" y="1740783"/>
                  <a:pt x="2135496" y="1641949"/>
                </a:cubicBezTo>
                <a:close/>
              </a:path>
            </a:pathLst>
          </a:custGeom>
          <a:solidFill>
            <a:schemeClr val="accent3">
              <a:alpha val="50000"/>
            </a:schemeClr>
          </a:solidFill>
          <a:ln>
            <a:noFill/>
          </a:ln>
        </p:spPr>
        <p:style>
          <a:lnRef idx="0">
            <a:scrgbClr r="0" g="0" b="0"/>
          </a:lnRef>
          <a:fillRef idx="0">
            <a:scrgbClr r="0" g="0" b="0"/>
          </a:fillRef>
          <a:effectRef idx="0">
            <a:scrgbClr r="0" g="0" b="0"/>
          </a:effectRef>
          <a:fontRef idx="minor">
            <a:schemeClr val="lt1"/>
          </a:fontRef>
        </p:style>
        <p:txBody>
          <a:bodyPr rot="0" spcFirstLastPara="0" vertOverflow="overflow" horzOverflow="overflow" vert="horz" wrap="square" lIns="203200" tIns="101600" rIns="203200" bIns="101600" numCol="1" spcCol="0" rtlCol="0" fromWordArt="0" anchor="ctr" anchorCtr="0" forceAA="0" compatLnSpc="1">
            <a:prstTxWarp prst="textNoShape">
              <a:avLst/>
            </a:prstTxWarp>
            <a:noAutofit/>
          </a:bodyPr>
          <a:lstStyle/>
          <a:p>
            <a:pPr>
              <a:buClrTx/>
              <a:buFontTx/>
              <a:buNone/>
            </a:pPr>
            <a:endParaRPr lang="en-US" sz="4000">
              <a:solidFill>
                <a:prstClr val="black"/>
              </a:solidFill>
              <a:latin typeface="Calibri" panose="020F0502020204030204"/>
            </a:endParaRPr>
          </a:p>
        </p:txBody>
      </p:sp>
      <p:sp>
        <p:nvSpPr>
          <p:cNvPr id="29" name="Graphic 3">
            <a:extLst>
              <a:ext uri="{FF2B5EF4-FFF2-40B4-BE49-F238E27FC236}">
                <a16:creationId xmlns:a16="http://schemas.microsoft.com/office/drawing/2014/main" id="{E419D0C4-1143-2D93-F376-7355E2CB99C3}"/>
              </a:ext>
            </a:extLst>
          </p:cNvPr>
          <p:cNvSpPr/>
          <p:nvPr/>
        </p:nvSpPr>
        <p:spPr>
          <a:xfrm>
            <a:off x="11748132" y="3850098"/>
            <a:ext cx="1143749" cy="1351707"/>
          </a:xfrm>
          <a:custGeom>
            <a:avLst/>
            <a:gdLst>
              <a:gd name="connsiteX0" fmla="*/ 2135496 w 2135495"/>
              <a:gd name="connsiteY0" fmla="*/ 1641949 h 2373688"/>
              <a:gd name="connsiteX1" fmla="*/ 2135496 w 2135495"/>
              <a:gd name="connsiteY1" fmla="*/ 731745 h 2373688"/>
              <a:gd name="connsiteX2" fmla="*/ 1996802 w 2135495"/>
              <a:gd name="connsiteY2" fmla="*/ 492164 h 2373688"/>
              <a:gd name="connsiteX3" fmla="*/ 1206437 w 2135495"/>
              <a:gd name="connsiteY3" fmla="*/ 37063 h 2373688"/>
              <a:gd name="connsiteX4" fmla="*/ 929057 w 2135495"/>
              <a:gd name="connsiteY4" fmla="*/ 37063 h 2373688"/>
              <a:gd name="connsiteX5" fmla="*/ 138692 w 2135495"/>
              <a:gd name="connsiteY5" fmla="*/ 492164 h 2373688"/>
              <a:gd name="connsiteX6" fmla="*/ 0 w 2135495"/>
              <a:gd name="connsiteY6" fmla="*/ 731745 h 2373688"/>
              <a:gd name="connsiteX7" fmla="*/ 0 w 2135495"/>
              <a:gd name="connsiteY7" fmla="*/ 1641949 h 2373688"/>
              <a:gd name="connsiteX8" fmla="*/ 138692 w 2135495"/>
              <a:gd name="connsiteY8" fmla="*/ 1881529 h 2373688"/>
              <a:gd name="connsiteX9" fmla="*/ 929057 w 2135495"/>
              <a:gd name="connsiteY9" fmla="*/ 2336626 h 2373688"/>
              <a:gd name="connsiteX10" fmla="*/ 1206437 w 2135495"/>
              <a:gd name="connsiteY10" fmla="*/ 2336626 h 2373688"/>
              <a:gd name="connsiteX11" fmla="*/ 1996802 w 2135495"/>
              <a:gd name="connsiteY11" fmla="*/ 1881529 h 2373688"/>
              <a:gd name="connsiteX12" fmla="*/ 2135496 w 2135495"/>
              <a:gd name="connsiteY12" fmla="*/ 1641949 h 2373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135495" h="2373688">
                <a:moveTo>
                  <a:pt x="2135496" y="1641949"/>
                </a:moveTo>
                <a:lnTo>
                  <a:pt x="2135496" y="731745"/>
                </a:lnTo>
                <a:cubicBezTo>
                  <a:pt x="2135496" y="632909"/>
                  <a:pt x="2082632" y="541582"/>
                  <a:pt x="1996802" y="492164"/>
                </a:cubicBezTo>
                <a:lnTo>
                  <a:pt x="1206437" y="37063"/>
                </a:lnTo>
                <a:cubicBezTo>
                  <a:pt x="1120616" y="-12354"/>
                  <a:pt x="1014879" y="-12354"/>
                  <a:pt x="929057" y="37063"/>
                </a:cubicBezTo>
                <a:lnTo>
                  <a:pt x="138692" y="492164"/>
                </a:lnTo>
                <a:cubicBezTo>
                  <a:pt x="52869" y="541582"/>
                  <a:pt x="0" y="632909"/>
                  <a:pt x="0" y="731745"/>
                </a:cubicBezTo>
                <a:lnTo>
                  <a:pt x="0" y="1641949"/>
                </a:lnTo>
                <a:cubicBezTo>
                  <a:pt x="0" y="1740783"/>
                  <a:pt x="52869" y="1832112"/>
                  <a:pt x="138692" y="1881529"/>
                </a:cubicBezTo>
                <a:lnTo>
                  <a:pt x="929057" y="2336626"/>
                </a:lnTo>
                <a:cubicBezTo>
                  <a:pt x="1014879" y="2386043"/>
                  <a:pt x="1120616" y="2386043"/>
                  <a:pt x="1206437" y="2336626"/>
                </a:cubicBezTo>
                <a:lnTo>
                  <a:pt x="1996802" y="1881529"/>
                </a:lnTo>
                <a:cubicBezTo>
                  <a:pt x="2082632" y="1832112"/>
                  <a:pt x="2135496" y="1740783"/>
                  <a:pt x="2135496" y="1641949"/>
                </a:cubicBezTo>
                <a:close/>
              </a:path>
            </a:pathLst>
          </a:custGeom>
          <a:solidFill>
            <a:schemeClr val="accent3">
              <a:alpha val="50000"/>
            </a:schemeClr>
          </a:solidFill>
          <a:ln>
            <a:noFill/>
          </a:ln>
        </p:spPr>
        <p:style>
          <a:lnRef idx="0">
            <a:scrgbClr r="0" g="0" b="0"/>
          </a:lnRef>
          <a:fillRef idx="0">
            <a:scrgbClr r="0" g="0" b="0"/>
          </a:fillRef>
          <a:effectRef idx="0">
            <a:scrgbClr r="0" g="0" b="0"/>
          </a:effectRef>
          <a:fontRef idx="minor">
            <a:schemeClr val="lt1"/>
          </a:fontRef>
        </p:style>
        <p:txBody>
          <a:bodyPr rot="0" spcFirstLastPara="0" vertOverflow="overflow" horzOverflow="overflow" vert="horz" wrap="square" lIns="203200" tIns="101600" rIns="203200" bIns="101600" numCol="1" spcCol="0" rtlCol="0" fromWordArt="0" anchor="ctr" anchorCtr="0" forceAA="0" compatLnSpc="1">
            <a:prstTxWarp prst="textNoShape">
              <a:avLst/>
            </a:prstTxWarp>
            <a:noAutofit/>
          </a:bodyPr>
          <a:lstStyle/>
          <a:p>
            <a:pPr>
              <a:buClrTx/>
              <a:buFontTx/>
              <a:buNone/>
            </a:pPr>
            <a:endParaRPr lang="en-US" sz="4000">
              <a:solidFill>
                <a:prstClr val="black"/>
              </a:solidFill>
              <a:latin typeface="Calibri" panose="020F0502020204030204"/>
            </a:endParaRPr>
          </a:p>
        </p:txBody>
      </p:sp>
      <p:sp>
        <p:nvSpPr>
          <p:cNvPr id="30" name="Graphic 3">
            <a:extLst>
              <a:ext uri="{FF2B5EF4-FFF2-40B4-BE49-F238E27FC236}">
                <a16:creationId xmlns:a16="http://schemas.microsoft.com/office/drawing/2014/main" id="{7BEBBC4A-9443-54BD-C083-B43D8C5C067F}"/>
              </a:ext>
            </a:extLst>
          </p:cNvPr>
          <p:cNvSpPr/>
          <p:nvPr/>
        </p:nvSpPr>
        <p:spPr>
          <a:xfrm>
            <a:off x="11748132" y="2015778"/>
            <a:ext cx="1143749" cy="1351707"/>
          </a:xfrm>
          <a:custGeom>
            <a:avLst/>
            <a:gdLst>
              <a:gd name="connsiteX0" fmla="*/ 2135496 w 2135495"/>
              <a:gd name="connsiteY0" fmla="*/ 1641949 h 2373688"/>
              <a:gd name="connsiteX1" fmla="*/ 2135496 w 2135495"/>
              <a:gd name="connsiteY1" fmla="*/ 731745 h 2373688"/>
              <a:gd name="connsiteX2" fmla="*/ 1996802 w 2135495"/>
              <a:gd name="connsiteY2" fmla="*/ 492164 h 2373688"/>
              <a:gd name="connsiteX3" fmla="*/ 1206437 w 2135495"/>
              <a:gd name="connsiteY3" fmla="*/ 37063 h 2373688"/>
              <a:gd name="connsiteX4" fmla="*/ 929057 w 2135495"/>
              <a:gd name="connsiteY4" fmla="*/ 37063 h 2373688"/>
              <a:gd name="connsiteX5" fmla="*/ 138692 w 2135495"/>
              <a:gd name="connsiteY5" fmla="*/ 492164 h 2373688"/>
              <a:gd name="connsiteX6" fmla="*/ 0 w 2135495"/>
              <a:gd name="connsiteY6" fmla="*/ 731745 h 2373688"/>
              <a:gd name="connsiteX7" fmla="*/ 0 w 2135495"/>
              <a:gd name="connsiteY7" fmla="*/ 1641949 h 2373688"/>
              <a:gd name="connsiteX8" fmla="*/ 138692 w 2135495"/>
              <a:gd name="connsiteY8" fmla="*/ 1881529 h 2373688"/>
              <a:gd name="connsiteX9" fmla="*/ 929057 w 2135495"/>
              <a:gd name="connsiteY9" fmla="*/ 2336626 h 2373688"/>
              <a:gd name="connsiteX10" fmla="*/ 1206437 w 2135495"/>
              <a:gd name="connsiteY10" fmla="*/ 2336626 h 2373688"/>
              <a:gd name="connsiteX11" fmla="*/ 1996802 w 2135495"/>
              <a:gd name="connsiteY11" fmla="*/ 1881529 h 2373688"/>
              <a:gd name="connsiteX12" fmla="*/ 2135496 w 2135495"/>
              <a:gd name="connsiteY12" fmla="*/ 1641949 h 2373688"/>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Lst>
            <a:rect l="l" t="t" r="r" b="b"/>
            <a:pathLst>
              <a:path w="2135495" h="2373688">
                <a:moveTo>
                  <a:pt x="2135496" y="1641949"/>
                </a:moveTo>
                <a:lnTo>
                  <a:pt x="2135496" y="731745"/>
                </a:lnTo>
                <a:cubicBezTo>
                  <a:pt x="2135496" y="632909"/>
                  <a:pt x="2082632" y="541582"/>
                  <a:pt x="1996802" y="492164"/>
                </a:cubicBezTo>
                <a:lnTo>
                  <a:pt x="1206437" y="37063"/>
                </a:lnTo>
                <a:cubicBezTo>
                  <a:pt x="1120616" y="-12354"/>
                  <a:pt x="1014879" y="-12354"/>
                  <a:pt x="929057" y="37063"/>
                </a:cubicBezTo>
                <a:lnTo>
                  <a:pt x="138692" y="492164"/>
                </a:lnTo>
                <a:cubicBezTo>
                  <a:pt x="52869" y="541582"/>
                  <a:pt x="0" y="632909"/>
                  <a:pt x="0" y="731745"/>
                </a:cubicBezTo>
                <a:lnTo>
                  <a:pt x="0" y="1641949"/>
                </a:lnTo>
                <a:cubicBezTo>
                  <a:pt x="0" y="1740783"/>
                  <a:pt x="52869" y="1832112"/>
                  <a:pt x="138692" y="1881529"/>
                </a:cubicBezTo>
                <a:lnTo>
                  <a:pt x="929057" y="2336626"/>
                </a:lnTo>
                <a:cubicBezTo>
                  <a:pt x="1014879" y="2386043"/>
                  <a:pt x="1120616" y="2386043"/>
                  <a:pt x="1206437" y="2336626"/>
                </a:cubicBezTo>
                <a:lnTo>
                  <a:pt x="1996802" y="1881529"/>
                </a:lnTo>
                <a:cubicBezTo>
                  <a:pt x="2082632" y="1832112"/>
                  <a:pt x="2135496" y="1740783"/>
                  <a:pt x="2135496" y="1641949"/>
                </a:cubicBezTo>
                <a:close/>
              </a:path>
            </a:pathLst>
          </a:custGeom>
          <a:solidFill>
            <a:schemeClr val="accent3">
              <a:alpha val="50000"/>
            </a:schemeClr>
          </a:solidFill>
          <a:ln>
            <a:noFill/>
          </a:ln>
        </p:spPr>
        <p:style>
          <a:lnRef idx="0">
            <a:scrgbClr r="0" g="0" b="0"/>
          </a:lnRef>
          <a:fillRef idx="0">
            <a:scrgbClr r="0" g="0" b="0"/>
          </a:fillRef>
          <a:effectRef idx="0">
            <a:scrgbClr r="0" g="0" b="0"/>
          </a:effectRef>
          <a:fontRef idx="minor">
            <a:schemeClr val="lt1"/>
          </a:fontRef>
        </p:style>
        <p:txBody>
          <a:bodyPr rot="0" spcFirstLastPara="0" vertOverflow="overflow" horzOverflow="overflow" vert="horz" wrap="square" lIns="203200" tIns="101600" rIns="203200" bIns="101600" numCol="1" spcCol="0" rtlCol="0" fromWordArt="0" anchor="ctr" anchorCtr="0" forceAA="0" compatLnSpc="1">
            <a:prstTxWarp prst="textNoShape">
              <a:avLst/>
            </a:prstTxWarp>
            <a:noAutofit/>
          </a:bodyPr>
          <a:lstStyle/>
          <a:p>
            <a:pPr>
              <a:buClrTx/>
              <a:buFontTx/>
              <a:buNone/>
            </a:pPr>
            <a:endParaRPr lang="en-US" sz="4000">
              <a:solidFill>
                <a:prstClr val="black"/>
              </a:solidFill>
              <a:latin typeface="Calibri" panose="020F0502020204030204"/>
            </a:endParaRPr>
          </a:p>
        </p:txBody>
      </p:sp>
      <p:cxnSp>
        <p:nvCxnSpPr>
          <p:cNvPr id="31" name="Elbow Connector 11">
            <a:extLst>
              <a:ext uri="{FF2B5EF4-FFF2-40B4-BE49-F238E27FC236}">
                <a16:creationId xmlns:a16="http://schemas.microsoft.com/office/drawing/2014/main" id="{6A8945E9-5A55-74FA-2BF3-4438497F9EE0}"/>
              </a:ext>
            </a:extLst>
          </p:cNvPr>
          <p:cNvCxnSpPr>
            <a:cxnSpLocks/>
          </p:cNvCxnSpPr>
          <p:nvPr/>
        </p:nvCxnSpPr>
        <p:spPr>
          <a:xfrm flipV="1">
            <a:off x="8598202" y="2675432"/>
            <a:ext cx="3647262" cy="724058"/>
          </a:xfrm>
          <a:prstGeom prst="bentConnector3">
            <a:avLst>
              <a:gd name="adj1" fmla="val 50000"/>
            </a:avLst>
          </a:prstGeom>
          <a:noFill/>
          <a:ln w="31750" cap="flat" cmpd="sng" algn="ctr">
            <a:solidFill>
              <a:srgbClr val="2C5F71"/>
            </a:solidFill>
            <a:prstDash val="solid"/>
            <a:miter lim="800000"/>
          </a:ln>
          <a:effectLst/>
        </p:spPr>
      </p:cxnSp>
      <p:cxnSp>
        <p:nvCxnSpPr>
          <p:cNvPr id="2048" name="Elbow Connector 23">
            <a:extLst>
              <a:ext uri="{FF2B5EF4-FFF2-40B4-BE49-F238E27FC236}">
                <a16:creationId xmlns:a16="http://schemas.microsoft.com/office/drawing/2014/main" id="{78FC32BF-666E-4F1C-E301-EE40E7C0EBFE}"/>
              </a:ext>
            </a:extLst>
          </p:cNvPr>
          <p:cNvCxnSpPr>
            <a:cxnSpLocks/>
            <a:endCxn id="2053" idx="2"/>
          </p:cNvCxnSpPr>
          <p:nvPr/>
        </p:nvCxnSpPr>
        <p:spPr>
          <a:xfrm flipV="1">
            <a:off x="9189200" y="4536523"/>
            <a:ext cx="2843360" cy="867520"/>
          </a:xfrm>
          <a:prstGeom prst="bentConnector3">
            <a:avLst>
              <a:gd name="adj1" fmla="val 50000"/>
            </a:avLst>
          </a:prstGeom>
          <a:noFill/>
          <a:ln w="31750" cap="flat" cmpd="sng" algn="ctr">
            <a:solidFill>
              <a:srgbClr val="2C5F71"/>
            </a:solidFill>
            <a:prstDash val="solid"/>
            <a:miter lim="800000"/>
          </a:ln>
          <a:effectLst/>
        </p:spPr>
      </p:cxnSp>
      <p:cxnSp>
        <p:nvCxnSpPr>
          <p:cNvPr id="2049" name="Elbow Connector 24">
            <a:extLst>
              <a:ext uri="{FF2B5EF4-FFF2-40B4-BE49-F238E27FC236}">
                <a16:creationId xmlns:a16="http://schemas.microsoft.com/office/drawing/2014/main" id="{C23801EC-E170-6611-FECB-84F265669365}"/>
              </a:ext>
            </a:extLst>
          </p:cNvPr>
          <p:cNvCxnSpPr>
            <a:cxnSpLocks/>
            <a:endCxn id="2054" idx="2"/>
          </p:cNvCxnSpPr>
          <p:nvPr/>
        </p:nvCxnSpPr>
        <p:spPr>
          <a:xfrm flipV="1">
            <a:off x="9189200" y="6509555"/>
            <a:ext cx="2848818" cy="439456"/>
          </a:xfrm>
          <a:prstGeom prst="bentConnector3">
            <a:avLst>
              <a:gd name="adj1" fmla="val 52119"/>
            </a:avLst>
          </a:prstGeom>
          <a:noFill/>
          <a:ln w="31750" cap="flat" cmpd="sng" algn="ctr">
            <a:solidFill>
              <a:srgbClr val="2C5F71"/>
            </a:solidFill>
            <a:prstDash val="solid"/>
            <a:miter lim="800000"/>
          </a:ln>
          <a:effectLst/>
        </p:spPr>
      </p:cxnSp>
      <p:cxnSp>
        <p:nvCxnSpPr>
          <p:cNvPr id="2051" name="Elbow Connector 25">
            <a:extLst>
              <a:ext uri="{FF2B5EF4-FFF2-40B4-BE49-F238E27FC236}">
                <a16:creationId xmlns:a16="http://schemas.microsoft.com/office/drawing/2014/main" id="{8CF07241-71DC-EB44-CF3F-1F2A120FF50E}"/>
              </a:ext>
            </a:extLst>
          </p:cNvPr>
          <p:cNvCxnSpPr>
            <a:cxnSpLocks/>
          </p:cNvCxnSpPr>
          <p:nvPr/>
        </p:nvCxnSpPr>
        <p:spPr>
          <a:xfrm>
            <a:off x="8582205" y="8138295"/>
            <a:ext cx="3738389" cy="666118"/>
          </a:xfrm>
          <a:prstGeom prst="bentConnector3">
            <a:avLst>
              <a:gd name="adj1" fmla="val 50000"/>
            </a:avLst>
          </a:prstGeom>
          <a:noFill/>
          <a:ln w="31750" cap="flat" cmpd="sng" algn="ctr">
            <a:solidFill>
              <a:srgbClr val="2C5F71"/>
            </a:solidFill>
            <a:prstDash val="solid"/>
            <a:miter lim="800000"/>
          </a:ln>
          <a:effectLst/>
        </p:spPr>
      </p:cxnSp>
      <p:sp>
        <p:nvSpPr>
          <p:cNvPr id="2052" name="Oval 2051">
            <a:extLst>
              <a:ext uri="{FF2B5EF4-FFF2-40B4-BE49-F238E27FC236}">
                <a16:creationId xmlns:a16="http://schemas.microsoft.com/office/drawing/2014/main" id="{1960EDAA-47B2-9BFA-A550-2B980EB8699C}"/>
              </a:ext>
            </a:extLst>
          </p:cNvPr>
          <p:cNvSpPr/>
          <p:nvPr/>
        </p:nvSpPr>
        <p:spPr>
          <a:xfrm>
            <a:off x="12032561" y="2501308"/>
            <a:ext cx="381087" cy="381087"/>
          </a:xfrm>
          <a:prstGeom prst="ellipse">
            <a:avLst/>
          </a:prstGeom>
          <a:solidFill>
            <a:srgbClr val="F76C6C"/>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4000">
              <a:solidFill>
                <a:prstClr val="white"/>
              </a:solidFill>
              <a:latin typeface="Calibri" panose="020F0502020204030204"/>
            </a:endParaRPr>
          </a:p>
        </p:txBody>
      </p:sp>
      <p:sp>
        <p:nvSpPr>
          <p:cNvPr id="2053" name="Oval 2052">
            <a:extLst>
              <a:ext uri="{FF2B5EF4-FFF2-40B4-BE49-F238E27FC236}">
                <a16:creationId xmlns:a16="http://schemas.microsoft.com/office/drawing/2014/main" id="{DF95DA76-6AE8-DC0C-DDC8-6512ACAA0666}"/>
              </a:ext>
            </a:extLst>
          </p:cNvPr>
          <p:cNvSpPr/>
          <p:nvPr/>
        </p:nvSpPr>
        <p:spPr>
          <a:xfrm>
            <a:off x="12032561" y="4345979"/>
            <a:ext cx="381087" cy="381087"/>
          </a:xfrm>
          <a:prstGeom prst="ellipse">
            <a:avLst/>
          </a:prstGeom>
          <a:solidFill>
            <a:srgbClr val="F76C6C"/>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4000">
              <a:solidFill>
                <a:prstClr val="white"/>
              </a:solidFill>
              <a:latin typeface="Calibri" panose="020F0502020204030204"/>
            </a:endParaRPr>
          </a:p>
        </p:txBody>
      </p:sp>
      <p:sp>
        <p:nvSpPr>
          <p:cNvPr id="2054" name="Oval 2053">
            <a:extLst>
              <a:ext uri="{FF2B5EF4-FFF2-40B4-BE49-F238E27FC236}">
                <a16:creationId xmlns:a16="http://schemas.microsoft.com/office/drawing/2014/main" id="{5FBC1A4C-D3ED-B8DC-9E59-4197B58D72F8}"/>
              </a:ext>
            </a:extLst>
          </p:cNvPr>
          <p:cNvSpPr/>
          <p:nvPr/>
        </p:nvSpPr>
        <p:spPr>
          <a:xfrm>
            <a:off x="12038019" y="6319011"/>
            <a:ext cx="381087" cy="381087"/>
          </a:xfrm>
          <a:prstGeom prst="ellipse">
            <a:avLst/>
          </a:prstGeom>
          <a:solidFill>
            <a:srgbClr val="F76C6C"/>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4000">
              <a:solidFill>
                <a:prstClr val="white"/>
              </a:solidFill>
              <a:latin typeface="Calibri" panose="020F0502020204030204"/>
            </a:endParaRPr>
          </a:p>
        </p:txBody>
      </p:sp>
      <p:sp>
        <p:nvSpPr>
          <p:cNvPr id="2055" name="Oval 2054">
            <a:extLst>
              <a:ext uri="{FF2B5EF4-FFF2-40B4-BE49-F238E27FC236}">
                <a16:creationId xmlns:a16="http://schemas.microsoft.com/office/drawing/2014/main" id="{FE61A7B9-D74D-2009-434D-C3F2C7C84ACA}"/>
              </a:ext>
            </a:extLst>
          </p:cNvPr>
          <p:cNvSpPr/>
          <p:nvPr/>
        </p:nvSpPr>
        <p:spPr>
          <a:xfrm>
            <a:off x="12016563" y="8590231"/>
            <a:ext cx="381087" cy="381087"/>
          </a:xfrm>
          <a:prstGeom prst="ellipse">
            <a:avLst/>
          </a:prstGeom>
          <a:solidFill>
            <a:srgbClr val="F76C6C"/>
          </a:solidFill>
          <a:ln w="12700" cap="flat" cmpd="sng" algn="ctr">
            <a:noFill/>
            <a:prstDash val="solid"/>
            <a:miter lim="800000"/>
          </a:ln>
          <a:effectLst/>
        </p:spPr>
        <p:txBody>
          <a:bodyPr rtlCol="0" anchor="ctr"/>
          <a:lstStyle/>
          <a:p>
            <a:pPr algn="ctr" defTabSz="2031980" eaLnBrk="1" fontAlgn="auto" hangingPunct="1">
              <a:spcBef>
                <a:spcPts val="0"/>
              </a:spcBef>
              <a:spcAft>
                <a:spcPts val="0"/>
              </a:spcAft>
              <a:defRPr/>
            </a:pPr>
            <a:endParaRPr lang="en-US" sz="4000">
              <a:solidFill>
                <a:prstClr val="white"/>
              </a:solidFill>
              <a:latin typeface="Calibri" panose="020F0502020204030204"/>
            </a:endParaRPr>
          </a:p>
        </p:txBody>
      </p:sp>
      <p:sp>
        <p:nvSpPr>
          <p:cNvPr id="2056" name="Title 3">
            <a:extLst>
              <a:ext uri="{FF2B5EF4-FFF2-40B4-BE49-F238E27FC236}">
                <a16:creationId xmlns:a16="http://schemas.microsoft.com/office/drawing/2014/main" id="{C388B9CB-7BAD-C814-0DDC-5AC0477F1FB3}"/>
              </a:ext>
            </a:extLst>
          </p:cNvPr>
          <p:cNvSpPr txBox="1">
            <a:spLocks/>
          </p:cNvSpPr>
          <p:nvPr/>
        </p:nvSpPr>
        <p:spPr>
          <a:xfrm>
            <a:off x="13126252" y="8347617"/>
            <a:ext cx="4656753" cy="705514"/>
          </a:xfrm>
          <a:prstGeom prst="rect">
            <a:avLst/>
          </a:prstGeom>
        </p:spPr>
        <p:txBody>
          <a:bodyPr vert="horz" wrap="square" lIns="203200" tIns="101600" rIns="203200" bIns="101600" rtlCol="0" anchor="ctr">
            <a:sp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10000"/>
              </a:lnSpc>
              <a:spcAft>
                <a:spcPts val="1778"/>
              </a:spcAft>
            </a:pPr>
            <a:r>
              <a:rPr lang="en-US" sz="3111" b="1" dirty="0">
                <a:solidFill>
                  <a:schemeClr val="tx2"/>
                </a:solidFill>
                <a:latin typeface="Calibri" panose="020F0502020204030204" pitchFamily="34" charset="0"/>
                <a:cs typeface="Calibri" panose="020F0502020204030204" pitchFamily="34" charset="0"/>
              </a:rPr>
              <a:t>Recommendations</a:t>
            </a:r>
          </a:p>
        </p:txBody>
      </p:sp>
      <p:sp>
        <p:nvSpPr>
          <p:cNvPr id="2057" name="TextBox 2056">
            <a:extLst>
              <a:ext uri="{FF2B5EF4-FFF2-40B4-BE49-F238E27FC236}">
                <a16:creationId xmlns:a16="http://schemas.microsoft.com/office/drawing/2014/main" id="{487BE529-64AB-198E-EF80-6A56CEA01EED}"/>
              </a:ext>
            </a:extLst>
          </p:cNvPr>
          <p:cNvSpPr txBox="1"/>
          <p:nvPr/>
        </p:nvSpPr>
        <p:spPr>
          <a:xfrm>
            <a:off x="13126252" y="2273671"/>
            <a:ext cx="3562242" cy="592663"/>
          </a:xfrm>
          <a:prstGeom prst="rect">
            <a:avLst/>
          </a:prstGeom>
          <a:noFill/>
        </p:spPr>
        <p:txBody>
          <a:bodyPr wrap="square">
            <a:spAutoFit/>
          </a:bodyPr>
          <a:lstStyle/>
          <a:p>
            <a:pPr>
              <a:lnSpc>
                <a:spcPct val="110000"/>
              </a:lnSpc>
              <a:spcAft>
                <a:spcPts val="1778"/>
              </a:spcAft>
            </a:pPr>
            <a:r>
              <a:rPr lang="en-US" sz="3111" b="1" dirty="0">
                <a:solidFill>
                  <a:schemeClr val="tx2"/>
                </a:solidFill>
                <a:cs typeface="Calibri" panose="020F0502020204030204" pitchFamily="34" charset="0"/>
              </a:rPr>
              <a:t>Summarization</a:t>
            </a:r>
          </a:p>
        </p:txBody>
      </p:sp>
      <p:sp>
        <p:nvSpPr>
          <p:cNvPr id="2058" name="TextBox 2057">
            <a:extLst>
              <a:ext uri="{FF2B5EF4-FFF2-40B4-BE49-F238E27FC236}">
                <a16:creationId xmlns:a16="http://schemas.microsoft.com/office/drawing/2014/main" id="{BD924533-2AD1-E6A6-8F60-89B7E66D0C1E}"/>
              </a:ext>
            </a:extLst>
          </p:cNvPr>
          <p:cNvSpPr txBox="1"/>
          <p:nvPr/>
        </p:nvSpPr>
        <p:spPr>
          <a:xfrm>
            <a:off x="13126252" y="4123002"/>
            <a:ext cx="4044496" cy="592663"/>
          </a:xfrm>
          <a:prstGeom prst="rect">
            <a:avLst/>
          </a:prstGeom>
          <a:noFill/>
        </p:spPr>
        <p:txBody>
          <a:bodyPr wrap="square">
            <a:spAutoFit/>
          </a:bodyPr>
          <a:lstStyle/>
          <a:p>
            <a:pPr>
              <a:lnSpc>
                <a:spcPct val="110000"/>
              </a:lnSpc>
              <a:spcAft>
                <a:spcPts val="1778"/>
              </a:spcAft>
            </a:pPr>
            <a:r>
              <a:rPr lang="en-US" sz="3111" b="1" dirty="0">
                <a:solidFill>
                  <a:schemeClr val="tx2"/>
                </a:solidFill>
                <a:cs typeface="Calibri" panose="020F0502020204030204" pitchFamily="34" charset="0"/>
              </a:rPr>
              <a:t>Sentiment Analysis</a:t>
            </a:r>
          </a:p>
        </p:txBody>
      </p:sp>
      <p:sp>
        <p:nvSpPr>
          <p:cNvPr id="2059" name="Title 3">
            <a:extLst>
              <a:ext uri="{FF2B5EF4-FFF2-40B4-BE49-F238E27FC236}">
                <a16:creationId xmlns:a16="http://schemas.microsoft.com/office/drawing/2014/main" id="{5ADAF6E7-36A9-5A05-5510-52B1AF560016}"/>
              </a:ext>
            </a:extLst>
          </p:cNvPr>
          <p:cNvSpPr txBox="1">
            <a:spLocks/>
          </p:cNvSpPr>
          <p:nvPr/>
        </p:nvSpPr>
        <p:spPr>
          <a:xfrm>
            <a:off x="13140334" y="6105217"/>
            <a:ext cx="4656753" cy="705514"/>
          </a:xfrm>
          <a:prstGeom prst="rect">
            <a:avLst/>
          </a:prstGeom>
        </p:spPr>
        <p:txBody>
          <a:bodyPr vert="horz" wrap="square" lIns="203200" tIns="101600" rIns="203200" bIns="101600" rtlCol="0" anchor="ctr">
            <a:sp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nSpc>
                <a:spcPct val="110000"/>
              </a:lnSpc>
              <a:spcAft>
                <a:spcPts val="1778"/>
              </a:spcAft>
            </a:pPr>
            <a:r>
              <a:rPr lang="en-US" sz="3111" b="1" dirty="0">
                <a:solidFill>
                  <a:schemeClr val="tx2"/>
                </a:solidFill>
                <a:latin typeface="Calibri" panose="020F0502020204030204" pitchFamily="34" charset="0"/>
                <a:cs typeface="Calibri" panose="020F0502020204030204" pitchFamily="34" charset="0"/>
              </a:rPr>
              <a:t>Risk Scoring/Prediction</a:t>
            </a:r>
          </a:p>
        </p:txBody>
      </p:sp>
    </p:spTree>
    <p:extLst>
      <p:ext uri="{BB962C8B-B14F-4D97-AF65-F5344CB8AC3E}">
        <p14:creationId xmlns:p14="http://schemas.microsoft.com/office/powerpoint/2010/main" val="3697155783"/>
      </p:ext>
    </p:extLst>
  </p:cSld>
  <p:clrMapOvr>
    <a:masterClrMapping/>
  </p:clrMapOvr>
  <p:transition spd="slow">
    <p:push dir="u"/>
  </p:transition>
</p:sld>
</file>

<file path=ppt/tags/tag1.xml><?xml version="1.0" encoding="utf-8"?>
<p:tagLst xmlns:a="http://schemas.openxmlformats.org/drawingml/2006/main" xmlns:r="http://schemas.openxmlformats.org/officeDocument/2006/relationships" xmlns:p="http://schemas.openxmlformats.org/presentationml/2006/main">
  <p:tag name="GUIDECOLS" val="2"/>
  <p:tag name="GUIDEROWS" val="1"/>
  <p:tag name="GUTTERCOL" val="0.8 cm"/>
  <p:tag name="GUTTERROW" val="0.8 cm"/>
  <p:tag name="GUIDESAPPLIEDTO" val="2"/>
</p:tagLst>
</file>

<file path=ppt/tags/tag10.xml><?xml version="1.0" encoding="utf-8"?>
<p:tagLst xmlns:a="http://schemas.openxmlformats.org/drawingml/2006/main" xmlns:r="http://schemas.openxmlformats.org/officeDocument/2006/relationships" xmlns:p="http://schemas.openxmlformats.org/presentationml/2006/main">
  <p:tag name="GUIDESTITLESHAPE" val="True"/>
</p:tagLst>
</file>

<file path=ppt/tags/tag11.xml><?xml version="1.0" encoding="utf-8"?>
<p:tagLst xmlns:a="http://schemas.openxmlformats.org/drawingml/2006/main" xmlns:r="http://schemas.openxmlformats.org/officeDocument/2006/relationships" xmlns:p="http://schemas.openxmlformats.org/presentationml/2006/main">
  <p:tag name="MASTERTOPMARGIN" val="124.7244"/>
  <p:tag name="MASTERLEFTMARGIN" val="56.6929"/>
  <p:tag name="MASTERRIGHTMARGIN" val="56.6929"/>
  <p:tag name="MASTERBOTTOMMARGIN" val="56.6929"/>
  <p:tag name="CUSTMASTERTOPMARGIN" val="143.7165"/>
  <p:tag name="CUSTMASTERLEFTMARGIN" val="66.0472"/>
  <p:tag name="CUSTMASTERRIGHTMARGIN" val="66.0472"/>
  <p:tag name="CUSTMASTERBOTTOMMARGIN" val="53.5748"/>
  <p:tag name="GUIDECOLS" val="2"/>
  <p:tag name="GUIDEROWS" val="1"/>
  <p:tag name="GUTTERCOL" val="0.8 cm"/>
  <p:tag name="GUTTERROW" val="0.8 cm"/>
  <p:tag name="GUIDESAPPLIEDTO" val="2"/>
</p:tagLst>
</file>

<file path=ppt/tags/tag12.xml><?xml version="1.0" encoding="utf-8"?>
<p:tagLst xmlns:a="http://schemas.openxmlformats.org/drawingml/2006/main" xmlns:r="http://schemas.openxmlformats.org/officeDocument/2006/relationships" xmlns:p="http://schemas.openxmlformats.org/presentationml/2006/main">
  <p:tag name="GUIDESTITLESHAPE" val="True"/>
</p:tagLst>
</file>

<file path=ppt/tags/tag13.xml><?xml version="1.0" encoding="utf-8"?>
<p:tagLst xmlns:a="http://schemas.openxmlformats.org/drawingml/2006/main" xmlns:r="http://schemas.openxmlformats.org/officeDocument/2006/relationships" xmlns:p="http://schemas.openxmlformats.org/presentationml/2006/main">
  <p:tag name="MASTERTOPMARGIN" val="124.7244"/>
  <p:tag name="MASTERLEFTMARGIN" val="56.6929"/>
  <p:tag name="MASTERRIGHTMARGIN" val="56.6929"/>
  <p:tag name="MASTERBOTTOMMARGIN" val="56.6929"/>
  <p:tag name="CUSTMASTERTOPMARGIN" val="143.7165"/>
  <p:tag name="CUSTMASTERLEFTMARGIN" val="66.0472"/>
  <p:tag name="CUSTMASTERRIGHTMARGIN" val="66.0472"/>
  <p:tag name="CUSTMASTERBOTTOMMARGIN" val="53.5748"/>
  <p:tag name="GUIDECOLS" val="4"/>
  <p:tag name="GUIDEROWS" val="2"/>
  <p:tag name="GUTTERCOL" val="0.8 cm"/>
  <p:tag name="GUTTERROW" val="0.8 cm"/>
  <p:tag name="GUIDESAPPLIEDTO" val="2"/>
</p:tagLst>
</file>

<file path=ppt/tags/tag14.xml><?xml version="1.0" encoding="utf-8"?>
<p:tagLst xmlns:a="http://schemas.openxmlformats.org/drawingml/2006/main" xmlns:r="http://schemas.openxmlformats.org/officeDocument/2006/relationships" xmlns:p="http://schemas.openxmlformats.org/presentationml/2006/main">
  <p:tag name="GUIDESTITLESHAPE" val="True"/>
</p:tagLst>
</file>

<file path=ppt/tags/tag15.xml><?xml version="1.0" encoding="utf-8"?>
<p:tagLst xmlns:a="http://schemas.openxmlformats.org/drawingml/2006/main" xmlns:r="http://schemas.openxmlformats.org/officeDocument/2006/relationships" xmlns:p="http://schemas.openxmlformats.org/presentationml/2006/main">
  <p:tag name="GUIDECOLS" val="2"/>
  <p:tag name="GUIDEROWS" val="1"/>
  <p:tag name="GUTTERCOL" val="0.8 cm"/>
  <p:tag name="GUTTERROW" val="0.8 cm"/>
  <p:tag name="GUIDESAPPLIEDTO" val="2"/>
</p:tagLst>
</file>

<file path=ppt/tags/tag16.xml><?xml version="1.0" encoding="utf-8"?>
<p:tagLst xmlns:a="http://schemas.openxmlformats.org/drawingml/2006/main" xmlns:r="http://schemas.openxmlformats.org/officeDocument/2006/relationships" xmlns:p="http://schemas.openxmlformats.org/presentationml/2006/main">
  <p:tag name="GUIDESTITLESHAPE" val="True"/>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GUIDECOLS" val="2"/>
  <p:tag name="GUIDEROWS" val="1"/>
  <p:tag name="GUTTERCOL" val="0.8 cm"/>
  <p:tag name="GUTTERROW" val="0.8 cm"/>
  <p:tag name="GUIDESAPPLIEDTO" val="2"/>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9-08-03T00:00:00.0000000Z"/>
  <p:tag name="OTLENDDATE" val="2019-10-28T05:38:00.0000000Z"/>
  <p:tag name="OTLPERCENTAGE" val="75"/>
  <p:tag name="OTLDURATIONFORMAT" val="day"/>
  <p:tag name="OTLSPACING" val="3"/>
  <p:tag name="OTLSHAPETHICKNESSTYPE" val="Thin"/>
  <p:tag name="OTLWEEKNUMBERINGFORMAT" val="WNFormat1"/>
  <p:tag name="OTLWEEKNUMBERINGISVISIBLE" val="False"/>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9-08-03T00:00:00.0000000Z"/>
  <p:tag name="OTLENDDATE" val="2019-10-28T05:38:00.0000000Z"/>
  <p:tag name="OTLPERCENTAGE" val="75"/>
  <p:tag name="OTLDURATIONFORMAT" val="day"/>
  <p:tag name="OTLSPACING" val="3"/>
  <p:tag name="OTLSHAPETHICKNESSTYPE" val="Thin"/>
  <p:tag name="OTLWEEKNUMBERINGFORMAT" val="WNFormat1"/>
  <p:tag name="OTLWEEKNUMBERINGISVISIBLE" val="False"/>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9-08-03T00:00:00.0000000Z"/>
  <p:tag name="OTLENDDATE" val="2019-10-28T05:38:00.0000000Z"/>
  <p:tag name="OTLPERCENTAGE" val="75"/>
  <p:tag name="OTLDURATIONFORMAT" val="day"/>
  <p:tag name="OTLSPACING" val="3"/>
  <p:tag name="OTLSHAPETHICKNESSTYPE" val="Thin"/>
  <p:tag name="OTLWEEKNUMBERINGFORMAT" val="WNFormat1"/>
  <p:tag name="OTLWEEKNUMBERINGISVISIBLE" val="False"/>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9-08-03T00:00:00.0000000Z"/>
  <p:tag name="OTLENDDATE" val="2019-10-28T05:38:00.0000000Z"/>
  <p:tag name="OTLPERCENTAGE" val="75"/>
  <p:tag name="OTLDURATIONFORMAT" val="day"/>
  <p:tag name="OTLSPACING" val="3"/>
  <p:tag name="OTLSHAPETHICKNESSTYPE" val="Thin"/>
  <p:tag name="OTLWEEKNUMBERINGFORMAT" val="WNFormat1"/>
  <p:tag name="OTLWEEKNUMBERINGISVISIBLE" val="False"/>
</p:tagLst>
</file>

<file path=ppt/tags/tag3.xml><?xml version="1.0" encoding="utf-8"?>
<p:tagLst xmlns:a="http://schemas.openxmlformats.org/drawingml/2006/main" xmlns:r="http://schemas.openxmlformats.org/officeDocument/2006/relationships" xmlns:p="http://schemas.openxmlformats.org/presentationml/2006/main">
  <p:tag name="GUIDECOLS" val="2"/>
  <p:tag name="GUIDEROWS" val="1"/>
  <p:tag name="GUTTERCOL" val="0.8 cm"/>
  <p:tag name="GUTTERROW" val="0.8 cm"/>
  <p:tag name="GUIDESAPPLIEDTO" val="2"/>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9-07-07T00:00:00.0000000Z"/>
  <p:tag name="OTLENDDATE" val="2019-09-14T23:59:00.0000000Z"/>
  <p:tag name="OTLDURATIONFORMAT" val="day"/>
  <p:tag name="OTLSPACING" val="3"/>
  <p:tag name="OTLSHAPETHICKNESSTYPE" val="Thin"/>
  <p:tag name="OTLWEEKNUMBERINGFORMAT" val="WNFormat1"/>
  <p:tag name="OTLWEEKNUMBERINGISVISIBLE" val="False"/>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9-08-03T00:00:00.0000000Z"/>
  <p:tag name="OTLENDDATE" val="2019-10-28T05:38:00.0000000Z"/>
  <p:tag name="OTLPERCENTAGE" val="75"/>
  <p:tag name="OTLDURATIONFORMAT" val="day"/>
  <p:tag name="OTLSPACING" val="3"/>
  <p:tag name="OTLSHAPETHICKNESSTYPE" val="Thin"/>
  <p:tag name="OTLWEEKNUMBERINGFORMAT" val="WNFormat1"/>
  <p:tag name="OTLWEEKNUMBERINGISVISIBLE" val="False"/>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9-08-03T00:00:00.0000000Z"/>
  <p:tag name="OTLENDDATE" val="2019-10-28T05:38:00.0000000Z"/>
  <p:tag name="OTLPERCENTAGE" val="75"/>
  <p:tag name="OTLDURATIONFORMAT" val="day"/>
  <p:tag name="OTLSPACING" val="3"/>
  <p:tag name="OTLSHAPETHICKNESSTYPE" val="Thin"/>
  <p:tag name="OTLWEEKNUMBERINGFORMAT" val="WNFormat1"/>
  <p:tag name="OTLWEEKNUMBERINGISVISIBLE" val="False"/>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9-01-02T00:00:00.0000000Z"/>
  <p:tag name="OTLENDDATE" val="2019-03-31T19:44:00.0000000"/>
  <p:tag name="OTLPERCENTAGE" val="100"/>
  <p:tag name="OTLDURATIONFORMAT" val="day"/>
  <p:tag name="OTLSPACING" val="3"/>
  <p:tag name="OTLSHAPETHICKNESSTYPE" val="Thin"/>
  <p:tag name="OTLWEEKNUMBERINGFORMAT" val="WNFormat1"/>
  <p:tag name="OTLWEEKNUMBERINGISVISIBLE" val="False"/>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9-01-02T00:00:00.0000000Z"/>
  <p:tag name="OTLENDDATE" val="2019-03-31T19:44:00.0000000"/>
  <p:tag name="OTLPERCENTAGE" val="100"/>
  <p:tag name="OTLDURATIONFORMAT" val="day"/>
  <p:tag name="OTLSPACING" val="3"/>
  <p:tag name="OTLSHAPETHICKNESSTYPE" val="Thin"/>
  <p:tag name="OTLWEEKNUMBERINGFORMAT" val="WNFormat1"/>
  <p:tag name="OTLWEEKNUMBERINGISVISIBLE" val="False"/>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9-01-02T00:00:00.0000000Z"/>
  <p:tag name="OTLENDDATE" val="2019-03-31T19:44:00.0000000"/>
  <p:tag name="OTLPERCENTAGE" val="100"/>
  <p:tag name="OTLDURATIONFORMAT" val="day"/>
  <p:tag name="OTLSPACING" val="3"/>
  <p:tag name="OTLSHAPETHICKNESSTYPE" val="Thin"/>
  <p:tag name="OTLWEEKNUMBERINGFORMAT" val="WNFormat1"/>
  <p:tag name="OTLWEEKNUMBERINGISVISIBLE" val="False"/>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9-01-02T00:00:00.0000000Z"/>
  <p:tag name="OTLENDDATE" val="2019-03-31T19:44:00.0000000"/>
  <p:tag name="OTLPERCENTAGE" val="100"/>
  <p:tag name="OTLDURATIONFORMAT" val="day"/>
  <p:tag name="OTLSPACING" val="3"/>
  <p:tag name="OTLSHAPETHICKNESSTYPE" val="Thin"/>
  <p:tag name="OTLWEEKNUMBERINGFORMAT" val="WNFormat1"/>
  <p:tag name="OTLWEEKNUMBERINGISVISIBLE" val="False"/>
</p:tagLst>
</file>

<file path=ppt/tags/tag4.xml><?xml version="1.0" encoding="utf-8"?>
<p:tagLst xmlns:a="http://schemas.openxmlformats.org/drawingml/2006/main" xmlns:r="http://schemas.openxmlformats.org/officeDocument/2006/relationships" xmlns:p="http://schemas.openxmlformats.org/presentationml/2006/main">
  <p:tag name="GUIDESTITLESHAPE" val="True"/>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9-08-03T00:00:00.0000000Z"/>
  <p:tag name="OTLENDDATE" val="2019-10-28T05:38:00.0000000Z"/>
  <p:tag name="OTLPERCENTAGE" val="75"/>
  <p:tag name="OTLDURATIONFORMAT" val="day"/>
  <p:tag name="OTLSPACING" val="3"/>
  <p:tag name="OTLSHAPETHICKNESSTYPE" val="Thin"/>
  <p:tag name="OTLWEEKNUMBERINGFORMAT" val="WNFormat1"/>
  <p:tag name="OTLWEEKNUMBERINGISVISIBLE" val="False"/>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9-07-07T00:00:00.0000000Z"/>
  <p:tag name="OTLENDDATE" val="2019-09-14T23:59:00.0000000Z"/>
  <p:tag name="OTLDURATIONFORMAT" val="day"/>
  <p:tag name="OTLSPACING" val="3"/>
  <p:tag name="OTLSHAPETHICKNESSTYPE" val="Thin"/>
  <p:tag name="OTLWEEKNUMBERINGFORMAT" val="WNFormat1"/>
  <p:tag name="OTLWEEKNUMBERINGISVISIBLE" val="False"/>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9-08-03T00:00:00.0000000Z"/>
  <p:tag name="OTLENDDATE" val="2019-10-28T05:38:00.0000000Z"/>
  <p:tag name="OTLPERCENTAGE" val="75"/>
  <p:tag name="OTLDURATIONFORMAT" val="day"/>
  <p:tag name="OTLSPACING" val="3"/>
  <p:tag name="OTLSHAPETHICKNESSTYPE" val="Thin"/>
  <p:tag name="OTLWEEKNUMBERINGFORMAT" val="WNFormat1"/>
  <p:tag name="OTLWEEKNUMBERINGISVISIBLE" val="False"/>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9-08-03T00:00:00.0000000Z"/>
  <p:tag name="OTLENDDATE" val="2019-10-28T05:38:00.0000000Z"/>
  <p:tag name="OTLPERCENTAGE" val="75"/>
  <p:tag name="OTLDURATIONFORMAT" val="day"/>
  <p:tag name="OTLSPACING" val="3"/>
  <p:tag name="OTLSHAPETHICKNESSTYPE" val="Thin"/>
  <p:tag name="OTLWEEKNUMBERINGFORMAT" val="WNFormat1"/>
  <p:tag name="OTLWEEKNUMBERINGISVISIBLE" val="False"/>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9-01-02T00:00:00.0000000Z"/>
  <p:tag name="OTLENDDATE" val="2019-03-31T19:44:00.0000000"/>
  <p:tag name="OTLPERCENTAGE" val="100"/>
  <p:tag name="OTLDURATIONFORMAT" val="day"/>
  <p:tag name="OTLSPACING" val="3"/>
  <p:tag name="OTLSHAPETHICKNESSTYPE" val="Thin"/>
  <p:tag name="OTLWEEKNUMBERINGFORMAT" val="WNFormat1"/>
  <p:tag name="OTLWEEKNUMBERINGISVISIBLE" val="False"/>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9-08-03T00:00:00.0000000Z"/>
  <p:tag name="OTLENDDATE" val="2019-10-28T05:38:00.0000000Z"/>
  <p:tag name="OTLPERCENTAGE" val="75"/>
  <p:tag name="OTLDURATIONFORMAT" val="day"/>
  <p:tag name="OTLSPACING" val="3"/>
  <p:tag name="OTLSHAPETHICKNESSTYPE" val="Thin"/>
  <p:tag name="OTLWEEKNUMBERINGFORMAT" val="WNFormat1"/>
  <p:tag name="OTLWEEKNUMBERINGISVISIBLE" val="False"/>
</p:tagLst>
</file>

<file path=ppt/tags/tag5.xml><?xml version="1.0" encoding="utf-8"?>
<p:tagLst xmlns:a="http://schemas.openxmlformats.org/drawingml/2006/main" xmlns:r="http://schemas.openxmlformats.org/officeDocument/2006/relationships" xmlns:p="http://schemas.openxmlformats.org/presentationml/2006/main">
  <p:tag name="GUIDECOLS" val="2"/>
  <p:tag name="GUIDEROWS" val="1"/>
  <p:tag name="GUTTERCOL" val="0.8 cm"/>
  <p:tag name="GUTTERROW" val="0.8 cm"/>
  <p:tag name="GUIDESAPPLIEDTO" val="2"/>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9-08-03T00:00:00.0000000Z"/>
  <p:tag name="OTLENDDATE" val="2019-10-28T05:38:00.0000000Z"/>
  <p:tag name="OTLPERCENTAGE" val="75"/>
  <p:tag name="OTLDURATIONFORMAT" val="day"/>
  <p:tag name="OTLSPACING" val="3"/>
  <p:tag name="OTLSHAPETHICKNESSTYPE" val="Thin"/>
  <p:tag name="OTLWEEKNUMBERINGFORMAT" val="WNFormat1"/>
  <p:tag name="OTLWEEKNUMBERINGISVISIBLE" val="False"/>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9-08-03T00:00:00.0000000Z"/>
  <p:tag name="OTLENDDATE" val="2019-10-28T05:38:00.0000000Z"/>
  <p:tag name="OTLPERCENTAGE" val="75"/>
  <p:tag name="OTLDURATIONFORMAT" val="day"/>
  <p:tag name="OTLSPACING" val="3"/>
  <p:tag name="OTLSHAPETHICKNESSTYPE" val="Thin"/>
  <p:tag name="OTLWEEKNUMBERINGFORMAT" val="WNFormat1"/>
  <p:tag name="OTLWEEKNUMBERINGISVISIBLE" val="False"/>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9-08-03T00:00:00.0000000Z"/>
  <p:tag name="OTLENDDATE" val="2019-10-28T05:38:00.0000000Z"/>
  <p:tag name="OTLPERCENTAGE" val="75"/>
  <p:tag name="OTLDURATIONFORMAT" val="day"/>
  <p:tag name="OTLSPACING" val="3"/>
  <p:tag name="OTLSHAPETHICKNESSTYPE" val="Thin"/>
  <p:tag name="OTLWEEKNUMBERINGFORMAT" val="WNFormat1"/>
  <p:tag name="OTLWEEKNUMBERINGISVISIBLE" val="False"/>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9-07-07T00:00:00.0000000Z"/>
  <p:tag name="OTLENDDATE" val="2019-09-14T23:59:00.0000000Z"/>
  <p:tag name="OTLDURATIONFORMAT" val="day"/>
  <p:tag name="OTLSPACING" val="3"/>
  <p:tag name="OTLSHAPETHICKNESSTYPE" val="Thin"/>
  <p:tag name="OTLWEEKNUMBERINGFORMAT" val="WNFormat1"/>
  <p:tag name="OTLWEEKNUMBERINGISVISIBLE" val="False"/>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9-08-03T00:00:00.0000000Z"/>
  <p:tag name="OTLENDDATE" val="2019-10-28T05:38:00.0000000Z"/>
  <p:tag name="OTLPERCENTAGE" val="75"/>
  <p:tag name="OTLDURATIONFORMAT" val="day"/>
  <p:tag name="OTLSPACING" val="3"/>
  <p:tag name="OTLSHAPETHICKNESSTYPE" val="Thin"/>
  <p:tag name="OTLWEEKNUMBERINGFORMAT" val="WNFormat1"/>
  <p:tag name="OTLWEEKNUMBERINGISVISIBLE" val="False"/>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9-08-03T00:00:00.0000000Z"/>
  <p:tag name="OTLENDDATE" val="2019-10-28T05:38:00.0000000Z"/>
  <p:tag name="OTLPERCENTAGE" val="75"/>
  <p:tag name="OTLDURATIONFORMAT" val="day"/>
  <p:tag name="OTLSPACING" val="3"/>
  <p:tag name="OTLSHAPETHICKNESSTYPE" val="Thin"/>
  <p:tag name="OTLWEEKNUMBERINGFORMAT" val="WNFormat1"/>
  <p:tag name="OTLWEEKNUMBERINGISVISIBLE" val="False"/>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9-01-02T00:00:00.0000000Z"/>
  <p:tag name="OTLENDDATE" val="2019-03-31T19:44:00.0000000"/>
  <p:tag name="OTLPERCENTAGE" val="100"/>
  <p:tag name="OTLDURATIONFORMAT" val="day"/>
  <p:tag name="OTLSPACING" val="3"/>
  <p:tag name="OTLSHAPETHICKNESSTYPE" val="Thin"/>
  <p:tag name="OTLWEEKNUMBERINGFORMAT" val="WNFormat1"/>
  <p:tag name="OTLWEEKNUMBERINGISVISIBLE" val="False"/>
</p:tagLst>
</file>

<file path=ppt/tags/tag6.xml><?xml version="1.0" encoding="utf-8"?>
<p:tagLst xmlns:a="http://schemas.openxmlformats.org/drawingml/2006/main" xmlns:r="http://schemas.openxmlformats.org/officeDocument/2006/relationships" xmlns:p="http://schemas.openxmlformats.org/presentationml/2006/main">
  <p:tag name="GUIDECOLS" val="2"/>
  <p:tag name="GUIDEROWS" val="1"/>
  <p:tag name="GUTTERCOL" val="0.8 cm"/>
  <p:tag name="GUTTERROW" val="0.8 cm"/>
  <p:tag name="GUIDESAPPLIEDTO" val="2"/>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9-01-02T00:00:00.0000000Z"/>
  <p:tag name="OTLENDDATE" val="2019-03-31T19:44:00.0000000"/>
  <p:tag name="OTLPERCENTAGE" val="100"/>
  <p:tag name="OTLDURATIONFORMAT" val="day"/>
  <p:tag name="OTLSPACING" val="3"/>
  <p:tag name="OTLSHAPETHICKNESSTYPE" val="Thin"/>
  <p:tag name="OTLWEEKNUMBERINGFORMAT" val="WNFormat1"/>
  <p:tag name="OTLWEEKNUMBERINGISVISIBLE" val="False"/>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9-01-02T00:00:00.0000000Z"/>
  <p:tag name="OTLENDDATE" val="2019-03-31T19:44:00.0000000"/>
  <p:tag name="OTLPERCENTAGE" val="100"/>
  <p:tag name="OTLDURATIONFORMAT" val="day"/>
  <p:tag name="OTLSPACING" val="3"/>
  <p:tag name="OTLSHAPETHICKNESSTYPE" val="Thin"/>
  <p:tag name="OTLWEEKNUMBERINGFORMAT" val="WNFormat1"/>
  <p:tag name="OTLWEEKNUMBERINGISVISIBLE" val="False"/>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9-01-02T00:00:00.0000000Z"/>
  <p:tag name="OTLENDDATE" val="2019-03-31T19:44:00.0000000"/>
  <p:tag name="OTLPERCENTAGE" val="100"/>
  <p:tag name="OTLDURATIONFORMAT" val="day"/>
  <p:tag name="OTLSPACING" val="3"/>
  <p:tag name="OTLSHAPETHICKNESSTYPE" val="Thin"/>
  <p:tag name="OTLWEEKNUMBERINGFORMAT" val="WNFormat1"/>
  <p:tag name="OTLWEEKNUMBERINGISVISIBLE" val="False"/>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9-08-03T00:00:00.0000000Z"/>
  <p:tag name="OTLENDDATE" val="2019-10-28T05:38:00.0000000Z"/>
  <p:tag name="OTLPERCENTAGE" val="75"/>
  <p:tag name="OTLDURATIONFORMAT" val="day"/>
  <p:tag name="OTLSPACING" val="3"/>
  <p:tag name="OTLSHAPETHICKNESSTYPE" val="Thin"/>
  <p:tag name="OTLWEEKNUMBERINGFORMAT" val="WNFormat1"/>
  <p:tag name="OTLWEEKNUMBERINGISVISIBLE" val="False"/>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9-08-03T00:00:00.0000000Z"/>
  <p:tag name="OTLENDDATE" val="2019-10-28T05:38:00.0000000Z"/>
  <p:tag name="OTLPERCENTAGE" val="75"/>
  <p:tag name="OTLDURATIONFORMAT" val="day"/>
  <p:tag name="OTLSPACING" val="3"/>
  <p:tag name="OTLSHAPETHICKNESSTYPE" val="Thin"/>
  <p:tag name="OTLWEEKNUMBERINGFORMAT" val="WNFormat1"/>
  <p:tag name="OTLWEEKNUMBERINGISVISIBLE" val="False"/>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9-08-03T00:00:00.0000000Z"/>
  <p:tag name="OTLENDDATE" val="2019-10-28T05:38:00.0000000Z"/>
  <p:tag name="OTLPERCENTAGE" val="75"/>
  <p:tag name="OTLDURATIONFORMAT" val="day"/>
  <p:tag name="OTLSPACING" val="3"/>
  <p:tag name="OTLSHAPETHICKNESSTYPE" val="Thin"/>
  <p:tag name="OTLWEEKNUMBERINGFORMAT" val="WNFormat1"/>
  <p:tag name="OTLWEEKNUMBERINGISVISIBLE" val="False"/>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 name="OTLDATEFORMATSTRING" val="MMM d"/>
  <p:tag name="OTLDATEFORMATSEPARATOR" val="/"/>
  <p:tag name="OTLDATEFORMATUSEUS" val="True"/>
  <p:tag name="OTLDATEFORMATDATEISVISIBLE" val="True"/>
  <p:tag name="OTLDATEFORMATTIMEISVISIBLE" val="False"/>
  <p:tag name="OTLDATEFORMATAMPMDESIGNATOR" val="AmPmLowerCase"/>
  <p:tag name="OTLDATEFORMATHOURDIGITS" val="H"/>
  <p:tag name="OTLDATEFORMATTRIM00MINUTES" val="False"/>
  <p:tag name="OTLSTARTDATE" val="2019-07-07T00:00:00.0000000Z"/>
  <p:tag name="OTLENDDATE" val="2019-09-14T23:59:00.0000000Z"/>
  <p:tag name="OTLDURATIONFORMAT" val="day"/>
  <p:tag name="OTLSPACING" val="3"/>
  <p:tag name="OTLSHAPETHICKNESSTYPE" val="Thin"/>
  <p:tag name="OTLWEEKNUMBERINGFORMAT" val="WNFormat1"/>
  <p:tag name="OTLWEEKNUMBERINGISVISIBLE" val="False"/>
</p:tagLst>
</file>

<file path=ppt/tags/tag7.xml><?xml version="1.0" encoding="utf-8"?>
<p:tagLst xmlns:a="http://schemas.openxmlformats.org/drawingml/2006/main" xmlns:r="http://schemas.openxmlformats.org/officeDocument/2006/relationships" xmlns:p="http://schemas.openxmlformats.org/presentationml/2006/main">
  <p:tag name="MASTERTOPMARGIN" val="124.7244"/>
  <p:tag name="MASTERLEFTMARGIN" val="56.6929"/>
  <p:tag name="MASTERRIGHTMARGIN" val="56.6929"/>
  <p:tag name="MASTERBOTTOMMARGIN" val="56.6929"/>
  <p:tag name="CUSTMASTERTOPMARGIN" val="143.7165"/>
  <p:tag name="CUSTMASTERLEFTMARGIN" val="66.0472"/>
  <p:tag name="CUSTMASTERRIGHTMARGIN" val="66.0472"/>
  <p:tag name="CUSTMASTERBOTTOMMARGIN" val="53.5748"/>
  <p:tag name="GUIDECOLS" val="2"/>
  <p:tag name="GUIDEROWS" val="1"/>
  <p:tag name="GUTTERCOL" val="0.8 cm"/>
  <p:tag name="GUTTERROW" val="0.8 cm"/>
  <p:tag name="GUIDESAPPLIEDTO" val="2"/>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GUIDESTITLESHAPE" val="True"/>
</p:tagLst>
</file>

<file path=ppt/tags/tag9.xml><?xml version="1.0" encoding="utf-8"?>
<p:tagLst xmlns:a="http://schemas.openxmlformats.org/drawingml/2006/main" xmlns:r="http://schemas.openxmlformats.org/officeDocument/2006/relationships" xmlns:p="http://schemas.openxmlformats.org/presentationml/2006/main">
  <p:tag name="GUIDECOLS" val="2"/>
  <p:tag name="GUIDEROWS" val="1"/>
  <p:tag name="GUTTERCOL" val="0.8 cm"/>
  <p:tag name="GUTTERROW" val="0.8 cm"/>
  <p:tag name="GUIDESAPPLIEDTO" val="2"/>
</p:tagLst>
</file>

<file path=ppt/theme/theme1.xml><?xml version="1.0" encoding="utf-8"?>
<a:theme xmlns:a="http://schemas.openxmlformats.org/drawingml/2006/main" name="Covers">
  <a:themeElements>
    <a:clrScheme name="Keoghs_Davies Colour Palette">
      <a:dk1>
        <a:srgbClr val="54565A"/>
      </a:dk1>
      <a:lt1>
        <a:srgbClr val="FFFFFF"/>
      </a:lt1>
      <a:dk2>
        <a:srgbClr val="25347B"/>
      </a:dk2>
      <a:lt2>
        <a:srgbClr val="F76C6C"/>
      </a:lt2>
      <a:accent1>
        <a:srgbClr val="F76C6C"/>
      </a:accent1>
      <a:accent2>
        <a:srgbClr val="25347B"/>
      </a:accent2>
      <a:accent3>
        <a:srgbClr val="5FC7C7"/>
      </a:accent3>
      <a:accent4>
        <a:srgbClr val="8BD16E"/>
      </a:accent4>
      <a:accent5>
        <a:srgbClr val="114B5F"/>
      </a:accent5>
      <a:accent6>
        <a:srgbClr val="E6007E"/>
      </a:accent6>
      <a:hlink>
        <a:srgbClr val="FFFFFF"/>
      </a:hlink>
      <a:folHlink>
        <a:srgbClr val="FFFFFF"/>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10.xml><?xml version="1.0" encoding="utf-8"?>
<a:theme xmlns:a="http://schemas.openxmlformats.org/drawingml/2006/main" name="3_Custom Design">
  <a:themeElements>
    <a:clrScheme name="Keoghs_Davies Colour Palette">
      <a:dk1>
        <a:srgbClr val="54565A"/>
      </a:dk1>
      <a:lt1>
        <a:srgbClr val="FFFFFF"/>
      </a:lt1>
      <a:dk2>
        <a:srgbClr val="25347B"/>
      </a:dk2>
      <a:lt2>
        <a:srgbClr val="F76C6C"/>
      </a:lt2>
      <a:accent1>
        <a:srgbClr val="F76C6C"/>
      </a:accent1>
      <a:accent2>
        <a:srgbClr val="25347B"/>
      </a:accent2>
      <a:accent3>
        <a:srgbClr val="5FC7C7"/>
      </a:accent3>
      <a:accent4>
        <a:srgbClr val="8BD16E"/>
      </a:accent4>
      <a:accent5>
        <a:srgbClr val="114B5F"/>
      </a:accent5>
      <a:accent6>
        <a:srgbClr val="E6007E"/>
      </a:accent6>
      <a:hlink>
        <a:srgbClr val="FFFFFF"/>
      </a:hlink>
      <a:folHlink>
        <a:srgbClr val="FFFFFF"/>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11.xml><?xml version="1.0" encoding="utf-8"?>
<a:theme xmlns:a="http://schemas.openxmlformats.org/drawingml/2006/main" name="4_Custom Design">
  <a:themeElements>
    <a:clrScheme name="Keoghs_Davies Colour Palette">
      <a:dk1>
        <a:srgbClr val="54565A"/>
      </a:dk1>
      <a:lt1>
        <a:srgbClr val="FFFFFF"/>
      </a:lt1>
      <a:dk2>
        <a:srgbClr val="25347B"/>
      </a:dk2>
      <a:lt2>
        <a:srgbClr val="F76C6C"/>
      </a:lt2>
      <a:accent1>
        <a:srgbClr val="F76C6C"/>
      </a:accent1>
      <a:accent2>
        <a:srgbClr val="25347B"/>
      </a:accent2>
      <a:accent3>
        <a:srgbClr val="5FC7C7"/>
      </a:accent3>
      <a:accent4>
        <a:srgbClr val="8BD16E"/>
      </a:accent4>
      <a:accent5>
        <a:srgbClr val="114B5F"/>
      </a:accent5>
      <a:accent6>
        <a:srgbClr val="E6007E"/>
      </a:accent6>
      <a:hlink>
        <a:srgbClr val="FFFFFF"/>
      </a:hlink>
      <a:folHlink>
        <a:srgbClr val="FFFFFF"/>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12.xml><?xml version="1.0" encoding="utf-8"?>
<a:theme xmlns:a="http://schemas.openxmlformats.org/drawingml/2006/main" name="Cowboys and Natives by Slidesgo">
  <a:themeElements>
    <a:clrScheme name="Simple Light">
      <a:dk1>
        <a:srgbClr val="1C0303"/>
      </a:dk1>
      <a:lt1>
        <a:srgbClr val="EEB280"/>
      </a:lt1>
      <a:dk2>
        <a:srgbClr val="6B1212"/>
      </a:dk2>
      <a:lt2>
        <a:srgbClr val="A04837"/>
      </a:lt2>
      <a:accent1>
        <a:srgbClr val="D87F55"/>
      </a:accent1>
      <a:accent2>
        <a:srgbClr val="F9D06B"/>
      </a:accent2>
      <a:accent3>
        <a:srgbClr val="FFFFFF"/>
      </a:accent3>
      <a:accent4>
        <a:srgbClr val="FFFFFF"/>
      </a:accent4>
      <a:accent5>
        <a:srgbClr val="FFFFFF"/>
      </a:accent5>
      <a:accent6>
        <a:srgbClr val="FFFFFF"/>
      </a:accent6>
      <a:hlink>
        <a:srgbClr val="1C0303"/>
      </a:hlink>
      <a:folHlink>
        <a:srgbClr val="0097A7"/>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13.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1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Keoghs 2020">
  <a:themeElements>
    <a:clrScheme name="Keoghs_Davies Colour Palette">
      <a:dk1>
        <a:srgbClr val="54565A"/>
      </a:dk1>
      <a:lt1>
        <a:srgbClr val="FFFFFF"/>
      </a:lt1>
      <a:dk2>
        <a:srgbClr val="25347B"/>
      </a:dk2>
      <a:lt2>
        <a:srgbClr val="F76C6C"/>
      </a:lt2>
      <a:accent1>
        <a:srgbClr val="F76C6C"/>
      </a:accent1>
      <a:accent2>
        <a:srgbClr val="25347B"/>
      </a:accent2>
      <a:accent3>
        <a:srgbClr val="5FC7C7"/>
      </a:accent3>
      <a:accent4>
        <a:srgbClr val="8BD16E"/>
      </a:accent4>
      <a:accent5>
        <a:srgbClr val="114B5F"/>
      </a:accent5>
      <a:accent6>
        <a:srgbClr val="E6007E"/>
      </a:accent6>
      <a:hlink>
        <a:srgbClr val="FFFFFF"/>
      </a:hlink>
      <a:folHlink>
        <a:srgbClr val="FFFFFF"/>
      </a:folHlink>
    </a:clrScheme>
    <a:fontScheme name="Calibri">
      <a:majorFont>
        <a:latin typeface="Calibri" panose="020F05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alibri" panose="020F0502020204030204"/>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Keoghs 2020" id="{46A8505C-0092-4FDE-BB06-F37963BFCBA6}" vid="{CEA2C91F-1A48-41D9-87D3-9B7574B35EB3}"/>
    </a:ext>
  </a:extLst>
</a:theme>
</file>

<file path=ppt/theme/theme3.xml><?xml version="1.0" encoding="utf-8"?>
<a:theme xmlns:a="http://schemas.openxmlformats.org/drawingml/2006/main" name="Custom Design">
  <a:themeElements>
    <a:clrScheme name="Keoghs_Davies Colour Palette">
      <a:dk1>
        <a:srgbClr val="54565A"/>
      </a:dk1>
      <a:lt1>
        <a:srgbClr val="FFFFFF"/>
      </a:lt1>
      <a:dk2>
        <a:srgbClr val="25347B"/>
      </a:dk2>
      <a:lt2>
        <a:srgbClr val="F76C6C"/>
      </a:lt2>
      <a:accent1>
        <a:srgbClr val="F76C6C"/>
      </a:accent1>
      <a:accent2>
        <a:srgbClr val="25347B"/>
      </a:accent2>
      <a:accent3>
        <a:srgbClr val="5FC7C7"/>
      </a:accent3>
      <a:accent4>
        <a:srgbClr val="8BD16E"/>
      </a:accent4>
      <a:accent5>
        <a:srgbClr val="114B5F"/>
      </a:accent5>
      <a:accent6>
        <a:srgbClr val="E6007E"/>
      </a:accent6>
      <a:hlink>
        <a:srgbClr val="FFFFFF"/>
      </a:hlink>
      <a:folHlink>
        <a:srgbClr val="FFFFFF"/>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4.xml><?xml version="1.0" encoding="utf-8"?>
<a:theme xmlns:a="http://schemas.openxmlformats.org/drawingml/2006/main" name="1_Divider Slides">
  <a:themeElements>
    <a:clrScheme name="Keoghs_Davies Colour Palette">
      <a:dk1>
        <a:srgbClr val="54565A"/>
      </a:dk1>
      <a:lt1>
        <a:srgbClr val="FFFFFF"/>
      </a:lt1>
      <a:dk2>
        <a:srgbClr val="25347B"/>
      </a:dk2>
      <a:lt2>
        <a:srgbClr val="F76C6C"/>
      </a:lt2>
      <a:accent1>
        <a:srgbClr val="F76C6C"/>
      </a:accent1>
      <a:accent2>
        <a:srgbClr val="25347B"/>
      </a:accent2>
      <a:accent3>
        <a:srgbClr val="5FC7C7"/>
      </a:accent3>
      <a:accent4>
        <a:srgbClr val="8BD16E"/>
      </a:accent4>
      <a:accent5>
        <a:srgbClr val="114B5F"/>
      </a:accent5>
      <a:accent6>
        <a:srgbClr val="E6007E"/>
      </a:accent6>
      <a:hlink>
        <a:srgbClr val="FFFFFF"/>
      </a:hlink>
      <a:folHlink>
        <a:srgbClr val="FFFFFF"/>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1_Questions and Answers">
  <a:themeElements>
    <a:clrScheme name="Keoghs_Davies Colour Palette">
      <a:dk1>
        <a:srgbClr val="54565A"/>
      </a:dk1>
      <a:lt1>
        <a:srgbClr val="FFFFFF"/>
      </a:lt1>
      <a:dk2>
        <a:srgbClr val="25347B"/>
      </a:dk2>
      <a:lt2>
        <a:srgbClr val="F76C6C"/>
      </a:lt2>
      <a:accent1>
        <a:srgbClr val="F76C6C"/>
      </a:accent1>
      <a:accent2>
        <a:srgbClr val="25347B"/>
      </a:accent2>
      <a:accent3>
        <a:srgbClr val="5FC7C7"/>
      </a:accent3>
      <a:accent4>
        <a:srgbClr val="8BD16E"/>
      </a:accent4>
      <a:accent5>
        <a:srgbClr val="114B5F"/>
      </a:accent5>
      <a:accent6>
        <a:srgbClr val="E6007E"/>
      </a:accent6>
      <a:hlink>
        <a:srgbClr val="FFFFFF"/>
      </a:hlink>
      <a:folHlink>
        <a:srgbClr val="FFFFFF"/>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Keoghs External Client Masterdeck 2020_.pptx" id="{45A6EACF-F74F-40AB-8FCE-D7631B706BD0}" vid="{B91B25FE-E458-4FA0-B02B-1D1E05A901AD}"/>
    </a:ext>
  </a:extLst>
</a:theme>
</file>

<file path=ppt/theme/theme6.xml><?xml version="1.0" encoding="utf-8"?>
<a:theme xmlns:a="http://schemas.openxmlformats.org/drawingml/2006/main" name="Disclaimer">
  <a:themeElements>
    <a:clrScheme name="Keoghs_Davies Colour Palette">
      <a:dk1>
        <a:srgbClr val="54565A"/>
      </a:dk1>
      <a:lt1>
        <a:srgbClr val="FFFFFF"/>
      </a:lt1>
      <a:dk2>
        <a:srgbClr val="25347B"/>
      </a:dk2>
      <a:lt2>
        <a:srgbClr val="F76C6C"/>
      </a:lt2>
      <a:accent1>
        <a:srgbClr val="F76C6C"/>
      </a:accent1>
      <a:accent2>
        <a:srgbClr val="25347B"/>
      </a:accent2>
      <a:accent3>
        <a:srgbClr val="5FC7C7"/>
      </a:accent3>
      <a:accent4>
        <a:srgbClr val="8BD16E"/>
      </a:accent4>
      <a:accent5>
        <a:srgbClr val="114B5F"/>
      </a:accent5>
      <a:accent6>
        <a:srgbClr val="E6007E"/>
      </a:accent6>
      <a:hlink>
        <a:srgbClr val="FFFFFF"/>
      </a:hlink>
      <a:folHlink>
        <a:srgbClr val="FFFFFF"/>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7.xml><?xml version="1.0" encoding="utf-8"?>
<a:theme xmlns:a="http://schemas.openxmlformats.org/drawingml/2006/main" name="1_Address">
  <a:themeElements>
    <a:clrScheme name="Keoghs_Davies Colour Palette">
      <a:dk1>
        <a:srgbClr val="54565A"/>
      </a:dk1>
      <a:lt1>
        <a:srgbClr val="FFFFFF"/>
      </a:lt1>
      <a:dk2>
        <a:srgbClr val="25347B"/>
      </a:dk2>
      <a:lt2>
        <a:srgbClr val="F76C6C"/>
      </a:lt2>
      <a:accent1>
        <a:srgbClr val="F76C6C"/>
      </a:accent1>
      <a:accent2>
        <a:srgbClr val="25347B"/>
      </a:accent2>
      <a:accent3>
        <a:srgbClr val="5FC7C7"/>
      </a:accent3>
      <a:accent4>
        <a:srgbClr val="8BD16E"/>
      </a:accent4>
      <a:accent5>
        <a:srgbClr val="114B5F"/>
      </a:accent5>
      <a:accent6>
        <a:srgbClr val="E6007E"/>
      </a:accent6>
      <a:hlink>
        <a:srgbClr val="FFFFFF"/>
      </a:hlink>
      <a:folHlink>
        <a:srgbClr val="FFFFFF"/>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Keoghs External Client Masterdeck 2020_.pptx" id="{45A6EACF-F74F-40AB-8FCE-D7631B706BD0}" vid="{706CC0AA-FF60-492C-9250-16BD8AB424C1}"/>
    </a:ext>
  </a:extLst>
</a:theme>
</file>

<file path=ppt/theme/theme8.xml><?xml version="1.0" encoding="utf-8"?>
<a:theme xmlns:a="http://schemas.openxmlformats.org/drawingml/2006/main" name="1_Custom Design">
  <a:themeElements>
    <a:clrScheme name="Keoghs_Davies Colour Palette">
      <a:dk1>
        <a:srgbClr val="54565A"/>
      </a:dk1>
      <a:lt1>
        <a:srgbClr val="FFFFFF"/>
      </a:lt1>
      <a:dk2>
        <a:srgbClr val="25347B"/>
      </a:dk2>
      <a:lt2>
        <a:srgbClr val="F76C6C"/>
      </a:lt2>
      <a:accent1>
        <a:srgbClr val="F76C6C"/>
      </a:accent1>
      <a:accent2>
        <a:srgbClr val="25347B"/>
      </a:accent2>
      <a:accent3>
        <a:srgbClr val="5FC7C7"/>
      </a:accent3>
      <a:accent4>
        <a:srgbClr val="8BD16E"/>
      </a:accent4>
      <a:accent5>
        <a:srgbClr val="114B5F"/>
      </a:accent5>
      <a:accent6>
        <a:srgbClr val="E6007E"/>
      </a:accent6>
      <a:hlink>
        <a:srgbClr val="FFFFFF"/>
      </a:hlink>
      <a:folHlink>
        <a:srgbClr val="FFFFFF"/>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9.xml><?xml version="1.0" encoding="utf-8"?>
<a:theme xmlns:a="http://schemas.openxmlformats.org/drawingml/2006/main" name="2_Custom Design">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emplate/>
  <TotalTime>20696</TotalTime>
  <Words>1316</Words>
  <Application>Microsoft Office PowerPoint</Application>
  <PresentationFormat>Custom</PresentationFormat>
  <Paragraphs>263</Paragraphs>
  <Slides>15</Slides>
  <Notes>3</Notes>
  <HiddenSlides>0</HiddenSlides>
  <MMClips>0</MMClips>
  <ScaleCrop>false</ScaleCrop>
  <HeadingPairs>
    <vt:vector size="6" baseType="variant">
      <vt:variant>
        <vt:lpstr>Fonts Used</vt:lpstr>
      </vt:variant>
      <vt:variant>
        <vt:i4>11</vt:i4>
      </vt:variant>
      <vt:variant>
        <vt:lpstr>Theme</vt:lpstr>
      </vt:variant>
      <vt:variant>
        <vt:i4>12</vt:i4>
      </vt:variant>
      <vt:variant>
        <vt:lpstr>Slide Titles</vt:lpstr>
      </vt:variant>
      <vt:variant>
        <vt:i4>15</vt:i4>
      </vt:variant>
    </vt:vector>
  </HeadingPairs>
  <TitlesOfParts>
    <vt:vector size="38" baseType="lpstr">
      <vt:lpstr>Alfa Slab One</vt:lpstr>
      <vt:lpstr>Aptos</vt:lpstr>
      <vt:lpstr>Arial</vt:lpstr>
      <vt:lpstr>Calibri</vt:lpstr>
      <vt:lpstr>Calibri Light</vt:lpstr>
      <vt:lpstr>Lato</vt:lpstr>
      <vt:lpstr>Nunito Light</vt:lpstr>
      <vt:lpstr>Orelega One</vt:lpstr>
      <vt:lpstr>Roboto Medium</vt:lpstr>
      <vt:lpstr>Times New Roman</vt:lpstr>
      <vt:lpstr>Wingdings</vt:lpstr>
      <vt:lpstr>Covers</vt:lpstr>
      <vt:lpstr>Keoghs 2020</vt:lpstr>
      <vt:lpstr>Custom Design</vt:lpstr>
      <vt:lpstr>1_Divider Slides</vt:lpstr>
      <vt:lpstr>1_Questions and Answers</vt:lpstr>
      <vt:lpstr>Disclaimer</vt:lpstr>
      <vt:lpstr>1_Address</vt:lpstr>
      <vt:lpstr>1_Custom Design</vt:lpstr>
      <vt:lpstr>2_Custom Design</vt:lpstr>
      <vt:lpstr>3_Custom Design</vt:lpstr>
      <vt:lpstr>4_Custom Design</vt:lpstr>
      <vt:lpstr>Cowboys and Natives by Slidesgo</vt:lpstr>
      <vt:lpstr>Maximizing Efficiency AND Streamlining Claims Management Processes</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Kamit Mistry</dc:creator>
  <cp:lastModifiedBy>Selina Ohlson</cp:lastModifiedBy>
  <cp:revision>159</cp:revision>
  <dcterms:modified xsi:type="dcterms:W3CDTF">2024-07-17T20:19:25Z</dcterms:modified>
</cp:coreProperties>
</file>